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5"/>
  </p:sldMasterIdLst>
  <p:notesMasterIdLst>
    <p:notesMasterId r:id="rId19"/>
  </p:notesMasterIdLst>
  <p:sldIdLst>
    <p:sldId id="256" r:id="rId6"/>
    <p:sldId id="259" r:id="rId7"/>
    <p:sldId id="315" r:id="rId8"/>
    <p:sldId id="317" r:id="rId9"/>
    <p:sldId id="319" r:id="rId10"/>
    <p:sldId id="260" r:id="rId11"/>
    <p:sldId id="316" r:id="rId12"/>
    <p:sldId id="314" r:id="rId13"/>
    <p:sldId id="269" r:id="rId14"/>
    <p:sldId id="275" r:id="rId15"/>
    <p:sldId id="321" r:id="rId16"/>
    <p:sldId id="320" r:id="rId17"/>
    <p:sldId id="322" r:id="rId18"/>
  </p:sldIdLst>
  <p:sldSz cx="6858000" cy="5143500"/>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16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7F7F6"/>
    <a:srgbClr val="D9D9D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F04C754-5BF4-4E83-9615-DB14FA25AF8A}" v="258" dt="2023-10-12T12:28:16.610"/>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4660"/>
  </p:normalViewPr>
  <p:slideViewPr>
    <p:cSldViewPr snapToGrid="0">
      <p:cViewPr varScale="1">
        <p:scale>
          <a:sx n="147" d="100"/>
          <a:sy n="147" d="100"/>
        </p:scale>
        <p:origin x="1656" y="126"/>
      </p:cViewPr>
      <p:guideLst>
        <p:guide orient="horz" pos="1620"/>
        <p:guide pos="2160"/>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18" Type="http://schemas.openxmlformats.org/officeDocument/2006/relationships/slide" Target="slides/slide13.xml"/><Relationship Id="rId26" Type="http://schemas.microsoft.com/office/2018/10/relationships/authors" Target="authors.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slide" Target="slides/slide12.xml"/><Relationship Id="rId25"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11.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24" Type="http://schemas.microsoft.com/office/2016/11/relationships/changesInfo" Target="changesInfos/changesInfo1.xml"/><Relationship Id="rId5" Type="http://schemas.openxmlformats.org/officeDocument/2006/relationships/slideMaster" Target="slideMasters/slideMaster1.xml"/><Relationship Id="rId15" Type="http://schemas.openxmlformats.org/officeDocument/2006/relationships/slide" Target="slides/slide10.xml"/><Relationship Id="rId23" Type="http://schemas.openxmlformats.org/officeDocument/2006/relationships/tableStyles" Target="tableStyles.xml"/><Relationship Id="rId10" Type="http://schemas.openxmlformats.org/officeDocument/2006/relationships/slide" Target="slides/slide5.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theme" Target="theme/theme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White, Alex" userId="eff6cc8c-37d8-483b-9c6c-6b27e9afa9bc" providerId="ADAL" clId="{BF04C754-5BF4-4E83-9615-DB14FA25AF8A}"/>
    <pc:docChg chg="undo redo custSel addSld delSld modSld sldOrd">
      <pc:chgData name="White, Alex" userId="eff6cc8c-37d8-483b-9c6c-6b27e9afa9bc" providerId="ADAL" clId="{BF04C754-5BF4-4E83-9615-DB14FA25AF8A}" dt="2023-10-12T12:28:29.504" v="1105" actId="14100"/>
      <pc:docMkLst>
        <pc:docMk/>
      </pc:docMkLst>
      <pc:sldChg chg="del">
        <pc:chgData name="White, Alex" userId="eff6cc8c-37d8-483b-9c6c-6b27e9afa9bc" providerId="ADAL" clId="{BF04C754-5BF4-4E83-9615-DB14FA25AF8A}" dt="2023-10-12T12:16:56.154" v="876" actId="47"/>
        <pc:sldMkLst>
          <pc:docMk/>
          <pc:sldMk cId="4187286597" sldId="257"/>
        </pc:sldMkLst>
      </pc:sldChg>
      <pc:sldChg chg="del">
        <pc:chgData name="White, Alex" userId="eff6cc8c-37d8-483b-9c6c-6b27e9afa9bc" providerId="ADAL" clId="{BF04C754-5BF4-4E83-9615-DB14FA25AF8A}" dt="2023-10-12T11:23:23.610" v="0" actId="47"/>
        <pc:sldMkLst>
          <pc:docMk/>
          <pc:sldMk cId="250302112" sldId="258"/>
        </pc:sldMkLst>
      </pc:sldChg>
      <pc:sldChg chg="addSp modSp mod">
        <pc:chgData name="White, Alex" userId="eff6cc8c-37d8-483b-9c6c-6b27e9afa9bc" providerId="ADAL" clId="{BF04C754-5BF4-4E83-9615-DB14FA25AF8A}" dt="2023-10-12T11:28:59.970" v="147" actId="1076"/>
        <pc:sldMkLst>
          <pc:docMk/>
          <pc:sldMk cId="1566433805" sldId="259"/>
        </pc:sldMkLst>
        <pc:spChg chg="add mod">
          <ac:chgData name="White, Alex" userId="eff6cc8c-37d8-483b-9c6c-6b27e9afa9bc" providerId="ADAL" clId="{BF04C754-5BF4-4E83-9615-DB14FA25AF8A}" dt="2023-10-12T11:28:21.636" v="142" actId="20577"/>
          <ac:spMkLst>
            <pc:docMk/>
            <pc:sldMk cId="1566433805" sldId="259"/>
            <ac:spMk id="11" creationId="{47EC13E2-E2A1-13DB-AC86-7458A6883C5B}"/>
          </ac:spMkLst>
        </pc:spChg>
        <pc:spChg chg="add mod">
          <ac:chgData name="White, Alex" userId="eff6cc8c-37d8-483b-9c6c-6b27e9afa9bc" providerId="ADAL" clId="{BF04C754-5BF4-4E83-9615-DB14FA25AF8A}" dt="2023-10-12T11:28:59.970" v="147" actId="1076"/>
          <ac:spMkLst>
            <pc:docMk/>
            <pc:sldMk cId="1566433805" sldId="259"/>
            <ac:spMk id="12" creationId="{CE40AB43-70AB-C00E-38AC-CDB44DB56054}"/>
          </ac:spMkLst>
        </pc:spChg>
      </pc:sldChg>
      <pc:sldChg chg="addSp delSp modSp new mod">
        <pc:chgData name="White, Alex" userId="eff6cc8c-37d8-483b-9c6c-6b27e9afa9bc" providerId="ADAL" clId="{BF04C754-5BF4-4E83-9615-DB14FA25AF8A}" dt="2023-10-12T11:50:03.033" v="552" actId="20577"/>
        <pc:sldMkLst>
          <pc:docMk/>
          <pc:sldMk cId="2376958513" sldId="260"/>
        </pc:sldMkLst>
        <pc:spChg chg="del">
          <ac:chgData name="White, Alex" userId="eff6cc8c-37d8-483b-9c6c-6b27e9afa9bc" providerId="ADAL" clId="{BF04C754-5BF4-4E83-9615-DB14FA25AF8A}" dt="2023-10-12T11:30:19.874" v="163" actId="478"/>
          <ac:spMkLst>
            <pc:docMk/>
            <pc:sldMk cId="2376958513" sldId="260"/>
            <ac:spMk id="2" creationId="{6BD06187-6C76-B9B1-F032-08B0B893CB35}"/>
          </ac:spMkLst>
        </pc:spChg>
        <pc:spChg chg="del">
          <ac:chgData name="White, Alex" userId="eff6cc8c-37d8-483b-9c6c-6b27e9afa9bc" providerId="ADAL" clId="{BF04C754-5BF4-4E83-9615-DB14FA25AF8A}" dt="2023-10-12T11:30:18.405" v="162" actId="478"/>
          <ac:spMkLst>
            <pc:docMk/>
            <pc:sldMk cId="2376958513" sldId="260"/>
            <ac:spMk id="3" creationId="{DD20449A-C7B2-5F4E-695E-C845A16B280E}"/>
          </ac:spMkLst>
        </pc:spChg>
        <pc:spChg chg="mod">
          <ac:chgData name="White, Alex" userId="eff6cc8c-37d8-483b-9c6c-6b27e9afa9bc" providerId="ADAL" clId="{BF04C754-5BF4-4E83-9615-DB14FA25AF8A}" dt="2023-10-12T11:29:58.815" v="161" actId="20577"/>
          <ac:spMkLst>
            <pc:docMk/>
            <pc:sldMk cId="2376958513" sldId="260"/>
            <ac:spMk id="4" creationId="{D822EA6A-2C94-518B-836A-C82A0CBDD392}"/>
          </ac:spMkLst>
        </pc:spChg>
        <pc:spChg chg="add mod">
          <ac:chgData name="White, Alex" userId="eff6cc8c-37d8-483b-9c6c-6b27e9afa9bc" providerId="ADAL" clId="{BF04C754-5BF4-4E83-9615-DB14FA25AF8A}" dt="2023-10-12T11:31:20.226" v="193" actId="20577"/>
          <ac:spMkLst>
            <pc:docMk/>
            <pc:sldMk cId="2376958513" sldId="260"/>
            <ac:spMk id="6" creationId="{3284A30F-75A3-219A-B6F7-06264AECC36C}"/>
          </ac:spMkLst>
        </pc:spChg>
        <pc:spChg chg="add mod">
          <ac:chgData name="White, Alex" userId="eff6cc8c-37d8-483b-9c6c-6b27e9afa9bc" providerId="ADAL" clId="{BF04C754-5BF4-4E83-9615-DB14FA25AF8A}" dt="2023-10-12T11:31:03.979" v="185" actId="1076"/>
          <ac:spMkLst>
            <pc:docMk/>
            <pc:sldMk cId="2376958513" sldId="260"/>
            <ac:spMk id="7" creationId="{0AA71EA9-FE54-B9B2-703B-FF2CE86EA811}"/>
          </ac:spMkLst>
        </pc:spChg>
        <pc:spChg chg="add mod">
          <ac:chgData name="White, Alex" userId="eff6cc8c-37d8-483b-9c6c-6b27e9afa9bc" providerId="ADAL" clId="{BF04C754-5BF4-4E83-9615-DB14FA25AF8A}" dt="2023-10-12T11:31:08.354" v="187" actId="1076"/>
          <ac:spMkLst>
            <pc:docMk/>
            <pc:sldMk cId="2376958513" sldId="260"/>
            <ac:spMk id="8" creationId="{1B4F0C32-8C8E-4809-F55F-D8DD485173E5}"/>
          </ac:spMkLst>
        </pc:spChg>
        <pc:spChg chg="add mod">
          <ac:chgData name="White, Alex" userId="eff6cc8c-37d8-483b-9c6c-6b27e9afa9bc" providerId="ADAL" clId="{BF04C754-5BF4-4E83-9615-DB14FA25AF8A}" dt="2023-10-12T11:31:22.623" v="194" actId="1076"/>
          <ac:spMkLst>
            <pc:docMk/>
            <pc:sldMk cId="2376958513" sldId="260"/>
            <ac:spMk id="9" creationId="{077A14F1-372D-6576-A32A-9C400A68F1B7}"/>
          </ac:spMkLst>
        </pc:spChg>
        <pc:spChg chg="add mod">
          <ac:chgData name="White, Alex" userId="eff6cc8c-37d8-483b-9c6c-6b27e9afa9bc" providerId="ADAL" clId="{BF04C754-5BF4-4E83-9615-DB14FA25AF8A}" dt="2023-10-12T11:34:27.539" v="241" actId="164"/>
          <ac:spMkLst>
            <pc:docMk/>
            <pc:sldMk cId="2376958513" sldId="260"/>
            <ac:spMk id="10" creationId="{01565ECC-E38A-D270-B9CC-57F56AC9909D}"/>
          </ac:spMkLst>
        </pc:spChg>
        <pc:spChg chg="add mod">
          <ac:chgData name="White, Alex" userId="eff6cc8c-37d8-483b-9c6c-6b27e9afa9bc" providerId="ADAL" clId="{BF04C754-5BF4-4E83-9615-DB14FA25AF8A}" dt="2023-10-12T11:34:27.539" v="241" actId="164"/>
          <ac:spMkLst>
            <pc:docMk/>
            <pc:sldMk cId="2376958513" sldId="260"/>
            <ac:spMk id="11" creationId="{7B1AA97D-D0F5-FC2D-9E0A-D64EB38CED1A}"/>
          </ac:spMkLst>
        </pc:spChg>
        <pc:spChg chg="add mod">
          <ac:chgData name="White, Alex" userId="eff6cc8c-37d8-483b-9c6c-6b27e9afa9bc" providerId="ADAL" clId="{BF04C754-5BF4-4E83-9615-DB14FA25AF8A}" dt="2023-10-12T11:34:27.539" v="241" actId="164"/>
          <ac:spMkLst>
            <pc:docMk/>
            <pc:sldMk cId="2376958513" sldId="260"/>
            <ac:spMk id="12" creationId="{DE09DF1B-6A66-ACA0-90E6-F2A670687C48}"/>
          </ac:spMkLst>
        </pc:spChg>
        <pc:spChg chg="add mod">
          <ac:chgData name="White, Alex" userId="eff6cc8c-37d8-483b-9c6c-6b27e9afa9bc" providerId="ADAL" clId="{BF04C754-5BF4-4E83-9615-DB14FA25AF8A}" dt="2023-10-12T11:34:27.539" v="241" actId="164"/>
          <ac:spMkLst>
            <pc:docMk/>
            <pc:sldMk cId="2376958513" sldId="260"/>
            <ac:spMk id="13" creationId="{53FA796E-6CC5-1350-B937-2CE3446173E6}"/>
          </ac:spMkLst>
        </pc:spChg>
        <pc:spChg chg="add mod">
          <ac:chgData name="White, Alex" userId="eff6cc8c-37d8-483b-9c6c-6b27e9afa9bc" providerId="ADAL" clId="{BF04C754-5BF4-4E83-9615-DB14FA25AF8A}" dt="2023-10-12T11:34:27.539" v="241" actId="164"/>
          <ac:spMkLst>
            <pc:docMk/>
            <pc:sldMk cId="2376958513" sldId="260"/>
            <ac:spMk id="14" creationId="{36EF6DC7-3EDA-BE2D-FDCD-EC69ED1BF4FC}"/>
          </ac:spMkLst>
        </pc:spChg>
        <pc:spChg chg="add mod">
          <ac:chgData name="White, Alex" userId="eff6cc8c-37d8-483b-9c6c-6b27e9afa9bc" providerId="ADAL" clId="{BF04C754-5BF4-4E83-9615-DB14FA25AF8A}" dt="2023-10-12T11:34:27.539" v="241" actId="164"/>
          <ac:spMkLst>
            <pc:docMk/>
            <pc:sldMk cId="2376958513" sldId="260"/>
            <ac:spMk id="15" creationId="{1002FC19-6EFF-EF14-811E-77CF532A558B}"/>
          </ac:spMkLst>
        </pc:spChg>
        <pc:spChg chg="add mod">
          <ac:chgData name="White, Alex" userId="eff6cc8c-37d8-483b-9c6c-6b27e9afa9bc" providerId="ADAL" clId="{BF04C754-5BF4-4E83-9615-DB14FA25AF8A}" dt="2023-10-12T11:34:27.539" v="241" actId="164"/>
          <ac:spMkLst>
            <pc:docMk/>
            <pc:sldMk cId="2376958513" sldId="260"/>
            <ac:spMk id="16" creationId="{6398B8BB-95E9-F5BA-6FFF-A5DEF7B5353C}"/>
          </ac:spMkLst>
        </pc:spChg>
        <pc:spChg chg="add mod">
          <ac:chgData name="White, Alex" userId="eff6cc8c-37d8-483b-9c6c-6b27e9afa9bc" providerId="ADAL" clId="{BF04C754-5BF4-4E83-9615-DB14FA25AF8A}" dt="2023-10-12T11:34:27.539" v="241" actId="164"/>
          <ac:spMkLst>
            <pc:docMk/>
            <pc:sldMk cId="2376958513" sldId="260"/>
            <ac:spMk id="17" creationId="{C7DBDF11-67E3-B038-9C5B-88F16A37EADF}"/>
          </ac:spMkLst>
        </pc:spChg>
        <pc:spChg chg="add mod">
          <ac:chgData name="White, Alex" userId="eff6cc8c-37d8-483b-9c6c-6b27e9afa9bc" providerId="ADAL" clId="{BF04C754-5BF4-4E83-9615-DB14FA25AF8A}" dt="2023-10-12T11:34:27.539" v="241" actId="164"/>
          <ac:spMkLst>
            <pc:docMk/>
            <pc:sldMk cId="2376958513" sldId="260"/>
            <ac:spMk id="18" creationId="{63086C15-271C-216A-05A8-6D75D9D0CA25}"/>
          </ac:spMkLst>
        </pc:spChg>
        <pc:spChg chg="add mod">
          <ac:chgData name="White, Alex" userId="eff6cc8c-37d8-483b-9c6c-6b27e9afa9bc" providerId="ADAL" clId="{BF04C754-5BF4-4E83-9615-DB14FA25AF8A}" dt="2023-10-12T11:34:27.539" v="241" actId="164"/>
          <ac:spMkLst>
            <pc:docMk/>
            <pc:sldMk cId="2376958513" sldId="260"/>
            <ac:spMk id="19" creationId="{B95B4157-D56E-9E5B-A276-6075CEC4249F}"/>
          </ac:spMkLst>
        </pc:spChg>
        <pc:spChg chg="add mod">
          <ac:chgData name="White, Alex" userId="eff6cc8c-37d8-483b-9c6c-6b27e9afa9bc" providerId="ADAL" clId="{BF04C754-5BF4-4E83-9615-DB14FA25AF8A}" dt="2023-10-12T11:34:32.830" v="242" actId="164"/>
          <ac:spMkLst>
            <pc:docMk/>
            <pc:sldMk cId="2376958513" sldId="260"/>
            <ac:spMk id="20" creationId="{0A8905DD-EB45-9815-FBF2-487B755B5943}"/>
          </ac:spMkLst>
        </pc:spChg>
        <pc:spChg chg="add mod">
          <ac:chgData name="White, Alex" userId="eff6cc8c-37d8-483b-9c6c-6b27e9afa9bc" providerId="ADAL" clId="{BF04C754-5BF4-4E83-9615-DB14FA25AF8A}" dt="2023-10-12T11:34:32.830" v="242" actId="164"/>
          <ac:spMkLst>
            <pc:docMk/>
            <pc:sldMk cId="2376958513" sldId="260"/>
            <ac:spMk id="21" creationId="{DDEE37AE-CCF0-3ED3-E771-91B6BDD3E0C6}"/>
          </ac:spMkLst>
        </pc:spChg>
        <pc:spChg chg="add mod">
          <ac:chgData name="White, Alex" userId="eff6cc8c-37d8-483b-9c6c-6b27e9afa9bc" providerId="ADAL" clId="{BF04C754-5BF4-4E83-9615-DB14FA25AF8A}" dt="2023-10-12T11:34:32.830" v="242" actId="164"/>
          <ac:spMkLst>
            <pc:docMk/>
            <pc:sldMk cId="2376958513" sldId="260"/>
            <ac:spMk id="22" creationId="{44987710-4B5C-0CAD-6900-F8910255FC61}"/>
          </ac:spMkLst>
        </pc:spChg>
        <pc:spChg chg="add mod">
          <ac:chgData name="White, Alex" userId="eff6cc8c-37d8-483b-9c6c-6b27e9afa9bc" providerId="ADAL" clId="{BF04C754-5BF4-4E83-9615-DB14FA25AF8A}" dt="2023-10-12T11:34:32.830" v="242" actId="164"/>
          <ac:spMkLst>
            <pc:docMk/>
            <pc:sldMk cId="2376958513" sldId="260"/>
            <ac:spMk id="23" creationId="{BEF5E268-D9C7-9D23-6C7F-D3AC689F684E}"/>
          </ac:spMkLst>
        </pc:spChg>
        <pc:spChg chg="add mod">
          <ac:chgData name="White, Alex" userId="eff6cc8c-37d8-483b-9c6c-6b27e9afa9bc" providerId="ADAL" clId="{BF04C754-5BF4-4E83-9615-DB14FA25AF8A}" dt="2023-10-12T11:34:32.830" v="242" actId="164"/>
          <ac:spMkLst>
            <pc:docMk/>
            <pc:sldMk cId="2376958513" sldId="260"/>
            <ac:spMk id="24" creationId="{1DBEE930-E820-F88B-F5A4-FAC7FB679C6A}"/>
          </ac:spMkLst>
        </pc:spChg>
        <pc:spChg chg="add mod">
          <ac:chgData name="White, Alex" userId="eff6cc8c-37d8-483b-9c6c-6b27e9afa9bc" providerId="ADAL" clId="{BF04C754-5BF4-4E83-9615-DB14FA25AF8A}" dt="2023-10-12T11:34:32.830" v="242" actId="164"/>
          <ac:spMkLst>
            <pc:docMk/>
            <pc:sldMk cId="2376958513" sldId="260"/>
            <ac:spMk id="25" creationId="{534DC7BC-DCD2-BCF6-7A02-54BD326B656C}"/>
          </ac:spMkLst>
        </pc:spChg>
        <pc:spChg chg="add mod">
          <ac:chgData name="White, Alex" userId="eff6cc8c-37d8-483b-9c6c-6b27e9afa9bc" providerId="ADAL" clId="{BF04C754-5BF4-4E83-9615-DB14FA25AF8A}" dt="2023-10-12T11:34:32.830" v="242" actId="164"/>
          <ac:spMkLst>
            <pc:docMk/>
            <pc:sldMk cId="2376958513" sldId="260"/>
            <ac:spMk id="26" creationId="{3A3557F4-A1DF-237C-03A5-74597EA92E03}"/>
          </ac:spMkLst>
        </pc:spChg>
        <pc:spChg chg="add mod">
          <ac:chgData name="White, Alex" userId="eff6cc8c-37d8-483b-9c6c-6b27e9afa9bc" providerId="ADAL" clId="{BF04C754-5BF4-4E83-9615-DB14FA25AF8A}" dt="2023-10-12T11:34:32.830" v="242" actId="164"/>
          <ac:spMkLst>
            <pc:docMk/>
            <pc:sldMk cId="2376958513" sldId="260"/>
            <ac:spMk id="27" creationId="{3FCFE33F-8423-E6B1-B3F8-20EE2667A18A}"/>
          </ac:spMkLst>
        </pc:spChg>
        <pc:spChg chg="add mod">
          <ac:chgData name="White, Alex" userId="eff6cc8c-37d8-483b-9c6c-6b27e9afa9bc" providerId="ADAL" clId="{BF04C754-5BF4-4E83-9615-DB14FA25AF8A}" dt="2023-10-12T11:34:32.830" v="242" actId="164"/>
          <ac:spMkLst>
            <pc:docMk/>
            <pc:sldMk cId="2376958513" sldId="260"/>
            <ac:spMk id="28" creationId="{CEE14219-4075-BD3E-3E2F-DFB1D43DE147}"/>
          </ac:spMkLst>
        </pc:spChg>
        <pc:spChg chg="add mod">
          <ac:chgData name="White, Alex" userId="eff6cc8c-37d8-483b-9c6c-6b27e9afa9bc" providerId="ADAL" clId="{BF04C754-5BF4-4E83-9615-DB14FA25AF8A}" dt="2023-10-12T11:34:32.830" v="242" actId="164"/>
          <ac:spMkLst>
            <pc:docMk/>
            <pc:sldMk cId="2376958513" sldId="260"/>
            <ac:spMk id="29" creationId="{89678E65-7779-DFB1-6000-65E6C61BF0B1}"/>
          </ac:spMkLst>
        </pc:spChg>
        <pc:spChg chg="add mod">
          <ac:chgData name="White, Alex" userId="eff6cc8c-37d8-483b-9c6c-6b27e9afa9bc" providerId="ADAL" clId="{BF04C754-5BF4-4E83-9615-DB14FA25AF8A}" dt="2023-10-12T11:34:32.830" v="242" actId="164"/>
          <ac:spMkLst>
            <pc:docMk/>
            <pc:sldMk cId="2376958513" sldId="260"/>
            <ac:spMk id="30" creationId="{595E91ED-4AC1-A373-DB51-AE4A5586772D}"/>
          </ac:spMkLst>
        </pc:spChg>
        <pc:spChg chg="add mod">
          <ac:chgData name="White, Alex" userId="eff6cc8c-37d8-483b-9c6c-6b27e9afa9bc" providerId="ADAL" clId="{BF04C754-5BF4-4E83-9615-DB14FA25AF8A}" dt="2023-10-12T11:34:32.830" v="242" actId="164"/>
          <ac:spMkLst>
            <pc:docMk/>
            <pc:sldMk cId="2376958513" sldId="260"/>
            <ac:spMk id="31" creationId="{7EE4FBD8-BFC1-3E4E-8DD8-0891F45C5448}"/>
          </ac:spMkLst>
        </pc:spChg>
        <pc:spChg chg="add mod">
          <ac:chgData name="White, Alex" userId="eff6cc8c-37d8-483b-9c6c-6b27e9afa9bc" providerId="ADAL" clId="{BF04C754-5BF4-4E83-9615-DB14FA25AF8A}" dt="2023-10-12T11:34:32.830" v="242" actId="164"/>
          <ac:spMkLst>
            <pc:docMk/>
            <pc:sldMk cId="2376958513" sldId="260"/>
            <ac:spMk id="32" creationId="{AAFCC3AE-207A-4518-BD4B-2D62FD307062}"/>
          </ac:spMkLst>
        </pc:spChg>
        <pc:spChg chg="add mod">
          <ac:chgData name="White, Alex" userId="eff6cc8c-37d8-483b-9c6c-6b27e9afa9bc" providerId="ADAL" clId="{BF04C754-5BF4-4E83-9615-DB14FA25AF8A}" dt="2023-10-12T11:34:32.830" v="242" actId="164"/>
          <ac:spMkLst>
            <pc:docMk/>
            <pc:sldMk cId="2376958513" sldId="260"/>
            <ac:spMk id="33" creationId="{CC384D75-A592-38C8-E09B-A10956AEF931}"/>
          </ac:spMkLst>
        </pc:spChg>
        <pc:spChg chg="add mod">
          <ac:chgData name="White, Alex" userId="eff6cc8c-37d8-483b-9c6c-6b27e9afa9bc" providerId="ADAL" clId="{BF04C754-5BF4-4E83-9615-DB14FA25AF8A}" dt="2023-10-12T11:34:32.830" v="242" actId="164"/>
          <ac:spMkLst>
            <pc:docMk/>
            <pc:sldMk cId="2376958513" sldId="260"/>
            <ac:spMk id="34" creationId="{9CF7BF2D-79A9-0284-B04A-077D24290456}"/>
          </ac:spMkLst>
        </pc:spChg>
        <pc:spChg chg="add mod">
          <ac:chgData name="White, Alex" userId="eff6cc8c-37d8-483b-9c6c-6b27e9afa9bc" providerId="ADAL" clId="{BF04C754-5BF4-4E83-9615-DB14FA25AF8A}" dt="2023-10-12T11:34:32.830" v="242" actId="164"/>
          <ac:spMkLst>
            <pc:docMk/>
            <pc:sldMk cId="2376958513" sldId="260"/>
            <ac:spMk id="35" creationId="{9C221EB0-B9D8-FF5A-3DC5-F34776F81F79}"/>
          </ac:spMkLst>
        </pc:spChg>
        <pc:spChg chg="add mod">
          <ac:chgData name="White, Alex" userId="eff6cc8c-37d8-483b-9c6c-6b27e9afa9bc" providerId="ADAL" clId="{BF04C754-5BF4-4E83-9615-DB14FA25AF8A}" dt="2023-10-12T11:34:32.830" v="242" actId="164"/>
          <ac:spMkLst>
            <pc:docMk/>
            <pc:sldMk cId="2376958513" sldId="260"/>
            <ac:spMk id="36" creationId="{B48DFD9A-ED59-E505-4BF3-0D8FC9C63AF5}"/>
          </ac:spMkLst>
        </pc:spChg>
        <pc:spChg chg="add mod">
          <ac:chgData name="White, Alex" userId="eff6cc8c-37d8-483b-9c6c-6b27e9afa9bc" providerId="ADAL" clId="{BF04C754-5BF4-4E83-9615-DB14FA25AF8A}" dt="2023-10-12T11:34:32.830" v="242" actId="164"/>
          <ac:spMkLst>
            <pc:docMk/>
            <pc:sldMk cId="2376958513" sldId="260"/>
            <ac:spMk id="37" creationId="{B7E2A7C7-555A-7A9D-B6A1-27045AA3C7AA}"/>
          </ac:spMkLst>
        </pc:spChg>
        <pc:spChg chg="add mod">
          <ac:chgData name="White, Alex" userId="eff6cc8c-37d8-483b-9c6c-6b27e9afa9bc" providerId="ADAL" clId="{BF04C754-5BF4-4E83-9615-DB14FA25AF8A}" dt="2023-10-12T11:34:32.830" v="242" actId="164"/>
          <ac:spMkLst>
            <pc:docMk/>
            <pc:sldMk cId="2376958513" sldId="260"/>
            <ac:spMk id="38" creationId="{2A7C9C5C-C380-79C9-8950-5DE362C4850D}"/>
          </ac:spMkLst>
        </pc:spChg>
        <pc:spChg chg="add mod">
          <ac:chgData name="White, Alex" userId="eff6cc8c-37d8-483b-9c6c-6b27e9afa9bc" providerId="ADAL" clId="{BF04C754-5BF4-4E83-9615-DB14FA25AF8A}" dt="2023-10-12T11:34:32.830" v="242" actId="164"/>
          <ac:spMkLst>
            <pc:docMk/>
            <pc:sldMk cId="2376958513" sldId="260"/>
            <ac:spMk id="39" creationId="{0680EF0D-C9F7-DD07-B4C3-54BB32D3352B}"/>
          </ac:spMkLst>
        </pc:spChg>
        <pc:spChg chg="add mod">
          <ac:chgData name="White, Alex" userId="eff6cc8c-37d8-483b-9c6c-6b27e9afa9bc" providerId="ADAL" clId="{BF04C754-5BF4-4E83-9615-DB14FA25AF8A}" dt="2023-10-12T11:34:32.830" v="242" actId="164"/>
          <ac:spMkLst>
            <pc:docMk/>
            <pc:sldMk cId="2376958513" sldId="260"/>
            <ac:spMk id="40" creationId="{FB6FD396-373D-BC03-30D4-E0D92FC6DA36}"/>
          </ac:spMkLst>
        </pc:spChg>
        <pc:spChg chg="add mod">
          <ac:chgData name="White, Alex" userId="eff6cc8c-37d8-483b-9c6c-6b27e9afa9bc" providerId="ADAL" clId="{BF04C754-5BF4-4E83-9615-DB14FA25AF8A}" dt="2023-10-12T11:34:32.830" v="242" actId="164"/>
          <ac:spMkLst>
            <pc:docMk/>
            <pc:sldMk cId="2376958513" sldId="260"/>
            <ac:spMk id="41" creationId="{8F6D54B5-818E-1D7E-18A9-DCBFA2018F44}"/>
          </ac:spMkLst>
        </pc:spChg>
        <pc:spChg chg="add mod">
          <ac:chgData name="White, Alex" userId="eff6cc8c-37d8-483b-9c6c-6b27e9afa9bc" providerId="ADAL" clId="{BF04C754-5BF4-4E83-9615-DB14FA25AF8A}" dt="2023-10-12T11:34:32.830" v="242" actId="164"/>
          <ac:spMkLst>
            <pc:docMk/>
            <pc:sldMk cId="2376958513" sldId="260"/>
            <ac:spMk id="42" creationId="{F823F5F2-BA1A-F3FC-C46F-62073FF679D6}"/>
          </ac:spMkLst>
        </pc:spChg>
        <pc:spChg chg="add mod">
          <ac:chgData name="White, Alex" userId="eff6cc8c-37d8-483b-9c6c-6b27e9afa9bc" providerId="ADAL" clId="{BF04C754-5BF4-4E83-9615-DB14FA25AF8A}" dt="2023-10-12T11:34:32.830" v="242" actId="164"/>
          <ac:spMkLst>
            <pc:docMk/>
            <pc:sldMk cId="2376958513" sldId="260"/>
            <ac:spMk id="43" creationId="{1AB0EABB-FFBD-89C3-BD9C-19D22DE9C0E0}"/>
          </ac:spMkLst>
        </pc:spChg>
        <pc:spChg chg="add mod">
          <ac:chgData name="White, Alex" userId="eff6cc8c-37d8-483b-9c6c-6b27e9afa9bc" providerId="ADAL" clId="{BF04C754-5BF4-4E83-9615-DB14FA25AF8A}" dt="2023-10-12T11:34:32.830" v="242" actId="164"/>
          <ac:spMkLst>
            <pc:docMk/>
            <pc:sldMk cId="2376958513" sldId="260"/>
            <ac:spMk id="44" creationId="{A8F15AFB-9B15-AAD2-C37D-A673DAB14DAA}"/>
          </ac:spMkLst>
        </pc:spChg>
        <pc:spChg chg="add mod">
          <ac:chgData name="White, Alex" userId="eff6cc8c-37d8-483b-9c6c-6b27e9afa9bc" providerId="ADAL" clId="{BF04C754-5BF4-4E83-9615-DB14FA25AF8A}" dt="2023-10-12T11:34:32.830" v="242" actId="164"/>
          <ac:spMkLst>
            <pc:docMk/>
            <pc:sldMk cId="2376958513" sldId="260"/>
            <ac:spMk id="45" creationId="{14DD0AAD-796D-CF9F-5F5B-ECE6B7627239}"/>
          </ac:spMkLst>
        </pc:spChg>
        <pc:spChg chg="add mod">
          <ac:chgData name="White, Alex" userId="eff6cc8c-37d8-483b-9c6c-6b27e9afa9bc" providerId="ADAL" clId="{BF04C754-5BF4-4E83-9615-DB14FA25AF8A}" dt="2023-10-12T11:34:32.830" v="242" actId="164"/>
          <ac:spMkLst>
            <pc:docMk/>
            <pc:sldMk cId="2376958513" sldId="260"/>
            <ac:spMk id="46" creationId="{557916F9-2CB6-F132-8282-2AE968A86D21}"/>
          </ac:spMkLst>
        </pc:spChg>
        <pc:spChg chg="add mod">
          <ac:chgData name="White, Alex" userId="eff6cc8c-37d8-483b-9c6c-6b27e9afa9bc" providerId="ADAL" clId="{BF04C754-5BF4-4E83-9615-DB14FA25AF8A}" dt="2023-10-12T11:34:32.830" v="242" actId="164"/>
          <ac:spMkLst>
            <pc:docMk/>
            <pc:sldMk cId="2376958513" sldId="260"/>
            <ac:spMk id="47" creationId="{CC02D95B-724B-0627-A760-80C9B982EAE0}"/>
          </ac:spMkLst>
        </pc:spChg>
        <pc:spChg chg="add mod">
          <ac:chgData name="White, Alex" userId="eff6cc8c-37d8-483b-9c6c-6b27e9afa9bc" providerId="ADAL" clId="{BF04C754-5BF4-4E83-9615-DB14FA25AF8A}" dt="2023-10-12T11:34:32.830" v="242" actId="164"/>
          <ac:spMkLst>
            <pc:docMk/>
            <pc:sldMk cId="2376958513" sldId="260"/>
            <ac:spMk id="48" creationId="{5AB49FB9-28D1-CC2F-B503-B416DD1D8347}"/>
          </ac:spMkLst>
        </pc:spChg>
        <pc:spChg chg="add mod">
          <ac:chgData name="White, Alex" userId="eff6cc8c-37d8-483b-9c6c-6b27e9afa9bc" providerId="ADAL" clId="{BF04C754-5BF4-4E83-9615-DB14FA25AF8A}" dt="2023-10-12T11:34:32.830" v="242" actId="164"/>
          <ac:spMkLst>
            <pc:docMk/>
            <pc:sldMk cId="2376958513" sldId="260"/>
            <ac:spMk id="49" creationId="{6C321BFA-5ECB-68F1-AA3E-AB3E40EEF593}"/>
          </ac:spMkLst>
        </pc:spChg>
        <pc:spChg chg="add mod">
          <ac:chgData name="White, Alex" userId="eff6cc8c-37d8-483b-9c6c-6b27e9afa9bc" providerId="ADAL" clId="{BF04C754-5BF4-4E83-9615-DB14FA25AF8A}" dt="2023-10-12T11:34:32.830" v="242" actId="164"/>
          <ac:spMkLst>
            <pc:docMk/>
            <pc:sldMk cId="2376958513" sldId="260"/>
            <ac:spMk id="50" creationId="{2EF663D8-3686-D85E-D597-C74E6A3F83E2}"/>
          </ac:spMkLst>
        </pc:spChg>
        <pc:spChg chg="add mod">
          <ac:chgData name="White, Alex" userId="eff6cc8c-37d8-483b-9c6c-6b27e9afa9bc" providerId="ADAL" clId="{BF04C754-5BF4-4E83-9615-DB14FA25AF8A}" dt="2023-10-12T11:34:32.830" v="242" actId="164"/>
          <ac:spMkLst>
            <pc:docMk/>
            <pc:sldMk cId="2376958513" sldId="260"/>
            <ac:spMk id="51" creationId="{E9B381D7-0F28-5C11-8E1A-16563AF85999}"/>
          </ac:spMkLst>
        </pc:spChg>
        <pc:spChg chg="add mod">
          <ac:chgData name="White, Alex" userId="eff6cc8c-37d8-483b-9c6c-6b27e9afa9bc" providerId="ADAL" clId="{BF04C754-5BF4-4E83-9615-DB14FA25AF8A}" dt="2023-10-12T11:34:32.830" v="242" actId="164"/>
          <ac:spMkLst>
            <pc:docMk/>
            <pc:sldMk cId="2376958513" sldId="260"/>
            <ac:spMk id="52" creationId="{6124A6CB-0F52-66F1-0A1B-462DBBAC6227}"/>
          </ac:spMkLst>
        </pc:spChg>
        <pc:spChg chg="add mod">
          <ac:chgData name="White, Alex" userId="eff6cc8c-37d8-483b-9c6c-6b27e9afa9bc" providerId="ADAL" clId="{BF04C754-5BF4-4E83-9615-DB14FA25AF8A}" dt="2023-10-12T11:34:32.830" v="242" actId="164"/>
          <ac:spMkLst>
            <pc:docMk/>
            <pc:sldMk cId="2376958513" sldId="260"/>
            <ac:spMk id="53" creationId="{6FED36D2-FEB8-B2F1-10D3-F096BA490DB0}"/>
          </ac:spMkLst>
        </pc:spChg>
        <pc:spChg chg="add mod">
          <ac:chgData name="White, Alex" userId="eff6cc8c-37d8-483b-9c6c-6b27e9afa9bc" providerId="ADAL" clId="{BF04C754-5BF4-4E83-9615-DB14FA25AF8A}" dt="2023-10-12T11:34:32.830" v="242" actId="164"/>
          <ac:spMkLst>
            <pc:docMk/>
            <pc:sldMk cId="2376958513" sldId="260"/>
            <ac:spMk id="54" creationId="{3D844F3C-D544-D8E2-4A90-E7C9C24D8891}"/>
          </ac:spMkLst>
        </pc:spChg>
        <pc:spChg chg="add mod">
          <ac:chgData name="White, Alex" userId="eff6cc8c-37d8-483b-9c6c-6b27e9afa9bc" providerId="ADAL" clId="{BF04C754-5BF4-4E83-9615-DB14FA25AF8A}" dt="2023-10-12T11:34:32.830" v="242" actId="164"/>
          <ac:spMkLst>
            <pc:docMk/>
            <pc:sldMk cId="2376958513" sldId="260"/>
            <ac:spMk id="55" creationId="{8933C4E5-AE92-AFF4-C3F9-87063BC6A2AA}"/>
          </ac:spMkLst>
        </pc:spChg>
        <pc:spChg chg="add mod">
          <ac:chgData name="White, Alex" userId="eff6cc8c-37d8-483b-9c6c-6b27e9afa9bc" providerId="ADAL" clId="{BF04C754-5BF4-4E83-9615-DB14FA25AF8A}" dt="2023-10-12T11:34:32.830" v="242" actId="164"/>
          <ac:spMkLst>
            <pc:docMk/>
            <pc:sldMk cId="2376958513" sldId="260"/>
            <ac:spMk id="56" creationId="{9F4D14E1-52B6-B340-C449-D2DC3EEA0996}"/>
          </ac:spMkLst>
        </pc:spChg>
        <pc:spChg chg="add mod">
          <ac:chgData name="White, Alex" userId="eff6cc8c-37d8-483b-9c6c-6b27e9afa9bc" providerId="ADAL" clId="{BF04C754-5BF4-4E83-9615-DB14FA25AF8A}" dt="2023-10-12T11:34:32.830" v="242" actId="164"/>
          <ac:spMkLst>
            <pc:docMk/>
            <pc:sldMk cId="2376958513" sldId="260"/>
            <ac:spMk id="57" creationId="{5A232716-0ECA-5B7D-2D74-867DB85547F3}"/>
          </ac:spMkLst>
        </pc:spChg>
        <pc:spChg chg="add mod">
          <ac:chgData name="White, Alex" userId="eff6cc8c-37d8-483b-9c6c-6b27e9afa9bc" providerId="ADAL" clId="{BF04C754-5BF4-4E83-9615-DB14FA25AF8A}" dt="2023-10-12T11:34:32.830" v="242" actId="164"/>
          <ac:spMkLst>
            <pc:docMk/>
            <pc:sldMk cId="2376958513" sldId="260"/>
            <ac:spMk id="58" creationId="{C7512123-7414-E273-A2E1-3A4806CE1F8F}"/>
          </ac:spMkLst>
        </pc:spChg>
        <pc:spChg chg="add mod">
          <ac:chgData name="White, Alex" userId="eff6cc8c-37d8-483b-9c6c-6b27e9afa9bc" providerId="ADAL" clId="{BF04C754-5BF4-4E83-9615-DB14FA25AF8A}" dt="2023-10-12T11:34:32.830" v="242" actId="164"/>
          <ac:spMkLst>
            <pc:docMk/>
            <pc:sldMk cId="2376958513" sldId="260"/>
            <ac:spMk id="59" creationId="{09382448-B16B-4146-7094-FE1F2A96A726}"/>
          </ac:spMkLst>
        </pc:spChg>
        <pc:spChg chg="add del mod">
          <ac:chgData name="White, Alex" userId="eff6cc8c-37d8-483b-9c6c-6b27e9afa9bc" providerId="ADAL" clId="{BF04C754-5BF4-4E83-9615-DB14FA25AF8A}" dt="2023-10-12T11:33:34.878" v="233"/>
          <ac:spMkLst>
            <pc:docMk/>
            <pc:sldMk cId="2376958513" sldId="260"/>
            <ac:spMk id="60" creationId="{27C25610-DDD1-C2DD-0B83-4418FADB6044}"/>
          </ac:spMkLst>
        </pc:spChg>
        <pc:spChg chg="add del mod">
          <ac:chgData name="White, Alex" userId="eff6cc8c-37d8-483b-9c6c-6b27e9afa9bc" providerId="ADAL" clId="{BF04C754-5BF4-4E83-9615-DB14FA25AF8A}" dt="2023-10-12T11:33:34.878" v="233"/>
          <ac:spMkLst>
            <pc:docMk/>
            <pc:sldMk cId="2376958513" sldId="260"/>
            <ac:spMk id="61" creationId="{5B2A75E6-1423-6A0A-109B-8D6E63B0BB0A}"/>
          </ac:spMkLst>
        </pc:spChg>
        <pc:spChg chg="add del mod">
          <ac:chgData name="White, Alex" userId="eff6cc8c-37d8-483b-9c6c-6b27e9afa9bc" providerId="ADAL" clId="{BF04C754-5BF4-4E83-9615-DB14FA25AF8A}" dt="2023-10-12T11:33:34.878" v="233"/>
          <ac:spMkLst>
            <pc:docMk/>
            <pc:sldMk cId="2376958513" sldId="260"/>
            <ac:spMk id="62" creationId="{A15F5952-A17E-DD4A-B4E1-FCC3C7122732}"/>
          </ac:spMkLst>
        </pc:spChg>
        <pc:spChg chg="add del mod">
          <ac:chgData name="White, Alex" userId="eff6cc8c-37d8-483b-9c6c-6b27e9afa9bc" providerId="ADAL" clId="{BF04C754-5BF4-4E83-9615-DB14FA25AF8A}" dt="2023-10-12T11:33:34.878" v="233"/>
          <ac:spMkLst>
            <pc:docMk/>
            <pc:sldMk cId="2376958513" sldId="260"/>
            <ac:spMk id="63" creationId="{A9687042-38BE-4223-7E8D-733202FE7519}"/>
          </ac:spMkLst>
        </pc:spChg>
        <pc:spChg chg="add del mod">
          <ac:chgData name="White, Alex" userId="eff6cc8c-37d8-483b-9c6c-6b27e9afa9bc" providerId="ADAL" clId="{BF04C754-5BF4-4E83-9615-DB14FA25AF8A}" dt="2023-10-12T11:33:34.878" v="233"/>
          <ac:spMkLst>
            <pc:docMk/>
            <pc:sldMk cId="2376958513" sldId="260"/>
            <ac:spMk id="64" creationId="{5594E97C-F0B0-4306-E805-8E6A7C6AE1DD}"/>
          </ac:spMkLst>
        </pc:spChg>
        <pc:spChg chg="add del mod">
          <ac:chgData name="White, Alex" userId="eff6cc8c-37d8-483b-9c6c-6b27e9afa9bc" providerId="ADAL" clId="{BF04C754-5BF4-4E83-9615-DB14FA25AF8A}" dt="2023-10-12T11:33:34.878" v="233"/>
          <ac:spMkLst>
            <pc:docMk/>
            <pc:sldMk cId="2376958513" sldId="260"/>
            <ac:spMk id="65" creationId="{0C026F26-700B-E876-8915-00F2BAE9BD2B}"/>
          </ac:spMkLst>
        </pc:spChg>
        <pc:spChg chg="add del mod">
          <ac:chgData name="White, Alex" userId="eff6cc8c-37d8-483b-9c6c-6b27e9afa9bc" providerId="ADAL" clId="{BF04C754-5BF4-4E83-9615-DB14FA25AF8A}" dt="2023-10-12T11:33:34.878" v="233"/>
          <ac:spMkLst>
            <pc:docMk/>
            <pc:sldMk cId="2376958513" sldId="260"/>
            <ac:spMk id="66" creationId="{3516502A-7C25-456C-CB57-3A70B4DD8F39}"/>
          </ac:spMkLst>
        </pc:spChg>
        <pc:spChg chg="add del mod">
          <ac:chgData name="White, Alex" userId="eff6cc8c-37d8-483b-9c6c-6b27e9afa9bc" providerId="ADAL" clId="{BF04C754-5BF4-4E83-9615-DB14FA25AF8A}" dt="2023-10-12T11:33:34.878" v="233"/>
          <ac:spMkLst>
            <pc:docMk/>
            <pc:sldMk cId="2376958513" sldId="260"/>
            <ac:spMk id="67" creationId="{C29C396B-4F31-43BC-C605-3CAF3D5DA20F}"/>
          </ac:spMkLst>
        </pc:spChg>
        <pc:spChg chg="add del mod">
          <ac:chgData name="White, Alex" userId="eff6cc8c-37d8-483b-9c6c-6b27e9afa9bc" providerId="ADAL" clId="{BF04C754-5BF4-4E83-9615-DB14FA25AF8A}" dt="2023-10-12T11:33:34.878" v="233"/>
          <ac:spMkLst>
            <pc:docMk/>
            <pc:sldMk cId="2376958513" sldId="260"/>
            <ac:spMk id="68" creationId="{000CE46A-E40B-2843-E61F-81575DFB8561}"/>
          </ac:spMkLst>
        </pc:spChg>
        <pc:spChg chg="add del mod">
          <ac:chgData name="White, Alex" userId="eff6cc8c-37d8-483b-9c6c-6b27e9afa9bc" providerId="ADAL" clId="{BF04C754-5BF4-4E83-9615-DB14FA25AF8A}" dt="2023-10-12T11:33:34.878" v="233"/>
          <ac:spMkLst>
            <pc:docMk/>
            <pc:sldMk cId="2376958513" sldId="260"/>
            <ac:spMk id="69" creationId="{078D7B63-FD78-42EF-8CD1-852EB582BBDC}"/>
          </ac:spMkLst>
        </pc:spChg>
        <pc:spChg chg="add del mod">
          <ac:chgData name="White, Alex" userId="eff6cc8c-37d8-483b-9c6c-6b27e9afa9bc" providerId="ADAL" clId="{BF04C754-5BF4-4E83-9615-DB14FA25AF8A}" dt="2023-10-12T11:33:34.878" v="233"/>
          <ac:spMkLst>
            <pc:docMk/>
            <pc:sldMk cId="2376958513" sldId="260"/>
            <ac:spMk id="70" creationId="{55D52B97-2C17-7A1D-9AEB-803CACD682C6}"/>
          </ac:spMkLst>
        </pc:spChg>
        <pc:spChg chg="add del mod">
          <ac:chgData name="White, Alex" userId="eff6cc8c-37d8-483b-9c6c-6b27e9afa9bc" providerId="ADAL" clId="{BF04C754-5BF4-4E83-9615-DB14FA25AF8A}" dt="2023-10-12T11:33:34.878" v="233"/>
          <ac:spMkLst>
            <pc:docMk/>
            <pc:sldMk cId="2376958513" sldId="260"/>
            <ac:spMk id="71" creationId="{15C4CDDB-F9FD-909B-9E11-C63C30CBC0D4}"/>
          </ac:spMkLst>
        </pc:spChg>
        <pc:spChg chg="add del mod">
          <ac:chgData name="White, Alex" userId="eff6cc8c-37d8-483b-9c6c-6b27e9afa9bc" providerId="ADAL" clId="{BF04C754-5BF4-4E83-9615-DB14FA25AF8A}" dt="2023-10-12T11:33:34.878" v="233"/>
          <ac:spMkLst>
            <pc:docMk/>
            <pc:sldMk cId="2376958513" sldId="260"/>
            <ac:spMk id="72" creationId="{3495E3CC-E93D-8BF5-6576-E474A6BEBAAC}"/>
          </ac:spMkLst>
        </pc:spChg>
        <pc:spChg chg="add del mod">
          <ac:chgData name="White, Alex" userId="eff6cc8c-37d8-483b-9c6c-6b27e9afa9bc" providerId="ADAL" clId="{BF04C754-5BF4-4E83-9615-DB14FA25AF8A}" dt="2023-10-12T11:33:34.878" v="233"/>
          <ac:spMkLst>
            <pc:docMk/>
            <pc:sldMk cId="2376958513" sldId="260"/>
            <ac:spMk id="73" creationId="{7727AEC6-C334-41CE-097B-6838DAA799D0}"/>
          </ac:spMkLst>
        </pc:spChg>
        <pc:spChg chg="add del mod">
          <ac:chgData name="White, Alex" userId="eff6cc8c-37d8-483b-9c6c-6b27e9afa9bc" providerId="ADAL" clId="{BF04C754-5BF4-4E83-9615-DB14FA25AF8A}" dt="2023-10-12T11:33:34.878" v="233"/>
          <ac:spMkLst>
            <pc:docMk/>
            <pc:sldMk cId="2376958513" sldId="260"/>
            <ac:spMk id="74" creationId="{A44E6EF0-E622-884D-27A0-A9B3DCF7FF29}"/>
          </ac:spMkLst>
        </pc:spChg>
        <pc:spChg chg="add del mod">
          <ac:chgData name="White, Alex" userId="eff6cc8c-37d8-483b-9c6c-6b27e9afa9bc" providerId="ADAL" clId="{BF04C754-5BF4-4E83-9615-DB14FA25AF8A}" dt="2023-10-12T11:33:34.878" v="233"/>
          <ac:spMkLst>
            <pc:docMk/>
            <pc:sldMk cId="2376958513" sldId="260"/>
            <ac:spMk id="75" creationId="{6CCBE610-CFE6-6278-748F-7A863E9FEE1B}"/>
          </ac:spMkLst>
        </pc:spChg>
        <pc:spChg chg="add del mod">
          <ac:chgData name="White, Alex" userId="eff6cc8c-37d8-483b-9c6c-6b27e9afa9bc" providerId="ADAL" clId="{BF04C754-5BF4-4E83-9615-DB14FA25AF8A}" dt="2023-10-12T11:33:34.878" v="233"/>
          <ac:spMkLst>
            <pc:docMk/>
            <pc:sldMk cId="2376958513" sldId="260"/>
            <ac:spMk id="76" creationId="{C03F38A9-804F-5E19-3156-13CD467CA6E9}"/>
          </ac:spMkLst>
        </pc:spChg>
        <pc:spChg chg="add del mod">
          <ac:chgData name="White, Alex" userId="eff6cc8c-37d8-483b-9c6c-6b27e9afa9bc" providerId="ADAL" clId="{BF04C754-5BF4-4E83-9615-DB14FA25AF8A}" dt="2023-10-12T11:33:34.878" v="233"/>
          <ac:spMkLst>
            <pc:docMk/>
            <pc:sldMk cId="2376958513" sldId="260"/>
            <ac:spMk id="77" creationId="{BA16FFC5-7AD2-8B21-A402-03FA13610AA6}"/>
          </ac:spMkLst>
        </pc:spChg>
        <pc:spChg chg="add del mod">
          <ac:chgData name="White, Alex" userId="eff6cc8c-37d8-483b-9c6c-6b27e9afa9bc" providerId="ADAL" clId="{BF04C754-5BF4-4E83-9615-DB14FA25AF8A}" dt="2023-10-12T11:33:34.878" v="233"/>
          <ac:spMkLst>
            <pc:docMk/>
            <pc:sldMk cId="2376958513" sldId="260"/>
            <ac:spMk id="78" creationId="{6303586E-AF69-DC7C-ADBA-3A1EA9E10303}"/>
          </ac:spMkLst>
        </pc:spChg>
        <pc:spChg chg="add del mod">
          <ac:chgData name="White, Alex" userId="eff6cc8c-37d8-483b-9c6c-6b27e9afa9bc" providerId="ADAL" clId="{BF04C754-5BF4-4E83-9615-DB14FA25AF8A}" dt="2023-10-12T11:33:34.878" v="233"/>
          <ac:spMkLst>
            <pc:docMk/>
            <pc:sldMk cId="2376958513" sldId="260"/>
            <ac:spMk id="79" creationId="{E5F243DF-F197-421C-632C-56533DDD2194}"/>
          </ac:spMkLst>
        </pc:spChg>
        <pc:spChg chg="add del mod">
          <ac:chgData name="White, Alex" userId="eff6cc8c-37d8-483b-9c6c-6b27e9afa9bc" providerId="ADAL" clId="{BF04C754-5BF4-4E83-9615-DB14FA25AF8A}" dt="2023-10-12T11:33:34.878" v="233"/>
          <ac:spMkLst>
            <pc:docMk/>
            <pc:sldMk cId="2376958513" sldId="260"/>
            <ac:spMk id="80" creationId="{57102D45-A43E-3230-910A-090100A8C25C}"/>
          </ac:spMkLst>
        </pc:spChg>
        <pc:spChg chg="add del mod">
          <ac:chgData name="White, Alex" userId="eff6cc8c-37d8-483b-9c6c-6b27e9afa9bc" providerId="ADAL" clId="{BF04C754-5BF4-4E83-9615-DB14FA25AF8A}" dt="2023-10-12T11:33:34.878" v="233"/>
          <ac:spMkLst>
            <pc:docMk/>
            <pc:sldMk cId="2376958513" sldId="260"/>
            <ac:spMk id="81" creationId="{83933391-CCBB-B062-8551-CFDFACF941F0}"/>
          </ac:spMkLst>
        </pc:spChg>
        <pc:spChg chg="add del mod">
          <ac:chgData name="White, Alex" userId="eff6cc8c-37d8-483b-9c6c-6b27e9afa9bc" providerId="ADAL" clId="{BF04C754-5BF4-4E83-9615-DB14FA25AF8A}" dt="2023-10-12T11:33:34.878" v="233"/>
          <ac:spMkLst>
            <pc:docMk/>
            <pc:sldMk cId="2376958513" sldId="260"/>
            <ac:spMk id="82" creationId="{C28BB77B-5D3F-1680-1957-1E8BD734F9E5}"/>
          </ac:spMkLst>
        </pc:spChg>
        <pc:spChg chg="add del mod">
          <ac:chgData name="White, Alex" userId="eff6cc8c-37d8-483b-9c6c-6b27e9afa9bc" providerId="ADAL" clId="{BF04C754-5BF4-4E83-9615-DB14FA25AF8A}" dt="2023-10-12T11:33:34.878" v="233"/>
          <ac:spMkLst>
            <pc:docMk/>
            <pc:sldMk cId="2376958513" sldId="260"/>
            <ac:spMk id="83" creationId="{6DB10F83-CC99-92D3-8838-0F9F2D71CC86}"/>
          </ac:spMkLst>
        </pc:spChg>
        <pc:spChg chg="add del mod">
          <ac:chgData name="White, Alex" userId="eff6cc8c-37d8-483b-9c6c-6b27e9afa9bc" providerId="ADAL" clId="{BF04C754-5BF4-4E83-9615-DB14FA25AF8A}" dt="2023-10-12T11:33:34.878" v="233"/>
          <ac:spMkLst>
            <pc:docMk/>
            <pc:sldMk cId="2376958513" sldId="260"/>
            <ac:spMk id="84" creationId="{B321A1B0-882C-DBF6-7ABF-FA581893B807}"/>
          </ac:spMkLst>
        </pc:spChg>
        <pc:spChg chg="add del mod">
          <ac:chgData name="White, Alex" userId="eff6cc8c-37d8-483b-9c6c-6b27e9afa9bc" providerId="ADAL" clId="{BF04C754-5BF4-4E83-9615-DB14FA25AF8A}" dt="2023-10-12T11:33:34.878" v="233"/>
          <ac:spMkLst>
            <pc:docMk/>
            <pc:sldMk cId="2376958513" sldId="260"/>
            <ac:spMk id="85" creationId="{D4C99C37-2571-58F6-1C5D-A92C755FDD17}"/>
          </ac:spMkLst>
        </pc:spChg>
        <pc:spChg chg="add del mod">
          <ac:chgData name="White, Alex" userId="eff6cc8c-37d8-483b-9c6c-6b27e9afa9bc" providerId="ADAL" clId="{BF04C754-5BF4-4E83-9615-DB14FA25AF8A}" dt="2023-10-12T11:33:34.878" v="233"/>
          <ac:spMkLst>
            <pc:docMk/>
            <pc:sldMk cId="2376958513" sldId="260"/>
            <ac:spMk id="86" creationId="{35F407E2-F910-C2A2-EE31-90BDB90974B0}"/>
          </ac:spMkLst>
        </pc:spChg>
        <pc:spChg chg="add del mod">
          <ac:chgData name="White, Alex" userId="eff6cc8c-37d8-483b-9c6c-6b27e9afa9bc" providerId="ADAL" clId="{BF04C754-5BF4-4E83-9615-DB14FA25AF8A}" dt="2023-10-12T11:33:34.878" v="233"/>
          <ac:spMkLst>
            <pc:docMk/>
            <pc:sldMk cId="2376958513" sldId="260"/>
            <ac:spMk id="87" creationId="{D09A2D2F-D753-96B0-D64E-1C9A8FE6E70B}"/>
          </ac:spMkLst>
        </pc:spChg>
        <pc:spChg chg="add del mod">
          <ac:chgData name="White, Alex" userId="eff6cc8c-37d8-483b-9c6c-6b27e9afa9bc" providerId="ADAL" clId="{BF04C754-5BF4-4E83-9615-DB14FA25AF8A}" dt="2023-10-12T11:33:34.878" v="233"/>
          <ac:spMkLst>
            <pc:docMk/>
            <pc:sldMk cId="2376958513" sldId="260"/>
            <ac:spMk id="88" creationId="{AC04B366-1F8D-FABA-B097-875C668696B6}"/>
          </ac:spMkLst>
        </pc:spChg>
        <pc:spChg chg="add del mod">
          <ac:chgData name="White, Alex" userId="eff6cc8c-37d8-483b-9c6c-6b27e9afa9bc" providerId="ADAL" clId="{BF04C754-5BF4-4E83-9615-DB14FA25AF8A}" dt="2023-10-12T11:33:34.878" v="233"/>
          <ac:spMkLst>
            <pc:docMk/>
            <pc:sldMk cId="2376958513" sldId="260"/>
            <ac:spMk id="89" creationId="{61C30A11-75BC-52E3-4286-7DB7E47811C9}"/>
          </ac:spMkLst>
        </pc:spChg>
        <pc:spChg chg="add del mod">
          <ac:chgData name="White, Alex" userId="eff6cc8c-37d8-483b-9c6c-6b27e9afa9bc" providerId="ADAL" clId="{BF04C754-5BF4-4E83-9615-DB14FA25AF8A}" dt="2023-10-12T11:33:34.878" v="233"/>
          <ac:spMkLst>
            <pc:docMk/>
            <pc:sldMk cId="2376958513" sldId="260"/>
            <ac:spMk id="90" creationId="{B03C26F2-7D4C-CAAE-D88A-EA23A7894E25}"/>
          </ac:spMkLst>
        </pc:spChg>
        <pc:spChg chg="add del mod">
          <ac:chgData name="White, Alex" userId="eff6cc8c-37d8-483b-9c6c-6b27e9afa9bc" providerId="ADAL" clId="{BF04C754-5BF4-4E83-9615-DB14FA25AF8A}" dt="2023-10-12T11:33:34.878" v="233"/>
          <ac:spMkLst>
            <pc:docMk/>
            <pc:sldMk cId="2376958513" sldId="260"/>
            <ac:spMk id="91" creationId="{953CFD72-32BF-5197-E0BC-B18B1D432D7A}"/>
          </ac:spMkLst>
        </pc:spChg>
        <pc:spChg chg="add del mod">
          <ac:chgData name="White, Alex" userId="eff6cc8c-37d8-483b-9c6c-6b27e9afa9bc" providerId="ADAL" clId="{BF04C754-5BF4-4E83-9615-DB14FA25AF8A}" dt="2023-10-12T11:33:34.878" v="233"/>
          <ac:spMkLst>
            <pc:docMk/>
            <pc:sldMk cId="2376958513" sldId="260"/>
            <ac:spMk id="92" creationId="{1B99F728-F1B3-9245-A3C5-E7B08109C4C0}"/>
          </ac:spMkLst>
        </pc:spChg>
        <pc:spChg chg="add del mod">
          <ac:chgData name="White, Alex" userId="eff6cc8c-37d8-483b-9c6c-6b27e9afa9bc" providerId="ADAL" clId="{BF04C754-5BF4-4E83-9615-DB14FA25AF8A}" dt="2023-10-12T11:33:34.878" v="233"/>
          <ac:spMkLst>
            <pc:docMk/>
            <pc:sldMk cId="2376958513" sldId="260"/>
            <ac:spMk id="93" creationId="{B0C3C799-BAEC-C7B4-BBFA-03C9020B8F09}"/>
          </ac:spMkLst>
        </pc:spChg>
        <pc:spChg chg="add del mod">
          <ac:chgData name="White, Alex" userId="eff6cc8c-37d8-483b-9c6c-6b27e9afa9bc" providerId="ADAL" clId="{BF04C754-5BF4-4E83-9615-DB14FA25AF8A}" dt="2023-10-12T11:33:34.878" v="233"/>
          <ac:spMkLst>
            <pc:docMk/>
            <pc:sldMk cId="2376958513" sldId="260"/>
            <ac:spMk id="94" creationId="{58705A4B-34BB-AE20-E0CF-29B5F6154E5D}"/>
          </ac:spMkLst>
        </pc:spChg>
        <pc:spChg chg="add del mod">
          <ac:chgData name="White, Alex" userId="eff6cc8c-37d8-483b-9c6c-6b27e9afa9bc" providerId="ADAL" clId="{BF04C754-5BF4-4E83-9615-DB14FA25AF8A}" dt="2023-10-12T11:33:34.878" v="233"/>
          <ac:spMkLst>
            <pc:docMk/>
            <pc:sldMk cId="2376958513" sldId="260"/>
            <ac:spMk id="95" creationId="{25B40910-955B-9F74-F761-5024B10346DC}"/>
          </ac:spMkLst>
        </pc:spChg>
        <pc:spChg chg="add del mod">
          <ac:chgData name="White, Alex" userId="eff6cc8c-37d8-483b-9c6c-6b27e9afa9bc" providerId="ADAL" clId="{BF04C754-5BF4-4E83-9615-DB14FA25AF8A}" dt="2023-10-12T11:33:34.878" v="233"/>
          <ac:spMkLst>
            <pc:docMk/>
            <pc:sldMk cId="2376958513" sldId="260"/>
            <ac:spMk id="96" creationId="{7D4A51A4-C44B-DDAE-C3A7-41B43DAEA759}"/>
          </ac:spMkLst>
        </pc:spChg>
        <pc:spChg chg="add del mod">
          <ac:chgData name="White, Alex" userId="eff6cc8c-37d8-483b-9c6c-6b27e9afa9bc" providerId="ADAL" clId="{BF04C754-5BF4-4E83-9615-DB14FA25AF8A}" dt="2023-10-12T11:33:34.878" v="233"/>
          <ac:spMkLst>
            <pc:docMk/>
            <pc:sldMk cId="2376958513" sldId="260"/>
            <ac:spMk id="97" creationId="{5D4B9FAD-15BA-0720-B207-259A38AD6665}"/>
          </ac:spMkLst>
        </pc:spChg>
        <pc:spChg chg="add del mod">
          <ac:chgData name="White, Alex" userId="eff6cc8c-37d8-483b-9c6c-6b27e9afa9bc" providerId="ADAL" clId="{BF04C754-5BF4-4E83-9615-DB14FA25AF8A}" dt="2023-10-12T11:33:34.878" v="233"/>
          <ac:spMkLst>
            <pc:docMk/>
            <pc:sldMk cId="2376958513" sldId="260"/>
            <ac:spMk id="98" creationId="{FAFD0851-7DD8-8451-3CB0-9DC89A56883B}"/>
          </ac:spMkLst>
        </pc:spChg>
        <pc:spChg chg="add del mod">
          <ac:chgData name="White, Alex" userId="eff6cc8c-37d8-483b-9c6c-6b27e9afa9bc" providerId="ADAL" clId="{BF04C754-5BF4-4E83-9615-DB14FA25AF8A}" dt="2023-10-12T11:33:34.878" v="233"/>
          <ac:spMkLst>
            <pc:docMk/>
            <pc:sldMk cId="2376958513" sldId="260"/>
            <ac:spMk id="99" creationId="{0AE15CD6-410A-AC94-F05F-E18E8323117C}"/>
          </ac:spMkLst>
        </pc:spChg>
        <pc:spChg chg="add mod">
          <ac:chgData name="White, Alex" userId="eff6cc8c-37d8-483b-9c6c-6b27e9afa9bc" providerId="ADAL" clId="{BF04C754-5BF4-4E83-9615-DB14FA25AF8A}" dt="2023-10-12T11:34:32.830" v="242" actId="164"/>
          <ac:spMkLst>
            <pc:docMk/>
            <pc:sldMk cId="2376958513" sldId="260"/>
            <ac:spMk id="100" creationId="{A991A58C-E08E-EA48-E291-56E49F9E8A28}"/>
          </ac:spMkLst>
        </pc:spChg>
        <pc:spChg chg="add mod">
          <ac:chgData name="White, Alex" userId="eff6cc8c-37d8-483b-9c6c-6b27e9afa9bc" providerId="ADAL" clId="{BF04C754-5BF4-4E83-9615-DB14FA25AF8A}" dt="2023-10-12T11:34:32.830" v="242" actId="164"/>
          <ac:spMkLst>
            <pc:docMk/>
            <pc:sldMk cId="2376958513" sldId="260"/>
            <ac:spMk id="101" creationId="{33E05578-F782-F55D-C52B-5A31C8F4EE37}"/>
          </ac:spMkLst>
        </pc:spChg>
        <pc:spChg chg="add mod">
          <ac:chgData name="White, Alex" userId="eff6cc8c-37d8-483b-9c6c-6b27e9afa9bc" providerId="ADAL" clId="{BF04C754-5BF4-4E83-9615-DB14FA25AF8A}" dt="2023-10-12T11:34:32.830" v="242" actId="164"/>
          <ac:spMkLst>
            <pc:docMk/>
            <pc:sldMk cId="2376958513" sldId="260"/>
            <ac:spMk id="102" creationId="{C83EA3CC-9C96-41C8-5EF2-FC7B6756D2E4}"/>
          </ac:spMkLst>
        </pc:spChg>
        <pc:spChg chg="add mod">
          <ac:chgData name="White, Alex" userId="eff6cc8c-37d8-483b-9c6c-6b27e9afa9bc" providerId="ADAL" clId="{BF04C754-5BF4-4E83-9615-DB14FA25AF8A}" dt="2023-10-12T11:34:32.830" v="242" actId="164"/>
          <ac:spMkLst>
            <pc:docMk/>
            <pc:sldMk cId="2376958513" sldId="260"/>
            <ac:spMk id="103" creationId="{DDE6810B-29F8-99F9-5481-16AB1D417BF0}"/>
          </ac:spMkLst>
        </pc:spChg>
        <pc:spChg chg="add mod">
          <ac:chgData name="White, Alex" userId="eff6cc8c-37d8-483b-9c6c-6b27e9afa9bc" providerId="ADAL" clId="{BF04C754-5BF4-4E83-9615-DB14FA25AF8A}" dt="2023-10-12T11:34:32.830" v="242" actId="164"/>
          <ac:spMkLst>
            <pc:docMk/>
            <pc:sldMk cId="2376958513" sldId="260"/>
            <ac:spMk id="104" creationId="{4D1E455C-1E1E-3CFF-6AF5-A69B535668DC}"/>
          </ac:spMkLst>
        </pc:spChg>
        <pc:spChg chg="add mod">
          <ac:chgData name="White, Alex" userId="eff6cc8c-37d8-483b-9c6c-6b27e9afa9bc" providerId="ADAL" clId="{BF04C754-5BF4-4E83-9615-DB14FA25AF8A}" dt="2023-10-12T11:34:32.830" v="242" actId="164"/>
          <ac:spMkLst>
            <pc:docMk/>
            <pc:sldMk cId="2376958513" sldId="260"/>
            <ac:spMk id="105" creationId="{07E9E3B2-1B26-0552-D4C2-5E2C59EB1393}"/>
          </ac:spMkLst>
        </pc:spChg>
        <pc:spChg chg="add mod">
          <ac:chgData name="White, Alex" userId="eff6cc8c-37d8-483b-9c6c-6b27e9afa9bc" providerId="ADAL" clId="{BF04C754-5BF4-4E83-9615-DB14FA25AF8A}" dt="2023-10-12T11:34:32.830" v="242" actId="164"/>
          <ac:spMkLst>
            <pc:docMk/>
            <pc:sldMk cId="2376958513" sldId="260"/>
            <ac:spMk id="106" creationId="{4606D6F9-2013-A31E-BB6A-95284347FA2A}"/>
          </ac:spMkLst>
        </pc:spChg>
        <pc:spChg chg="add mod">
          <ac:chgData name="White, Alex" userId="eff6cc8c-37d8-483b-9c6c-6b27e9afa9bc" providerId="ADAL" clId="{BF04C754-5BF4-4E83-9615-DB14FA25AF8A}" dt="2023-10-12T11:34:32.830" v="242" actId="164"/>
          <ac:spMkLst>
            <pc:docMk/>
            <pc:sldMk cId="2376958513" sldId="260"/>
            <ac:spMk id="107" creationId="{93CBF718-B8F3-DF12-CDBF-11D0092BDE2E}"/>
          </ac:spMkLst>
        </pc:spChg>
        <pc:spChg chg="add mod">
          <ac:chgData name="White, Alex" userId="eff6cc8c-37d8-483b-9c6c-6b27e9afa9bc" providerId="ADAL" clId="{BF04C754-5BF4-4E83-9615-DB14FA25AF8A}" dt="2023-10-12T11:34:32.830" v="242" actId="164"/>
          <ac:spMkLst>
            <pc:docMk/>
            <pc:sldMk cId="2376958513" sldId="260"/>
            <ac:spMk id="108" creationId="{7174EBBB-2A29-538F-9A2F-D0F99FB0AF8C}"/>
          </ac:spMkLst>
        </pc:spChg>
        <pc:spChg chg="add mod">
          <ac:chgData name="White, Alex" userId="eff6cc8c-37d8-483b-9c6c-6b27e9afa9bc" providerId="ADAL" clId="{BF04C754-5BF4-4E83-9615-DB14FA25AF8A}" dt="2023-10-12T11:34:32.830" v="242" actId="164"/>
          <ac:spMkLst>
            <pc:docMk/>
            <pc:sldMk cId="2376958513" sldId="260"/>
            <ac:spMk id="109" creationId="{2C000FE3-7FA6-12BD-FD67-6005614CB11A}"/>
          </ac:spMkLst>
        </pc:spChg>
        <pc:spChg chg="add mod">
          <ac:chgData name="White, Alex" userId="eff6cc8c-37d8-483b-9c6c-6b27e9afa9bc" providerId="ADAL" clId="{BF04C754-5BF4-4E83-9615-DB14FA25AF8A}" dt="2023-10-12T11:34:32.830" v="242" actId="164"/>
          <ac:spMkLst>
            <pc:docMk/>
            <pc:sldMk cId="2376958513" sldId="260"/>
            <ac:spMk id="110" creationId="{D1C2885F-A8FA-2212-7F67-FEFE5EB15A67}"/>
          </ac:spMkLst>
        </pc:spChg>
        <pc:spChg chg="add mod">
          <ac:chgData name="White, Alex" userId="eff6cc8c-37d8-483b-9c6c-6b27e9afa9bc" providerId="ADAL" clId="{BF04C754-5BF4-4E83-9615-DB14FA25AF8A}" dt="2023-10-12T11:34:32.830" v="242" actId="164"/>
          <ac:spMkLst>
            <pc:docMk/>
            <pc:sldMk cId="2376958513" sldId="260"/>
            <ac:spMk id="111" creationId="{E14A9C4B-8CA5-CDA8-6F99-915406822071}"/>
          </ac:spMkLst>
        </pc:spChg>
        <pc:spChg chg="add mod">
          <ac:chgData name="White, Alex" userId="eff6cc8c-37d8-483b-9c6c-6b27e9afa9bc" providerId="ADAL" clId="{BF04C754-5BF4-4E83-9615-DB14FA25AF8A}" dt="2023-10-12T11:34:32.830" v="242" actId="164"/>
          <ac:spMkLst>
            <pc:docMk/>
            <pc:sldMk cId="2376958513" sldId="260"/>
            <ac:spMk id="112" creationId="{6D46FE39-AF95-E44B-C3C7-3793A1449CA1}"/>
          </ac:spMkLst>
        </pc:spChg>
        <pc:spChg chg="add mod">
          <ac:chgData name="White, Alex" userId="eff6cc8c-37d8-483b-9c6c-6b27e9afa9bc" providerId="ADAL" clId="{BF04C754-5BF4-4E83-9615-DB14FA25AF8A}" dt="2023-10-12T11:34:32.830" v="242" actId="164"/>
          <ac:spMkLst>
            <pc:docMk/>
            <pc:sldMk cId="2376958513" sldId="260"/>
            <ac:spMk id="113" creationId="{BE13F946-3F46-C73A-5E91-5781B3E10CA2}"/>
          </ac:spMkLst>
        </pc:spChg>
        <pc:spChg chg="add mod">
          <ac:chgData name="White, Alex" userId="eff6cc8c-37d8-483b-9c6c-6b27e9afa9bc" providerId="ADAL" clId="{BF04C754-5BF4-4E83-9615-DB14FA25AF8A}" dt="2023-10-12T11:34:32.830" v="242" actId="164"/>
          <ac:spMkLst>
            <pc:docMk/>
            <pc:sldMk cId="2376958513" sldId="260"/>
            <ac:spMk id="114" creationId="{0A2C18A3-DE6D-E589-DAB9-89B3B7D2A954}"/>
          </ac:spMkLst>
        </pc:spChg>
        <pc:spChg chg="add mod">
          <ac:chgData name="White, Alex" userId="eff6cc8c-37d8-483b-9c6c-6b27e9afa9bc" providerId="ADAL" clId="{BF04C754-5BF4-4E83-9615-DB14FA25AF8A}" dt="2023-10-12T11:34:32.830" v="242" actId="164"/>
          <ac:spMkLst>
            <pc:docMk/>
            <pc:sldMk cId="2376958513" sldId="260"/>
            <ac:spMk id="115" creationId="{A94F3E08-59D9-B985-8B61-8C992DDF6080}"/>
          </ac:spMkLst>
        </pc:spChg>
        <pc:spChg chg="add mod">
          <ac:chgData name="White, Alex" userId="eff6cc8c-37d8-483b-9c6c-6b27e9afa9bc" providerId="ADAL" clId="{BF04C754-5BF4-4E83-9615-DB14FA25AF8A}" dt="2023-10-12T11:34:32.830" v="242" actId="164"/>
          <ac:spMkLst>
            <pc:docMk/>
            <pc:sldMk cId="2376958513" sldId="260"/>
            <ac:spMk id="116" creationId="{5395A18E-953D-F182-331E-302A882237CF}"/>
          </ac:spMkLst>
        </pc:spChg>
        <pc:spChg chg="add mod">
          <ac:chgData name="White, Alex" userId="eff6cc8c-37d8-483b-9c6c-6b27e9afa9bc" providerId="ADAL" clId="{BF04C754-5BF4-4E83-9615-DB14FA25AF8A}" dt="2023-10-12T11:34:32.830" v="242" actId="164"/>
          <ac:spMkLst>
            <pc:docMk/>
            <pc:sldMk cId="2376958513" sldId="260"/>
            <ac:spMk id="117" creationId="{1C7B409E-3FE3-4797-9429-BE8BAA16C00A}"/>
          </ac:spMkLst>
        </pc:spChg>
        <pc:spChg chg="add mod">
          <ac:chgData name="White, Alex" userId="eff6cc8c-37d8-483b-9c6c-6b27e9afa9bc" providerId="ADAL" clId="{BF04C754-5BF4-4E83-9615-DB14FA25AF8A}" dt="2023-10-12T11:34:32.830" v="242" actId="164"/>
          <ac:spMkLst>
            <pc:docMk/>
            <pc:sldMk cId="2376958513" sldId="260"/>
            <ac:spMk id="118" creationId="{40D7A36D-D527-8F84-F95E-0468A2578C68}"/>
          </ac:spMkLst>
        </pc:spChg>
        <pc:spChg chg="add mod">
          <ac:chgData name="White, Alex" userId="eff6cc8c-37d8-483b-9c6c-6b27e9afa9bc" providerId="ADAL" clId="{BF04C754-5BF4-4E83-9615-DB14FA25AF8A}" dt="2023-10-12T11:34:32.830" v="242" actId="164"/>
          <ac:spMkLst>
            <pc:docMk/>
            <pc:sldMk cId="2376958513" sldId="260"/>
            <ac:spMk id="119" creationId="{9EE64F18-688F-ECE3-CCA3-7BD1FEC97394}"/>
          </ac:spMkLst>
        </pc:spChg>
        <pc:spChg chg="add mod">
          <ac:chgData name="White, Alex" userId="eff6cc8c-37d8-483b-9c6c-6b27e9afa9bc" providerId="ADAL" clId="{BF04C754-5BF4-4E83-9615-DB14FA25AF8A}" dt="2023-10-12T11:34:32.830" v="242" actId="164"/>
          <ac:spMkLst>
            <pc:docMk/>
            <pc:sldMk cId="2376958513" sldId="260"/>
            <ac:spMk id="120" creationId="{E6F92C1F-AA20-1575-A1ED-2CB1C282B1E7}"/>
          </ac:spMkLst>
        </pc:spChg>
        <pc:spChg chg="add mod">
          <ac:chgData name="White, Alex" userId="eff6cc8c-37d8-483b-9c6c-6b27e9afa9bc" providerId="ADAL" clId="{BF04C754-5BF4-4E83-9615-DB14FA25AF8A}" dt="2023-10-12T11:34:32.830" v="242" actId="164"/>
          <ac:spMkLst>
            <pc:docMk/>
            <pc:sldMk cId="2376958513" sldId="260"/>
            <ac:spMk id="121" creationId="{A96D47C3-6CF4-B6CE-6A40-72CED0AE1554}"/>
          </ac:spMkLst>
        </pc:spChg>
        <pc:spChg chg="add mod">
          <ac:chgData name="White, Alex" userId="eff6cc8c-37d8-483b-9c6c-6b27e9afa9bc" providerId="ADAL" clId="{BF04C754-5BF4-4E83-9615-DB14FA25AF8A}" dt="2023-10-12T11:34:32.830" v="242" actId="164"/>
          <ac:spMkLst>
            <pc:docMk/>
            <pc:sldMk cId="2376958513" sldId="260"/>
            <ac:spMk id="122" creationId="{7931673E-48E3-C9AB-5A41-7C5BC65A185A}"/>
          </ac:spMkLst>
        </pc:spChg>
        <pc:spChg chg="add mod">
          <ac:chgData name="White, Alex" userId="eff6cc8c-37d8-483b-9c6c-6b27e9afa9bc" providerId="ADAL" clId="{BF04C754-5BF4-4E83-9615-DB14FA25AF8A}" dt="2023-10-12T11:34:32.830" v="242" actId="164"/>
          <ac:spMkLst>
            <pc:docMk/>
            <pc:sldMk cId="2376958513" sldId="260"/>
            <ac:spMk id="123" creationId="{00B21C8C-9EC3-1913-E542-5CE4020CE789}"/>
          </ac:spMkLst>
        </pc:spChg>
        <pc:spChg chg="add mod">
          <ac:chgData name="White, Alex" userId="eff6cc8c-37d8-483b-9c6c-6b27e9afa9bc" providerId="ADAL" clId="{BF04C754-5BF4-4E83-9615-DB14FA25AF8A}" dt="2023-10-12T11:34:32.830" v="242" actId="164"/>
          <ac:spMkLst>
            <pc:docMk/>
            <pc:sldMk cId="2376958513" sldId="260"/>
            <ac:spMk id="124" creationId="{2E51DF3B-A4F9-52DA-DCE5-CC1247C39DB2}"/>
          </ac:spMkLst>
        </pc:spChg>
        <pc:spChg chg="add mod">
          <ac:chgData name="White, Alex" userId="eff6cc8c-37d8-483b-9c6c-6b27e9afa9bc" providerId="ADAL" clId="{BF04C754-5BF4-4E83-9615-DB14FA25AF8A}" dt="2023-10-12T11:34:32.830" v="242" actId="164"/>
          <ac:spMkLst>
            <pc:docMk/>
            <pc:sldMk cId="2376958513" sldId="260"/>
            <ac:spMk id="125" creationId="{E733E56B-ED7E-D386-5002-D4BD7C787C07}"/>
          </ac:spMkLst>
        </pc:spChg>
        <pc:spChg chg="add mod">
          <ac:chgData name="White, Alex" userId="eff6cc8c-37d8-483b-9c6c-6b27e9afa9bc" providerId="ADAL" clId="{BF04C754-5BF4-4E83-9615-DB14FA25AF8A}" dt="2023-10-12T11:34:32.830" v="242" actId="164"/>
          <ac:spMkLst>
            <pc:docMk/>
            <pc:sldMk cId="2376958513" sldId="260"/>
            <ac:spMk id="126" creationId="{EB4B71E2-3005-DD72-51CC-5915806154FE}"/>
          </ac:spMkLst>
        </pc:spChg>
        <pc:spChg chg="add mod">
          <ac:chgData name="White, Alex" userId="eff6cc8c-37d8-483b-9c6c-6b27e9afa9bc" providerId="ADAL" clId="{BF04C754-5BF4-4E83-9615-DB14FA25AF8A}" dt="2023-10-12T11:34:32.830" v="242" actId="164"/>
          <ac:spMkLst>
            <pc:docMk/>
            <pc:sldMk cId="2376958513" sldId="260"/>
            <ac:spMk id="127" creationId="{5A01D12E-8735-B513-47B8-1DBD710CED19}"/>
          </ac:spMkLst>
        </pc:spChg>
        <pc:spChg chg="add mod">
          <ac:chgData name="White, Alex" userId="eff6cc8c-37d8-483b-9c6c-6b27e9afa9bc" providerId="ADAL" clId="{BF04C754-5BF4-4E83-9615-DB14FA25AF8A}" dt="2023-10-12T11:34:32.830" v="242" actId="164"/>
          <ac:spMkLst>
            <pc:docMk/>
            <pc:sldMk cId="2376958513" sldId="260"/>
            <ac:spMk id="128" creationId="{8AA27296-6CBD-54E8-B977-83316DA3BE4F}"/>
          </ac:spMkLst>
        </pc:spChg>
        <pc:spChg chg="add mod">
          <ac:chgData name="White, Alex" userId="eff6cc8c-37d8-483b-9c6c-6b27e9afa9bc" providerId="ADAL" clId="{BF04C754-5BF4-4E83-9615-DB14FA25AF8A}" dt="2023-10-12T11:34:32.830" v="242" actId="164"/>
          <ac:spMkLst>
            <pc:docMk/>
            <pc:sldMk cId="2376958513" sldId="260"/>
            <ac:spMk id="129" creationId="{53F7BC5A-602F-381F-1022-15FA3F35C06F}"/>
          </ac:spMkLst>
        </pc:spChg>
        <pc:spChg chg="add mod">
          <ac:chgData name="White, Alex" userId="eff6cc8c-37d8-483b-9c6c-6b27e9afa9bc" providerId="ADAL" clId="{BF04C754-5BF4-4E83-9615-DB14FA25AF8A}" dt="2023-10-12T11:34:32.830" v="242" actId="164"/>
          <ac:spMkLst>
            <pc:docMk/>
            <pc:sldMk cId="2376958513" sldId="260"/>
            <ac:spMk id="130" creationId="{F5335BC1-8D7B-A8B5-4764-D0EAA57CBCF5}"/>
          </ac:spMkLst>
        </pc:spChg>
        <pc:spChg chg="add mod">
          <ac:chgData name="White, Alex" userId="eff6cc8c-37d8-483b-9c6c-6b27e9afa9bc" providerId="ADAL" clId="{BF04C754-5BF4-4E83-9615-DB14FA25AF8A}" dt="2023-10-12T11:34:32.830" v="242" actId="164"/>
          <ac:spMkLst>
            <pc:docMk/>
            <pc:sldMk cId="2376958513" sldId="260"/>
            <ac:spMk id="131" creationId="{B7672B0D-839D-974E-CB2A-A50AA3ABFB96}"/>
          </ac:spMkLst>
        </pc:spChg>
        <pc:spChg chg="add mod">
          <ac:chgData name="White, Alex" userId="eff6cc8c-37d8-483b-9c6c-6b27e9afa9bc" providerId="ADAL" clId="{BF04C754-5BF4-4E83-9615-DB14FA25AF8A}" dt="2023-10-12T11:34:32.830" v="242" actId="164"/>
          <ac:spMkLst>
            <pc:docMk/>
            <pc:sldMk cId="2376958513" sldId="260"/>
            <ac:spMk id="132" creationId="{BF58903F-8269-110C-9F24-991F57A12B13}"/>
          </ac:spMkLst>
        </pc:spChg>
        <pc:spChg chg="add mod">
          <ac:chgData name="White, Alex" userId="eff6cc8c-37d8-483b-9c6c-6b27e9afa9bc" providerId="ADAL" clId="{BF04C754-5BF4-4E83-9615-DB14FA25AF8A}" dt="2023-10-12T11:34:32.830" v="242" actId="164"/>
          <ac:spMkLst>
            <pc:docMk/>
            <pc:sldMk cId="2376958513" sldId="260"/>
            <ac:spMk id="133" creationId="{AC728DC5-D338-0141-6A70-7FFC420E5963}"/>
          </ac:spMkLst>
        </pc:spChg>
        <pc:spChg chg="add mod">
          <ac:chgData name="White, Alex" userId="eff6cc8c-37d8-483b-9c6c-6b27e9afa9bc" providerId="ADAL" clId="{BF04C754-5BF4-4E83-9615-DB14FA25AF8A}" dt="2023-10-12T11:34:32.830" v="242" actId="164"/>
          <ac:spMkLst>
            <pc:docMk/>
            <pc:sldMk cId="2376958513" sldId="260"/>
            <ac:spMk id="134" creationId="{731D95B6-3F28-1B5A-12A9-8F449DB4DE6D}"/>
          </ac:spMkLst>
        </pc:spChg>
        <pc:spChg chg="add mod">
          <ac:chgData name="White, Alex" userId="eff6cc8c-37d8-483b-9c6c-6b27e9afa9bc" providerId="ADAL" clId="{BF04C754-5BF4-4E83-9615-DB14FA25AF8A}" dt="2023-10-12T11:34:32.830" v="242" actId="164"/>
          <ac:spMkLst>
            <pc:docMk/>
            <pc:sldMk cId="2376958513" sldId="260"/>
            <ac:spMk id="135" creationId="{3A2C1D2B-8B97-3418-138A-55CC6ADB190A}"/>
          </ac:spMkLst>
        </pc:spChg>
        <pc:spChg chg="add mod">
          <ac:chgData name="White, Alex" userId="eff6cc8c-37d8-483b-9c6c-6b27e9afa9bc" providerId="ADAL" clId="{BF04C754-5BF4-4E83-9615-DB14FA25AF8A}" dt="2023-10-12T11:34:32.830" v="242" actId="164"/>
          <ac:spMkLst>
            <pc:docMk/>
            <pc:sldMk cId="2376958513" sldId="260"/>
            <ac:spMk id="136" creationId="{4442D3EE-A8E5-52DA-239D-CD80CABB5C6A}"/>
          </ac:spMkLst>
        </pc:spChg>
        <pc:spChg chg="add mod">
          <ac:chgData name="White, Alex" userId="eff6cc8c-37d8-483b-9c6c-6b27e9afa9bc" providerId="ADAL" clId="{BF04C754-5BF4-4E83-9615-DB14FA25AF8A}" dt="2023-10-12T11:34:32.830" v="242" actId="164"/>
          <ac:spMkLst>
            <pc:docMk/>
            <pc:sldMk cId="2376958513" sldId="260"/>
            <ac:spMk id="137" creationId="{DD7A4A4A-E86C-BCD5-9BEB-0FDE01313A83}"/>
          </ac:spMkLst>
        </pc:spChg>
        <pc:spChg chg="add mod">
          <ac:chgData name="White, Alex" userId="eff6cc8c-37d8-483b-9c6c-6b27e9afa9bc" providerId="ADAL" clId="{BF04C754-5BF4-4E83-9615-DB14FA25AF8A}" dt="2023-10-12T11:34:32.830" v="242" actId="164"/>
          <ac:spMkLst>
            <pc:docMk/>
            <pc:sldMk cId="2376958513" sldId="260"/>
            <ac:spMk id="138" creationId="{96BE47CF-AAF0-06DE-C376-A6C02E117C49}"/>
          </ac:spMkLst>
        </pc:spChg>
        <pc:spChg chg="add mod">
          <ac:chgData name="White, Alex" userId="eff6cc8c-37d8-483b-9c6c-6b27e9afa9bc" providerId="ADAL" clId="{BF04C754-5BF4-4E83-9615-DB14FA25AF8A}" dt="2023-10-12T11:34:32.830" v="242" actId="164"/>
          <ac:spMkLst>
            <pc:docMk/>
            <pc:sldMk cId="2376958513" sldId="260"/>
            <ac:spMk id="139" creationId="{9E1227F8-BF19-1A35-9C1A-C0864B32A34A}"/>
          </ac:spMkLst>
        </pc:spChg>
        <pc:spChg chg="add mod">
          <ac:chgData name="White, Alex" userId="eff6cc8c-37d8-483b-9c6c-6b27e9afa9bc" providerId="ADAL" clId="{BF04C754-5BF4-4E83-9615-DB14FA25AF8A}" dt="2023-10-12T11:34:32.830" v="242" actId="164"/>
          <ac:spMkLst>
            <pc:docMk/>
            <pc:sldMk cId="2376958513" sldId="260"/>
            <ac:spMk id="140" creationId="{CA45AC23-F27D-16DC-D0F1-B1AE9152FEB5}"/>
          </ac:spMkLst>
        </pc:spChg>
        <pc:spChg chg="add mod">
          <ac:chgData name="White, Alex" userId="eff6cc8c-37d8-483b-9c6c-6b27e9afa9bc" providerId="ADAL" clId="{BF04C754-5BF4-4E83-9615-DB14FA25AF8A}" dt="2023-10-12T11:34:32.830" v="242" actId="164"/>
          <ac:spMkLst>
            <pc:docMk/>
            <pc:sldMk cId="2376958513" sldId="260"/>
            <ac:spMk id="141" creationId="{982F2BB5-373B-A1F1-A199-23A68722F0EF}"/>
          </ac:spMkLst>
        </pc:spChg>
        <pc:spChg chg="add mod">
          <ac:chgData name="White, Alex" userId="eff6cc8c-37d8-483b-9c6c-6b27e9afa9bc" providerId="ADAL" clId="{BF04C754-5BF4-4E83-9615-DB14FA25AF8A}" dt="2023-10-12T11:34:32.830" v="242" actId="164"/>
          <ac:spMkLst>
            <pc:docMk/>
            <pc:sldMk cId="2376958513" sldId="260"/>
            <ac:spMk id="142" creationId="{F0D16115-D94C-7D3C-1EC9-FCF4A2946665}"/>
          </ac:spMkLst>
        </pc:spChg>
        <pc:spChg chg="add mod">
          <ac:chgData name="White, Alex" userId="eff6cc8c-37d8-483b-9c6c-6b27e9afa9bc" providerId="ADAL" clId="{BF04C754-5BF4-4E83-9615-DB14FA25AF8A}" dt="2023-10-12T11:34:32.830" v="242" actId="164"/>
          <ac:spMkLst>
            <pc:docMk/>
            <pc:sldMk cId="2376958513" sldId="260"/>
            <ac:spMk id="143" creationId="{4DBE90C5-EE4A-AC8F-C4CC-BEFF63270118}"/>
          </ac:spMkLst>
        </pc:spChg>
        <pc:spChg chg="add mod">
          <ac:chgData name="White, Alex" userId="eff6cc8c-37d8-483b-9c6c-6b27e9afa9bc" providerId="ADAL" clId="{BF04C754-5BF4-4E83-9615-DB14FA25AF8A}" dt="2023-10-12T11:34:32.830" v="242" actId="164"/>
          <ac:spMkLst>
            <pc:docMk/>
            <pc:sldMk cId="2376958513" sldId="260"/>
            <ac:spMk id="144" creationId="{19124403-F974-D583-B379-BE354F776DC9}"/>
          </ac:spMkLst>
        </pc:spChg>
        <pc:spChg chg="add mod">
          <ac:chgData name="White, Alex" userId="eff6cc8c-37d8-483b-9c6c-6b27e9afa9bc" providerId="ADAL" clId="{BF04C754-5BF4-4E83-9615-DB14FA25AF8A}" dt="2023-10-12T11:34:32.830" v="242" actId="164"/>
          <ac:spMkLst>
            <pc:docMk/>
            <pc:sldMk cId="2376958513" sldId="260"/>
            <ac:spMk id="145" creationId="{DF25F12F-50B9-D529-51AB-B0635F538FFC}"/>
          </ac:spMkLst>
        </pc:spChg>
        <pc:spChg chg="add mod">
          <ac:chgData name="White, Alex" userId="eff6cc8c-37d8-483b-9c6c-6b27e9afa9bc" providerId="ADAL" clId="{BF04C754-5BF4-4E83-9615-DB14FA25AF8A}" dt="2023-10-12T11:34:32.830" v="242" actId="164"/>
          <ac:spMkLst>
            <pc:docMk/>
            <pc:sldMk cId="2376958513" sldId="260"/>
            <ac:spMk id="146" creationId="{F5B9EB23-0E82-E497-24C9-FC78696053F0}"/>
          </ac:spMkLst>
        </pc:spChg>
        <pc:spChg chg="add mod">
          <ac:chgData name="White, Alex" userId="eff6cc8c-37d8-483b-9c6c-6b27e9afa9bc" providerId="ADAL" clId="{BF04C754-5BF4-4E83-9615-DB14FA25AF8A}" dt="2023-10-12T11:34:32.830" v="242" actId="164"/>
          <ac:spMkLst>
            <pc:docMk/>
            <pc:sldMk cId="2376958513" sldId="260"/>
            <ac:spMk id="147" creationId="{56D83058-1FDC-D86D-F6C8-A5022CDAF887}"/>
          </ac:spMkLst>
        </pc:spChg>
        <pc:spChg chg="add mod">
          <ac:chgData name="White, Alex" userId="eff6cc8c-37d8-483b-9c6c-6b27e9afa9bc" providerId="ADAL" clId="{BF04C754-5BF4-4E83-9615-DB14FA25AF8A}" dt="2023-10-12T11:34:32.830" v="242" actId="164"/>
          <ac:spMkLst>
            <pc:docMk/>
            <pc:sldMk cId="2376958513" sldId="260"/>
            <ac:spMk id="148" creationId="{B4748002-3DA0-48D4-73F5-EE911BD17255}"/>
          </ac:spMkLst>
        </pc:spChg>
        <pc:spChg chg="add mod">
          <ac:chgData name="White, Alex" userId="eff6cc8c-37d8-483b-9c6c-6b27e9afa9bc" providerId="ADAL" clId="{BF04C754-5BF4-4E83-9615-DB14FA25AF8A}" dt="2023-10-12T11:34:32.830" v="242" actId="164"/>
          <ac:spMkLst>
            <pc:docMk/>
            <pc:sldMk cId="2376958513" sldId="260"/>
            <ac:spMk id="149" creationId="{977964ED-B66B-3932-90E2-F0457857ADB6}"/>
          </ac:spMkLst>
        </pc:spChg>
        <pc:spChg chg="add mod">
          <ac:chgData name="White, Alex" userId="eff6cc8c-37d8-483b-9c6c-6b27e9afa9bc" providerId="ADAL" clId="{BF04C754-5BF4-4E83-9615-DB14FA25AF8A}" dt="2023-10-12T11:34:32.830" v="242" actId="164"/>
          <ac:spMkLst>
            <pc:docMk/>
            <pc:sldMk cId="2376958513" sldId="260"/>
            <ac:spMk id="150" creationId="{42AE1768-59C1-893B-DAFB-F2F082166248}"/>
          </ac:spMkLst>
        </pc:spChg>
        <pc:spChg chg="add mod">
          <ac:chgData name="White, Alex" userId="eff6cc8c-37d8-483b-9c6c-6b27e9afa9bc" providerId="ADAL" clId="{BF04C754-5BF4-4E83-9615-DB14FA25AF8A}" dt="2023-10-12T11:34:32.830" v="242" actId="164"/>
          <ac:spMkLst>
            <pc:docMk/>
            <pc:sldMk cId="2376958513" sldId="260"/>
            <ac:spMk id="151" creationId="{A2A05B01-93D5-D38E-97ED-704A3472536E}"/>
          </ac:spMkLst>
        </pc:spChg>
        <pc:spChg chg="add mod">
          <ac:chgData name="White, Alex" userId="eff6cc8c-37d8-483b-9c6c-6b27e9afa9bc" providerId="ADAL" clId="{BF04C754-5BF4-4E83-9615-DB14FA25AF8A}" dt="2023-10-12T11:34:32.830" v="242" actId="164"/>
          <ac:spMkLst>
            <pc:docMk/>
            <pc:sldMk cId="2376958513" sldId="260"/>
            <ac:spMk id="152" creationId="{9353FEAB-F745-3BEE-F6D2-24B78FD0C582}"/>
          </ac:spMkLst>
        </pc:spChg>
        <pc:spChg chg="add mod">
          <ac:chgData name="White, Alex" userId="eff6cc8c-37d8-483b-9c6c-6b27e9afa9bc" providerId="ADAL" clId="{BF04C754-5BF4-4E83-9615-DB14FA25AF8A}" dt="2023-10-12T11:34:32.830" v="242" actId="164"/>
          <ac:spMkLst>
            <pc:docMk/>
            <pc:sldMk cId="2376958513" sldId="260"/>
            <ac:spMk id="153" creationId="{417CAD2D-097A-891C-EF73-57903D5DBAF3}"/>
          </ac:spMkLst>
        </pc:spChg>
        <pc:spChg chg="add mod">
          <ac:chgData name="White, Alex" userId="eff6cc8c-37d8-483b-9c6c-6b27e9afa9bc" providerId="ADAL" clId="{BF04C754-5BF4-4E83-9615-DB14FA25AF8A}" dt="2023-10-12T11:34:32.830" v="242" actId="164"/>
          <ac:spMkLst>
            <pc:docMk/>
            <pc:sldMk cId="2376958513" sldId="260"/>
            <ac:spMk id="154" creationId="{002227C3-783A-9946-20D3-E4C3C4227F44}"/>
          </ac:spMkLst>
        </pc:spChg>
        <pc:spChg chg="add mod">
          <ac:chgData name="White, Alex" userId="eff6cc8c-37d8-483b-9c6c-6b27e9afa9bc" providerId="ADAL" clId="{BF04C754-5BF4-4E83-9615-DB14FA25AF8A}" dt="2023-10-12T11:34:32.830" v="242" actId="164"/>
          <ac:spMkLst>
            <pc:docMk/>
            <pc:sldMk cId="2376958513" sldId="260"/>
            <ac:spMk id="155" creationId="{B183ED91-AEDC-0F13-CFE3-00C113365011}"/>
          </ac:spMkLst>
        </pc:spChg>
        <pc:spChg chg="add mod">
          <ac:chgData name="White, Alex" userId="eff6cc8c-37d8-483b-9c6c-6b27e9afa9bc" providerId="ADAL" clId="{BF04C754-5BF4-4E83-9615-DB14FA25AF8A}" dt="2023-10-12T11:34:32.830" v="242" actId="164"/>
          <ac:spMkLst>
            <pc:docMk/>
            <pc:sldMk cId="2376958513" sldId="260"/>
            <ac:spMk id="156" creationId="{6AB33C2C-B739-4A59-3DE9-E33BA18CA331}"/>
          </ac:spMkLst>
        </pc:spChg>
        <pc:spChg chg="add mod">
          <ac:chgData name="White, Alex" userId="eff6cc8c-37d8-483b-9c6c-6b27e9afa9bc" providerId="ADAL" clId="{BF04C754-5BF4-4E83-9615-DB14FA25AF8A}" dt="2023-10-12T11:34:32.830" v="242" actId="164"/>
          <ac:spMkLst>
            <pc:docMk/>
            <pc:sldMk cId="2376958513" sldId="260"/>
            <ac:spMk id="157" creationId="{D1464146-AFDD-7021-5E74-1B36047EDA0F}"/>
          </ac:spMkLst>
        </pc:spChg>
        <pc:spChg chg="add mod">
          <ac:chgData name="White, Alex" userId="eff6cc8c-37d8-483b-9c6c-6b27e9afa9bc" providerId="ADAL" clId="{BF04C754-5BF4-4E83-9615-DB14FA25AF8A}" dt="2023-10-12T11:34:32.830" v="242" actId="164"/>
          <ac:spMkLst>
            <pc:docMk/>
            <pc:sldMk cId="2376958513" sldId="260"/>
            <ac:spMk id="158" creationId="{A3186D23-4BE7-7CCE-E28C-DB534FB57851}"/>
          </ac:spMkLst>
        </pc:spChg>
        <pc:spChg chg="add mod">
          <ac:chgData name="White, Alex" userId="eff6cc8c-37d8-483b-9c6c-6b27e9afa9bc" providerId="ADAL" clId="{BF04C754-5BF4-4E83-9615-DB14FA25AF8A}" dt="2023-10-12T11:34:32.830" v="242" actId="164"/>
          <ac:spMkLst>
            <pc:docMk/>
            <pc:sldMk cId="2376958513" sldId="260"/>
            <ac:spMk id="159" creationId="{08053DBC-FC52-777D-3C4B-1AE2E67FAA83}"/>
          </ac:spMkLst>
        </pc:spChg>
        <pc:spChg chg="mod">
          <ac:chgData name="White, Alex" userId="eff6cc8c-37d8-483b-9c6c-6b27e9afa9bc" providerId="ADAL" clId="{BF04C754-5BF4-4E83-9615-DB14FA25AF8A}" dt="2023-10-12T11:34:46.257" v="246"/>
          <ac:spMkLst>
            <pc:docMk/>
            <pc:sldMk cId="2376958513" sldId="260"/>
            <ac:spMk id="163" creationId="{A505602A-7A1A-D47E-54AB-31D720F8ABA3}"/>
          </ac:spMkLst>
        </pc:spChg>
        <pc:spChg chg="mod">
          <ac:chgData name="White, Alex" userId="eff6cc8c-37d8-483b-9c6c-6b27e9afa9bc" providerId="ADAL" clId="{BF04C754-5BF4-4E83-9615-DB14FA25AF8A}" dt="2023-10-12T11:34:46.257" v="246"/>
          <ac:spMkLst>
            <pc:docMk/>
            <pc:sldMk cId="2376958513" sldId="260"/>
            <ac:spMk id="164" creationId="{BCB1BB8C-B58F-7739-CD2B-D20B8E87DC3A}"/>
          </ac:spMkLst>
        </pc:spChg>
        <pc:spChg chg="mod">
          <ac:chgData name="White, Alex" userId="eff6cc8c-37d8-483b-9c6c-6b27e9afa9bc" providerId="ADAL" clId="{BF04C754-5BF4-4E83-9615-DB14FA25AF8A}" dt="2023-10-12T11:34:46.257" v="246"/>
          <ac:spMkLst>
            <pc:docMk/>
            <pc:sldMk cId="2376958513" sldId="260"/>
            <ac:spMk id="165" creationId="{7E5F5616-E0B7-2FCE-8E40-CDD51A953F7D}"/>
          </ac:spMkLst>
        </pc:spChg>
        <pc:spChg chg="mod">
          <ac:chgData name="White, Alex" userId="eff6cc8c-37d8-483b-9c6c-6b27e9afa9bc" providerId="ADAL" clId="{BF04C754-5BF4-4E83-9615-DB14FA25AF8A}" dt="2023-10-12T11:34:46.257" v="246"/>
          <ac:spMkLst>
            <pc:docMk/>
            <pc:sldMk cId="2376958513" sldId="260"/>
            <ac:spMk id="166" creationId="{3631BF7C-F7FE-0993-6894-B66361FFAB2F}"/>
          </ac:spMkLst>
        </pc:spChg>
        <pc:spChg chg="mod">
          <ac:chgData name="White, Alex" userId="eff6cc8c-37d8-483b-9c6c-6b27e9afa9bc" providerId="ADAL" clId="{BF04C754-5BF4-4E83-9615-DB14FA25AF8A}" dt="2023-10-12T11:34:46.257" v="246"/>
          <ac:spMkLst>
            <pc:docMk/>
            <pc:sldMk cId="2376958513" sldId="260"/>
            <ac:spMk id="167" creationId="{1D64593E-F91C-0877-F1AC-3727E954DC2C}"/>
          </ac:spMkLst>
        </pc:spChg>
        <pc:spChg chg="mod">
          <ac:chgData name="White, Alex" userId="eff6cc8c-37d8-483b-9c6c-6b27e9afa9bc" providerId="ADAL" clId="{BF04C754-5BF4-4E83-9615-DB14FA25AF8A}" dt="2023-10-12T11:34:46.257" v="246"/>
          <ac:spMkLst>
            <pc:docMk/>
            <pc:sldMk cId="2376958513" sldId="260"/>
            <ac:spMk id="168" creationId="{5CF4AE10-9A08-9175-59E5-D7FCE3B78E0D}"/>
          </ac:spMkLst>
        </pc:spChg>
        <pc:spChg chg="mod">
          <ac:chgData name="White, Alex" userId="eff6cc8c-37d8-483b-9c6c-6b27e9afa9bc" providerId="ADAL" clId="{BF04C754-5BF4-4E83-9615-DB14FA25AF8A}" dt="2023-10-12T11:34:46.257" v="246"/>
          <ac:spMkLst>
            <pc:docMk/>
            <pc:sldMk cId="2376958513" sldId="260"/>
            <ac:spMk id="169" creationId="{58D9D044-601A-27D2-E670-36C455C460D8}"/>
          </ac:spMkLst>
        </pc:spChg>
        <pc:spChg chg="mod">
          <ac:chgData name="White, Alex" userId="eff6cc8c-37d8-483b-9c6c-6b27e9afa9bc" providerId="ADAL" clId="{BF04C754-5BF4-4E83-9615-DB14FA25AF8A}" dt="2023-10-12T11:34:46.257" v="246"/>
          <ac:spMkLst>
            <pc:docMk/>
            <pc:sldMk cId="2376958513" sldId="260"/>
            <ac:spMk id="170" creationId="{A9808B58-57C7-AA3A-48EC-834CF6BD2DC0}"/>
          </ac:spMkLst>
        </pc:spChg>
        <pc:spChg chg="mod">
          <ac:chgData name="White, Alex" userId="eff6cc8c-37d8-483b-9c6c-6b27e9afa9bc" providerId="ADAL" clId="{BF04C754-5BF4-4E83-9615-DB14FA25AF8A}" dt="2023-10-12T11:34:46.257" v="246"/>
          <ac:spMkLst>
            <pc:docMk/>
            <pc:sldMk cId="2376958513" sldId="260"/>
            <ac:spMk id="171" creationId="{38B362D0-A289-F2D1-FCAB-59243BF860ED}"/>
          </ac:spMkLst>
        </pc:spChg>
        <pc:spChg chg="mod">
          <ac:chgData name="White, Alex" userId="eff6cc8c-37d8-483b-9c6c-6b27e9afa9bc" providerId="ADAL" clId="{BF04C754-5BF4-4E83-9615-DB14FA25AF8A}" dt="2023-10-12T11:34:46.257" v="246"/>
          <ac:spMkLst>
            <pc:docMk/>
            <pc:sldMk cId="2376958513" sldId="260"/>
            <ac:spMk id="172" creationId="{597661F0-3AA4-FEE9-9035-4D020514713A}"/>
          </ac:spMkLst>
        </pc:spChg>
        <pc:spChg chg="mod">
          <ac:chgData name="White, Alex" userId="eff6cc8c-37d8-483b-9c6c-6b27e9afa9bc" providerId="ADAL" clId="{BF04C754-5BF4-4E83-9615-DB14FA25AF8A}" dt="2023-10-12T11:34:46.257" v="246"/>
          <ac:spMkLst>
            <pc:docMk/>
            <pc:sldMk cId="2376958513" sldId="260"/>
            <ac:spMk id="173" creationId="{44350434-6A40-5591-1C52-93372598E018}"/>
          </ac:spMkLst>
        </pc:spChg>
        <pc:spChg chg="mod">
          <ac:chgData name="White, Alex" userId="eff6cc8c-37d8-483b-9c6c-6b27e9afa9bc" providerId="ADAL" clId="{BF04C754-5BF4-4E83-9615-DB14FA25AF8A}" dt="2023-10-12T11:34:46.257" v="246"/>
          <ac:spMkLst>
            <pc:docMk/>
            <pc:sldMk cId="2376958513" sldId="260"/>
            <ac:spMk id="174" creationId="{F3E91D78-80C0-3331-4F0F-6BFDE9B8453B}"/>
          </ac:spMkLst>
        </pc:spChg>
        <pc:spChg chg="mod">
          <ac:chgData name="White, Alex" userId="eff6cc8c-37d8-483b-9c6c-6b27e9afa9bc" providerId="ADAL" clId="{BF04C754-5BF4-4E83-9615-DB14FA25AF8A}" dt="2023-10-12T11:34:46.257" v="246"/>
          <ac:spMkLst>
            <pc:docMk/>
            <pc:sldMk cId="2376958513" sldId="260"/>
            <ac:spMk id="175" creationId="{DA19EBD4-93B0-2F7D-F4E3-900111C5BC98}"/>
          </ac:spMkLst>
        </pc:spChg>
        <pc:spChg chg="mod">
          <ac:chgData name="White, Alex" userId="eff6cc8c-37d8-483b-9c6c-6b27e9afa9bc" providerId="ADAL" clId="{BF04C754-5BF4-4E83-9615-DB14FA25AF8A}" dt="2023-10-12T11:34:46.257" v="246"/>
          <ac:spMkLst>
            <pc:docMk/>
            <pc:sldMk cId="2376958513" sldId="260"/>
            <ac:spMk id="176" creationId="{3B55600B-5A56-5B40-751E-0A292F028DB9}"/>
          </ac:spMkLst>
        </pc:spChg>
        <pc:spChg chg="mod">
          <ac:chgData name="White, Alex" userId="eff6cc8c-37d8-483b-9c6c-6b27e9afa9bc" providerId="ADAL" clId="{BF04C754-5BF4-4E83-9615-DB14FA25AF8A}" dt="2023-10-12T11:34:46.257" v="246"/>
          <ac:spMkLst>
            <pc:docMk/>
            <pc:sldMk cId="2376958513" sldId="260"/>
            <ac:spMk id="177" creationId="{ADC8166A-7980-A4F9-D5F6-E64125686F52}"/>
          </ac:spMkLst>
        </pc:spChg>
        <pc:spChg chg="mod">
          <ac:chgData name="White, Alex" userId="eff6cc8c-37d8-483b-9c6c-6b27e9afa9bc" providerId="ADAL" clId="{BF04C754-5BF4-4E83-9615-DB14FA25AF8A}" dt="2023-10-12T11:34:46.257" v="246"/>
          <ac:spMkLst>
            <pc:docMk/>
            <pc:sldMk cId="2376958513" sldId="260"/>
            <ac:spMk id="178" creationId="{B508FA63-8290-8D74-00EF-85FD9C23C43B}"/>
          </ac:spMkLst>
        </pc:spChg>
        <pc:spChg chg="mod">
          <ac:chgData name="White, Alex" userId="eff6cc8c-37d8-483b-9c6c-6b27e9afa9bc" providerId="ADAL" clId="{BF04C754-5BF4-4E83-9615-DB14FA25AF8A}" dt="2023-10-12T11:34:46.257" v="246"/>
          <ac:spMkLst>
            <pc:docMk/>
            <pc:sldMk cId="2376958513" sldId="260"/>
            <ac:spMk id="179" creationId="{874A14FF-2C1B-C69F-F2A7-FC055E590474}"/>
          </ac:spMkLst>
        </pc:spChg>
        <pc:spChg chg="mod">
          <ac:chgData name="White, Alex" userId="eff6cc8c-37d8-483b-9c6c-6b27e9afa9bc" providerId="ADAL" clId="{BF04C754-5BF4-4E83-9615-DB14FA25AF8A}" dt="2023-10-12T11:34:46.257" v="246"/>
          <ac:spMkLst>
            <pc:docMk/>
            <pc:sldMk cId="2376958513" sldId="260"/>
            <ac:spMk id="180" creationId="{EDB6B72E-E8D1-4FED-0462-9A06AE7AB0C8}"/>
          </ac:spMkLst>
        </pc:spChg>
        <pc:spChg chg="mod">
          <ac:chgData name="White, Alex" userId="eff6cc8c-37d8-483b-9c6c-6b27e9afa9bc" providerId="ADAL" clId="{BF04C754-5BF4-4E83-9615-DB14FA25AF8A}" dt="2023-10-12T11:34:46.257" v="246"/>
          <ac:spMkLst>
            <pc:docMk/>
            <pc:sldMk cId="2376958513" sldId="260"/>
            <ac:spMk id="181" creationId="{43A498F9-5853-313E-1BAA-2D550478B2F3}"/>
          </ac:spMkLst>
        </pc:spChg>
        <pc:spChg chg="mod">
          <ac:chgData name="White, Alex" userId="eff6cc8c-37d8-483b-9c6c-6b27e9afa9bc" providerId="ADAL" clId="{BF04C754-5BF4-4E83-9615-DB14FA25AF8A}" dt="2023-10-12T11:34:46.257" v="246"/>
          <ac:spMkLst>
            <pc:docMk/>
            <pc:sldMk cId="2376958513" sldId="260"/>
            <ac:spMk id="182" creationId="{1FA780D0-2622-4FD0-69A5-160EC760839D}"/>
          </ac:spMkLst>
        </pc:spChg>
        <pc:spChg chg="mod">
          <ac:chgData name="White, Alex" userId="eff6cc8c-37d8-483b-9c6c-6b27e9afa9bc" providerId="ADAL" clId="{BF04C754-5BF4-4E83-9615-DB14FA25AF8A}" dt="2023-10-12T11:34:46.257" v="246"/>
          <ac:spMkLst>
            <pc:docMk/>
            <pc:sldMk cId="2376958513" sldId="260"/>
            <ac:spMk id="183" creationId="{A7B1F74D-F06B-4AFA-DB3B-FB499D7F84F9}"/>
          </ac:spMkLst>
        </pc:spChg>
        <pc:spChg chg="mod">
          <ac:chgData name="White, Alex" userId="eff6cc8c-37d8-483b-9c6c-6b27e9afa9bc" providerId="ADAL" clId="{BF04C754-5BF4-4E83-9615-DB14FA25AF8A}" dt="2023-10-12T11:34:46.257" v="246"/>
          <ac:spMkLst>
            <pc:docMk/>
            <pc:sldMk cId="2376958513" sldId="260"/>
            <ac:spMk id="184" creationId="{73429717-B73F-98F6-077D-675D223A8E70}"/>
          </ac:spMkLst>
        </pc:spChg>
        <pc:spChg chg="mod">
          <ac:chgData name="White, Alex" userId="eff6cc8c-37d8-483b-9c6c-6b27e9afa9bc" providerId="ADAL" clId="{BF04C754-5BF4-4E83-9615-DB14FA25AF8A}" dt="2023-10-12T11:34:46.257" v="246"/>
          <ac:spMkLst>
            <pc:docMk/>
            <pc:sldMk cId="2376958513" sldId="260"/>
            <ac:spMk id="185" creationId="{E13CB0ED-6AF3-7EEE-DED3-3C6D7AC46A3D}"/>
          </ac:spMkLst>
        </pc:spChg>
        <pc:spChg chg="mod">
          <ac:chgData name="White, Alex" userId="eff6cc8c-37d8-483b-9c6c-6b27e9afa9bc" providerId="ADAL" clId="{BF04C754-5BF4-4E83-9615-DB14FA25AF8A}" dt="2023-10-12T11:34:46.257" v="246"/>
          <ac:spMkLst>
            <pc:docMk/>
            <pc:sldMk cId="2376958513" sldId="260"/>
            <ac:spMk id="186" creationId="{DBEF9356-3EE4-DEAD-F5F8-E626CE86FBE7}"/>
          </ac:spMkLst>
        </pc:spChg>
        <pc:spChg chg="mod">
          <ac:chgData name="White, Alex" userId="eff6cc8c-37d8-483b-9c6c-6b27e9afa9bc" providerId="ADAL" clId="{BF04C754-5BF4-4E83-9615-DB14FA25AF8A}" dt="2023-10-12T11:34:46.257" v="246"/>
          <ac:spMkLst>
            <pc:docMk/>
            <pc:sldMk cId="2376958513" sldId="260"/>
            <ac:spMk id="187" creationId="{9088AF0A-57CD-FB5D-0A75-15F3D9C0BE5E}"/>
          </ac:spMkLst>
        </pc:spChg>
        <pc:spChg chg="mod">
          <ac:chgData name="White, Alex" userId="eff6cc8c-37d8-483b-9c6c-6b27e9afa9bc" providerId="ADAL" clId="{BF04C754-5BF4-4E83-9615-DB14FA25AF8A}" dt="2023-10-12T11:34:46.257" v="246"/>
          <ac:spMkLst>
            <pc:docMk/>
            <pc:sldMk cId="2376958513" sldId="260"/>
            <ac:spMk id="188" creationId="{2347E984-E622-28F6-8A46-FE33110E986F}"/>
          </ac:spMkLst>
        </pc:spChg>
        <pc:spChg chg="mod">
          <ac:chgData name="White, Alex" userId="eff6cc8c-37d8-483b-9c6c-6b27e9afa9bc" providerId="ADAL" clId="{BF04C754-5BF4-4E83-9615-DB14FA25AF8A}" dt="2023-10-12T11:34:46.257" v="246"/>
          <ac:spMkLst>
            <pc:docMk/>
            <pc:sldMk cId="2376958513" sldId="260"/>
            <ac:spMk id="189" creationId="{5D42BAAE-631E-4A2D-0ED3-DDF959377956}"/>
          </ac:spMkLst>
        </pc:spChg>
        <pc:spChg chg="mod">
          <ac:chgData name="White, Alex" userId="eff6cc8c-37d8-483b-9c6c-6b27e9afa9bc" providerId="ADAL" clId="{BF04C754-5BF4-4E83-9615-DB14FA25AF8A}" dt="2023-10-12T11:34:46.257" v="246"/>
          <ac:spMkLst>
            <pc:docMk/>
            <pc:sldMk cId="2376958513" sldId="260"/>
            <ac:spMk id="190" creationId="{39BCADEE-36E5-3C85-6AC5-44709C2C36CC}"/>
          </ac:spMkLst>
        </pc:spChg>
        <pc:spChg chg="mod">
          <ac:chgData name="White, Alex" userId="eff6cc8c-37d8-483b-9c6c-6b27e9afa9bc" providerId="ADAL" clId="{BF04C754-5BF4-4E83-9615-DB14FA25AF8A}" dt="2023-10-12T11:34:46.257" v="246"/>
          <ac:spMkLst>
            <pc:docMk/>
            <pc:sldMk cId="2376958513" sldId="260"/>
            <ac:spMk id="191" creationId="{23657913-B300-2DA3-9F31-2FF6D791B786}"/>
          </ac:spMkLst>
        </pc:spChg>
        <pc:spChg chg="mod">
          <ac:chgData name="White, Alex" userId="eff6cc8c-37d8-483b-9c6c-6b27e9afa9bc" providerId="ADAL" clId="{BF04C754-5BF4-4E83-9615-DB14FA25AF8A}" dt="2023-10-12T11:34:46.257" v="246"/>
          <ac:spMkLst>
            <pc:docMk/>
            <pc:sldMk cId="2376958513" sldId="260"/>
            <ac:spMk id="192" creationId="{2CF44F40-1C73-3962-4A39-E8035F47F7F5}"/>
          </ac:spMkLst>
        </pc:spChg>
        <pc:spChg chg="mod">
          <ac:chgData name="White, Alex" userId="eff6cc8c-37d8-483b-9c6c-6b27e9afa9bc" providerId="ADAL" clId="{BF04C754-5BF4-4E83-9615-DB14FA25AF8A}" dt="2023-10-12T11:34:46.257" v="246"/>
          <ac:spMkLst>
            <pc:docMk/>
            <pc:sldMk cId="2376958513" sldId="260"/>
            <ac:spMk id="193" creationId="{9D890354-D4F0-082A-7D5C-A6C7E0467432}"/>
          </ac:spMkLst>
        </pc:spChg>
        <pc:spChg chg="mod">
          <ac:chgData name="White, Alex" userId="eff6cc8c-37d8-483b-9c6c-6b27e9afa9bc" providerId="ADAL" clId="{BF04C754-5BF4-4E83-9615-DB14FA25AF8A}" dt="2023-10-12T11:34:46.257" v="246"/>
          <ac:spMkLst>
            <pc:docMk/>
            <pc:sldMk cId="2376958513" sldId="260"/>
            <ac:spMk id="194" creationId="{3AAAE4E9-80E0-4116-82AD-A0FF571A439F}"/>
          </ac:spMkLst>
        </pc:spChg>
        <pc:spChg chg="mod">
          <ac:chgData name="White, Alex" userId="eff6cc8c-37d8-483b-9c6c-6b27e9afa9bc" providerId="ADAL" clId="{BF04C754-5BF4-4E83-9615-DB14FA25AF8A}" dt="2023-10-12T11:34:46.257" v="246"/>
          <ac:spMkLst>
            <pc:docMk/>
            <pc:sldMk cId="2376958513" sldId="260"/>
            <ac:spMk id="195" creationId="{391C4DE0-748C-0514-C40B-C59701A82409}"/>
          </ac:spMkLst>
        </pc:spChg>
        <pc:spChg chg="mod">
          <ac:chgData name="White, Alex" userId="eff6cc8c-37d8-483b-9c6c-6b27e9afa9bc" providerId="ADAL" clId="{BF04C754-5BF4-4E83-9615-DB14FA25AF8A}" dt="2023-10-12T11:34:46.257" v="246"/>
          <ac:spMkLst>
            <pc:docMk/>
            <pc:sldMk cId="2376958513" sldId="260"/>
            <ac:spMk id="196" creationId="{D2BD83D6-FFDD-4F72-4D38-BD6D8BE2C92A}"/>
          </ac:spMkLst>
        </pc:spChg>
        <pc:spChg chg="mod">
          <ac:chgData name="White, Alex" userId="eff6cc8c-37d8-483b-9c6c-6b27e9afa9bc" providerId="ADAL" clId="{BF04C754-5BF4-4E83-9615-DB14FA25AF8A}" dt="2023-10-12T11:34:46.257" v="246"/>
          <ac:spMkLst>
            <pc:docMk/>
            <pc:sldMk cId="2376958513" sldId="260"/>
            <ac:spMk id="197" creationId="{8D57EBBA-690B-C32A-0868-D205201A0F96}"/>
          </ac:spMkLst>
        </pc:spChg>
        <pc:spChg chg="mod">
          <ac:chgData name="White, Alex" userId="eff6cc8c-37d8-483b-9c6c-6b27e9afa9bc" providerId="ADAL" clId="{BF04C754-5BF4-4E83-9615-DB14FA25AF8A}" dt="2023-10-12T11:34:46.257" v="246"/>
          <ac:spMkLst>
            <pc:docMk/>
            <pc:sldMk cId="2376958513" sldId="260"/>
            <ac:spMk id="198" creationId="{22A1A1BC-64DD-EED0-CA0C-1B88D92226DC}"/>
          </ac:spMkLst>
        </pc:spChg>
        <pc:spChg chg="mod">
          <ac:chgData name="White, Alex" userId="eff6cc8c-37d8-483b-9c6c-6b27e9afa9bc" providerId="ADAL" clId="{BF04C754-5BF4-4E83-9615-DB14FA25AF8A}" dt="2023-10-12T11:34:46.257" v="246"/>
          <ac:spMkLst>
            <pc:docMk/>
            <pc:sldMk cId="2376958513" sldId="260"/>
            <ac:spMk id="199" creationId="{6EF691CB-0C1F-AE74-44CB-7F3A37EB833F}"/>
          </ac:spMkLst>
        </pc:spChg>
        <pc:spChg chg="mod">
          <ac:chgData name="White, Alex" userId="eff6cc8c-37d8-483b-9c6c-6b27e9afa9bc" providerId="ADAL" clId="{BF04C754-5BF4-4E83-9615-DB14FA25AF8A}" dt="2023-10-12T11:34:46.257" v="246"/>
          <ac:spMkLst>
            <pc:docMk/>
            <pc:sldMk cId="2376958513" sldId="260"/>
            <ac:spMk id="200" creationId="{591EFAC0-81B0-6BB3-1688-8FB875862606}"/>
          </ac:spMkLst>
        </pc:spChg>
        <pc:spChg chg="mod">
          <ac:chgData name="White, Alex" userId="eff6cc8c-37d8-483b-9c6c-6b27e9afa9bc" providerId="ADAL" clId="{BF04C754-5BF4-4E83-9615-DB14FA25AF8A}" dt="2023-10-12T11:34:46.257" v="246"/>
          <ac:spMkLst>
            <pc:docMk/>
            <pc:sldMk cId="2376958513" sldId="260"/>
            <ac:spMk id="201" creationId="{32BB4AB2-78F1-9C20-8563-718013218CFC}"/>
          </ac:spMkLst>
        </pc:spChg>
        <pc:spChg chg="mod">
          <ac:chgData name="White, Alex" userId="eff6cc8c-37d8-483b-9c6c-6b27e9afa9bc" providerId="ADAL" clId="{BF04C754-5BF4-4E83-9615-DB14FA25AF8A}" dt="2023-10-12T11:34:46.257" v="246"/>
          <ac:spMkLst>
            <pc:docMk/>
            <pc:sldMk cId="2376958513" sldId="260"/>
            <ac:spMk id="202" creationId="{1F866BF6-113B-B21D-8261-C37B66E1A03B}"/>
          </ac:spMkLst>
        </pc:spChg>
        <pc:spChg chg="mod">
          <ac:chgData name="White, Alex" userId="eff6cc8c-37d8-483b-9c6c-6b27e9afa9bc" providerId="ADAL" clId="{BF04C754-5BF4-4E83-9615-DB14FA25AF8A}" dt="2023-10-12T11:34:46.257" v="246"/>
          <ac:spMkLst>
            <pc:docMk/>
            <pc:sldMk cId="2376958513" sldId="260"/>
            <ac:spMk id="203" creationId="{51497215-78E6-398F-D596-F7C2732D2841}"/>
          </ac:spMkLst>
        </pc:spChg>
        <pc:spChg chg="mod">
          <ac:chgData name="White, Alex" userId="eff6cc8c-37d8-483b-9c6c-6b27e9afa9bc" providerId="ADAL" clId="{BF04C754-5BF4-4E83-9615-DB14FA25AF8A}" dt="2023-10-12T11:34:46.257" v="246"/>
          <ac:spMkLst>
            <pc:docMk/>
            <pc:sldMk cId="2376958513" sldId="260"/>
            <ac:spMk id="204" creationId="{984BB456-4BAB-4B4D-43EF-B0B0B252E215}"/>
          </ac:spMkLst>
        </pc:spChg>
        <pc:spChg chg="mod">
          <ac:chgData name="White, Alex" userId="eff6cc8c-37d8-483b-9c6c-6b27e9afa9bc" providerId="ADAL" clId="{BF04C754-5BF4-4E83-9615-DB14FA25AF8A}" dt="2023-10-12T11:34:46.257" v="246"/>
          <ac:spMkLst>
            <pc:docMk/>
            <pc:sldMk cId="2376958513" sldId="260"/>
            <ac:spMk id="205" creationId="{139E89A5-C3AC-C3F2-9C3C-FD84CBC35762}"/>
          </ac:spMkLst>
        </pc:spChg>
        <pc:spChg chg="mod">
          <ac:chgData name="White, Alex" userId="eff6cc8c-37d8-483b-9c6c-6b27e9afa9bc" providerId="ADAL" clId="{BF04C754-5BF4-4E83-9615-DB14FA25AF8A}" dt="2023-10-12T11:34:46.257" v="246"/>
          <ac:spMkLst>
            <pc:docMk/>
            <pc:sldMk cId="2376958513" sldId="260"/>
            <ac:spMk id="206" creationId="{58B83BD4-617C-B3FB-AB4D-F3217FE9DD2E}"/>
          </ac:spMkLst>
        </pc:spChg>
        <pc:spChg chg="mod">
          <ac:chgData name="White, Alex" userId="eff6cc8c-37d8-483b-9c6c-6b27e9afa9bc" providerId="ADAL" clId="{BF04C754-5BF4-4E83-9615-DB14FA25AF8A}" dt="2023-10-12T11:34:46.257" v="246"/>
          <ac:spMkLst>
            <pc:docMk/>
            <pc:sldMk cId="2376958513" sldId="260"/>
            <ac:spMk id="207" creationId="{EA19A8DD-A1FD-5C6B-688B-DFB8B4A9845E}"/>
          </ac:spMkLst>
        </pc:spChg>
        <pc:spChg chg="mod">
          <ac:chgData name="White, Alex" userId="eff6cc8c-37d8-483b-9c6c-6b27e9afa9bc" providerId="ADAL" clId="{BF04C754-5BF4-4E83-9615-DB14FA25AF8A}" dt="2023-10-12T11:34:46.257" v="246"/>
          <ac:spMkLst>
            <pc:docMk/>
            <pc:sldMk cId="2376958513" sldId="260"/>
            <ac:spMk id="208" creationId="{94DF1BB2-8422-65F1-1D88-864DD46C42BA}"/>
          </ac:spMkLst>
        </pc:spChg>
        <pc:spChg chg="mod">
          <ac:chgData name="White, Alex" userId="eff6cc8c-37d8-483b-9c6c-6b27e9afa9bc" providerId="ADAL" clId="{BF04C754-5BF4-4E83-9615-DB14FA25AF8A}" dt="2023-10-12T11:34:46.257" v="246"/>
          <ac:spMkLst>
            <pc:docMk/>
            <pc:sldMk cId="2376958513" sldId="260"/>
            <ac:spMk id="209" creationId="{3B0CFA54-F583-0809-67C2-8E61D25A87AF}"/>
          </ac:spMkLst>
        </pc:spChg>
        <pc:spChg chg="mod">
          <ac:chgData name="White, Alex" userId="eff6cc8c-37d8-483b-9c6c-6b27e9afa9bc" providerId="ADAL" clId="{BF04C754-5BF4-4E83-9615-DB14FA25AF8A}" dt="2023-10-12T11:34:46.257" v="246"/>
          <ac:spMkLst>
            <pc:docMk/>
            <pc:sldMk cId="2376958513" sldId="260"/>
            <ac:spMk id="210" creationId="{9E9E5F36-10D7-2D81-93D9-99042A88572A}"/>
          </ac:spMkLst>
        </pc:spChg>
        <pc:spChg chg="mod">
          <ac:chgData name="White, Alex" userId="eff6cc8c-37d8-483b-9c6c-6b27e9afa9bc" providerId="ADAL" clId="{BF04C754-5BF4-4E83-9615-DB14FA25AF8A}" dt="2023-10-12T11:34:46.257" v="246"/>
          <ac:spMkLst>
            <pc:docMk/>
            <pc:sldMk cId="2376958513" sldId="260"/>
            <ac:spMk id="211" creationId="{EB500825-26F8-1459-ED15-77624F6069BC}"/>
          </ac:spMkLst>
        </pc:spChg>
        <pc:spChg chg="mod">
          <ac:chgData name="White, Alex" userId="eff6cc8c-37d8-483b-9c6c-6b27e9afa9bc" providerId="ADAL" clId="{BF04C754-5BF4-4E83-9615-DB14FA25AF8A}" dt="2023-10-12T11:34:46.257" v="246"/>
          <ac:spMkLst>
            <pc:docMk/>
            <pc:sldMk cId="2376958513" sldId="260"/>
            <ac:spMk id="212" creationId="{3A4EA275-7D53-4945-B7F8-137DC637C195}"/>
          </ac:spMkLst>
        </pc:spChg>
        <pc:spChg chg="mod">
          <ac:chgData name="White, Alex" userId="eff6cc8c-37d8-483b-9c6c-6b27e9afa9bc" providerId="ADAL" clId="{BF04C754-5BF4-4E83-9615-DB14FA25AF8A}" dt="2023-10-12T11:34:46.257" v="246"/>
          <ac:spMkLst>
            <pc:docMk/>
            <pc:sldMk cId="2376958513" sldId="260"/>
            <ac:spMk id="213" creationId="{640D34A6-E16D-4A21-CA05-0A2EB3043699}"/>
          </ac:spMkLst>
        </pc:spChg>
        <pc:spChg chg="mod">
          <ac:chgData name="White, Alex" userId="eff6cc8c-37d8-483b-9c6c-6b27e9afa9bc" providerId="ADAL" clId="{BF04C754-5BF4-4E83-9615-DB14FA25AF8A}" dt="2023-10-12T11:34:46.257" v="246"/>
          <ac:spMkLst>
            <pc:docMk/>
            <pc:sldMk cId="2376958513" sldId="260"/>
            <ac:spMk id="214" creationId="{DC0814CC-F43D-AC27-EF71-C1A139F78687}"/>
          </ac:spMkLst>
        </pc:spChg>
        <pc:spChg chg="mod">
          <ac:chgData name="White, Alex" userId="eff6cc8c-37d8-483b-9c6c-6b27e9afa9bc" providerId="ADAL" clId="{BF04C754-5BF4-4E83-9615-DB14FA25AF8A}" dt="2023-10-12T11:34:46.257" v="246"/>
          <ac:spMkLst>
            <pc:docMk/>
            <pc:sldMk cId="2376958513" sldId="260"/>
            <ac:spMk id="215" creationId="{C6F9C584-B8B5-0137-A376-508B5866BDC0}"/>
          </ac:spMkLst>
        </pc:spChg>
        <pc:spChg chg="mod">
          <ac:chgData name="White, Alex" userId="eff6cc8c-37d8-483b-9c6c-6b27e9afa9bc" providerId="ADAL" clId="{BF04C754-5BF4-4E83-9615-DB14FA25AF8A}" dt="2023-10-12T11:34:46.257" v="246"/>
          <ac:spMkLst>
            <pc:docMk/>
            <pc:sldMk cId="2376958513" sldId="260"/>
            <ac:spMk id="216" creationId="{AA8EE289-EC46-0983-9DE2-DA39A02B68C0}"/>
          </ac:spMkLst>
        </pc:spChg>
        <pc:spChg chg="mod">
          <ac:chgData name="White, Alex" userId="eff6cc8c-37d8-483b-9c6c-6b27e9afa9bc" providerId="ADAL" clId="{BF04C754-5BF4-4E83-9615-DB14FA25AF8A}" dt="2023-10-12T11:34:46.257" v="246"/>
          <ac:spMkLst>
            <pc:docMk/>
            <pc:sldMk cId="2376958513" sldId="260"/>
            <ac:spMk id="217" creationId="{A34B8695-0E90-E211-27D3-E340B467CADD}"/>
          </ac:spMkLst>
        </pc:spChg>
        <pc:spChg chg="mod">
          <ac:chgData name="White, Alex" userId="eff6cc8c-37d8-483b-9c6c-6b27e9afa9bc" providerId="ADAL" clId="{BF04C754-5BF4-4E83-9615-DB14FA25AF8A}" dt="2023-10-12T11:34:46.257" v="246"/>
          <ac:spMkLst>
            <pc:docMk/>
            <pc:sldMk cId="2376958513" sldId="260"/>
            <ac:spMk id="218" creationId="{0899446F-0F6A-03FB-7C00-3A9429F20B71}"/>
          </ac:spMkLst>
        </pc:spChg>
        <pc:spChg chg="mod">
          <ac:chgData name="White, Alex" userId="eff6cc8c-37d8-483b-9c6c-6b27e9afa9bc" providerId="ADAL" clId="{BF04C754-5BF4-4E83-9615-DB14FA25AF8A}" dt="2023-10-12T11:34:46.257" v="246"/>
          <ac:spMkLst>
            <pc:docMk/>
            <pc:sldMk cId="2376958513" sldId="260"/>
            <ac:spMk id="219" creationId="{E0D53692-99BE-6454-361D-C47CA32B2CEE}"/>
          </ac:spMkLst>
        </pc:spChg>
        <pc:spChg chg="mod">
          <ac:chgData name="White, Alex" userId="eff6cc8c-37d8-483b-9c6c-6b27e9afa9bc" providerId="ADAL" clId="{BF04C754-5BF4-4E83-9615-DB14FA25AF8A}" dt="2023-10-12T11:34:46.257" v="246"/>
          <ac:spMkLst>
            <pc:docMk/>
            <pc:sldMk cId="2376958513" sldId="260"/>
            <ac:spMk id="220" creationId="{F7089CBA-AC56-B1FB-C452-00E991D442E7}"/>
          </ac:spMkLst>
        </pc:spChg>
        <pc:spChg chg="mod">
          <ac:chgData name="White, Alex" userId="eff6cc8c-37d8-483b-9c6c-6b27e9afa9bc" providerId="ADAL" clId="{BF04C754-5BF4-4E83-9615-DB14FA25AF8A}" dt="2023-10-12T11:34:46.257" v="246"/>
          <ac:spMkLst>
            <pc:docMk/>
            <pc:sldMk cId="2376958513" sldId="260"/>
            <ac:spMk id="221" creationId="{B40F099C-6021-F24E-56A2-79256A5F31F2}"/>
          </ac:spMkLst>
        </pc:spChg>
        <pc:spChg chg="mod">
          <ac:chgData name="White, Alex" userId="eff6cc8c-37d8-483b-9c6c-6b27e9afa9bc" providerId="ADAL" clId="{BF04C754-5BF4-4E83-9615-DB14FA25AF8A}" dt="2023-10-12T11:34:46.257" v="246"/>
          <ac:spMkLst>
            <pc:docMk/>
            <pc:sldMk cId="2376958513" sldId="260"/>
            <ac:spMk id="222" creationId="{0F7589C7-331A-C496-FC22-FD169765E68E}"/>
          </ac:spMkLst>
        </pc:spChg>
        <pc:spChg chg="mod">
          <ac:chgData name="White, Alex" userId="eff6cc8c-37d8-483b-9c6c-6b27e9afa9bc" providerId="ADAL" clId="{BF04C754-5BF4-4E83-9615-DB14FA25AF8A}" dt="2023-10-12T11:34:46.257" v="246"/>
          <ac:spMkLst>
            <pc:docMk/>
            <pc:sldMk cId="2376958513" sldId="260"/>
            <ac:spMk id="223" creationId="{41C1ABFE-2439-F037-409B-B26D9D35DBF2}"/>
          </ac:spMkLst>
        </pc:spChg>
        <pc:spChg chg="mod">
          <ac:chgData name="White, Alex" userId="eff6cc8c-37d8-483b-9c6c-6b27e9afa9bc" providerId="ADAL" clId="{BF04C754-5BF4-4E83-9615-DB14FA25AF8A}" dt="2023-10-12T11:34:46.257" v="246"/>
          <ac:spMkLst>
            <pc:docMk/>
            <pc:sldMk cId="2376958513" sldId="260"/>
            <ac:spMk id="224" creationId="{F88912C5-9C78-D426-A2DF-8D0D84B8341B}"/>
          </ac:spMkLst>
        </pc:spChg>
        <pc:spChg chg="mod">
          <ac:chgData name="White, Alex" userId="eff6cc8c-37d8-483b-9c6c-6b27e9afa9bc" providerId="ADAL" clId="{BF04C754-5BF4-4E83-9615-DB14FA25AF8A}" dt="2023-10-12T11:34:46.257" v="246"/>
          <ac:spMkLst>
            <pc:docMk/>
            <pc:sldMk cId="2376958513" sldId="260"/>
            <ac:spMk id="225" creationId="{F2093F6E-4C8D-AA37-E5E0-C83A17E34497}"/>
          </ac:spMkLst>
        </pc:spChg>
        <pc:spChg chg="mod">
          <ac:chgData name="White, Alex" userId="eff6cc8c-37d8-483b-9c6c-6b27e9afa9bc" providerId="ADAL" clId="{BF04C754-5BF4-4E83-9615-DB14FA25AF8A}" dt="2023-10-12T11:34:46.257" v="246"/>
          <ac:spMkLst>
            <pc:docMk/>
            <pc:sldMk cId="2376958513" sldId="260"/>
            <ac:spMk id="226" creationId="{686C4B7C-8DD0-F4F6-FC99-5838817163D2}"/>
          </ac:spMkLst>
        </pc:spChg>
        <pc:spChg chg="mod">
          <ac:chgData name="White, Alex" userId="eff6cc8c-37d8-483b-9c6c-6b27e9afa9bc" providerId="ADAL" clId="{BF04C754-5BF4-4E83-9615-DB14FA25AF8A}" dt="2023-10-12T11:34:46.257" v="246"/>
          <ac:spMkLst>
            <pc:docMk/>
            <pc:sldMk cId="2376958513" sldId="260"/>
            <ac:spMk id="227" creationId="{4940B551-92AF-4101-38F1-72601F1C1ACD}"/>
          </ac:spMkLst>
        </pc:spChg>
        <pc:spChg chg="mod">
          <ac:chgData name="White, Alex" userId="eff6cc8c-37d8-483b-9c6c-6b27e9afa9bc" providerId="ADAL" clId="{BF04C754-5BF4-4E83-9615-DB14FA25AF8A}" dt="2023-10-12T11:34:46.257" v="246"/>
          <ac:spMkLst>
            <pc:docMk/>
            <pc:sldMk cId="2376958513" sldId="260"/>
            <ac:spMk id="228" creationId="{E2E6E3C1-896F-3A4E-B0B6-8CFE695ED34F}"/>
          </ac:spMkLst>
        </pc:spChg>
        <pc:spChg chg="mod">
          <ac:chgData name="White, Alex" userId="eff6cc8c-37d8-483b-9c6c-6b27e9afa9bc" providerId="ADAL" clId="{BF04C754-5BF4-4E83-9615-DB14FA25AF8A}" dt="2023-10-12T11:34:46.257" v="246"/>
          <ac:spMkLst>
            <pc:docMk/>
            <pc:sldMk cId="2376958513" sldId="260"/>
            <ac:spMk id="229" creationId="{3A72064E-1983-9E9F-8B91-77F568CE1222}"/>
          </ac:spMkLst>
        </pc:spChg>
        <pc:spChg chg="mod">
          <ac:chgData name="White, Alex" userId="eff6cc8c-37d8-483b-9c6c-6b27e9afa9bc" providerId="ADAL" clId="{BF04C754-5BF4-4E83-9615-DB14FA25AF8A}" dt="2023-10-12T11:34:46.257" v="246"/>
          <ac:spMkLst>
            <pc:docMk/>
            <pc:sldMk cId="2376958513" sldId="260"/>
            <ac:spMk id="230" creationId="{96C8849F-05D9-4E29-02C9-DEE8DE4F8D65}"/>
          </ac:spMkLst>
        </pc:spChg>
        <pc:spChg chg="mod">
          <ac:chgData name="White, Alex" userId="eff6cc8c-37d8-483b-9c6c-6b27e9afa9bc" providerId="ADAL" clId="{BF04C754-5BF4-4E83-9615-DB14FA25AF8A}" dt="2023-10-12T11:34:46.257" v="246"/>
          <ac:spMkLst>
            <pc:docMk/>
            <pc:sldMk cId="2376958513" sldId="260"/>
            <ac:spMk id="231" creationId="{C242EC4A-5586-1D24-3EE7-4C0FC12FF6D7}"/>
          </ac:spMkLst>
        </pc:spChg>
        <pc:spChg chg="mod">
          <ac:chgData name="White, Alex" userId="eff6cc8c-37d8-483b-9c6c-6b27e9afa9bc" providerId="ADAL" clId="{BF04C754-5BF4-4E83-9615-DB14FA25AF8A}" dt="2023-10-12T11:34:46.257" v="246"/>
          <ac:spMkLst>
            <pc:docMk/>
            <pc:sldMk cId="2376958513" sldId="260"/>
            <ac:spMk id="232" creationId="{79E063F0-C429-06C0-0FF9-524CB68281F4}"/>
          </ac:spMkLst>
        </pc:spChg>
        <pc:spChg chg="mod">
          <ac:chgData name="White, Alex" userId="eff6cc8c-37d8-483b-9c6c-6b27e9afa9bc" providerId="ADAL" clId="{BF04C754-5BF4-4E83-9615-DB14FA25AF8A}" dt="2023-10-12T11:34:46.257" v="246"/>
          <ac:spMkLst>
            <pc:docMk/>
            <pc:sldMk cId="2376958513" sldId="260"/>
            <ac:spMk id="233" creationId="{7B4DA4B4-6914-7538-EFA0-E4A50519F9CC}"/>
          </ac:spMkLst>
        </pc:spChg>
        <pc:spChg chg="mod">
          <ac:chgData name="White, Alex" userId="eff6cc8c-37d8-483b-9c6c-6b27e9afa9bc" providerId="ADAL" clId="{BF04C754-5BF4-4E83-9615-DB14FA25AF8A}" dt="2023-10-12T11:34:46.257" v="246"/>
          <ac:spMkLst>
            <pc:docMk/>
            <pc:sldMk cId="2376958513" sldId="260"/>
            <ac:spMk id="234" creationId="{C5BFCFC5-F8F0-D321-4347-5864F2835E35}"/>
          </ac:spMkLst>
        </pc:spChg>
        <pc:spChg chg="mod">
          <ac:chgData name="White, Alex" userId="eff6cc8c-37d8-483b-9c6c-6b27e9afa9bc" providerId="ADAL" clId="{BF04C754-5BF4-4E83-9615-DB14FA25AF8A}" dt="2023-10-12T11:34:46.257" v="246"/>
          <ac:spMkLst>
            <pc:docMk/>
            <pc:sldMk cId="2376958513" sldId="260"/>
            <ac:spMk id="235" creationId="{1F60E6BE-62FA-7471-8151-55B144FBECFC}"/>
          </ac:spMkLst>
        </pc:spChg>
        <pc:spChg chg="mod">
          <ac:chgData name="White, Alex" userId="eff6cc8c-37d8-483b-9c6c-6b27e9afa9bc" providerId="ADAL" clId="{BF04C754-5BF4-4E83-9615-DB14FA25AF8A}" dt="2023-10-12T11:34:46.257" v="246"/>
          <ac:spMkLst>
            <pc:docMk/>
            <pc:sldMk cId="2376958513" sldId="260"/>
            <ac:spMk id="236" creationId="{9371C207-92F3-F29C-B5E6-30CE1907BBE3}"/>
          </ac:spMkLst>
        </pc:spChg>
        <pc:spChg chg="mod">
          <ac:chgData name="White, Alex" userId="eff6cc8c-37d8-483b-9c6c-6b27e9afa9bc" providerId="ADAL" clId="{BF04C754-5BF4-4E83-9615-DB14FA25AF8A}" dt="2023-10-12T11:34:46.257" v="246"/>
          <ac:spMkLst>
            <pc:docMk/>
            <pc:sldMk cId="2376958513" sldId="260"/>
            <ac:spMk id="237" creationId="{DEAD6B8C-56A9-182A-F578-0B3266A7EBDB}"/>
          </ac:spMkLst>
        </pc:spChg>
        <pc:spChg chg="mod">
          <ac:chgData name="White, Alex" userId="eff6cc8c-37d8-483b-9c6c-6b27e9afa9bc" providerId="ADAL" clId="{BF04C754-5BF4-4E83-9615-DB14FA25AF8A}" dt="2023-10-12T11:34:46.257" v="246"/>
          <ac:spMkLst>
            <pc:docMk/>
            <pc:sldMk cId="2376958513" sldId="260"/>
            <ac:spMk id="238" creationId="{D7128D95-B742-6D9F-E0ED-D26511188CBF}"/>
          </ac:spMkLst>
        </pc:spChg>
        <pc:spChg chg="mod">
          <ac:chgData name="White, Alex" userId="eff6cc8c-37d8-483b-9c6c-6b27e9afa9bc" providerId="ADAL" clId="{BF04C754-5BF4-4E83-9615-DB14FA25AF8A}" dt="2023-10-12T11:34:46.257" v="246"/>
          <ac:spMkLst>
            <pc:docMk/>
            <pc:sldMk cId="2376958513" sldId="260"/>
            <ac:spMk id="239" creationId="{AE3EE662-298B-188D-AE74-5EBB8A9280D9}"/>
          </ac:spMkLst>
        </pc:spChg>
        <pc:spChg chg="mod">
          <ac:chgData name="White, Alex" userId="eff6cc8c-37d8-483b-9c6c-6b27e9afa9bc" providerId="ADAL" clId="{BF04C754-5BF4-4E83-9615-DB14FA25AF8A}" dt="2023-10-12T11:34:46.257" v="246"/>
          <ac:spMkLst>
            <pc:docMk/>
            <pc:sldMk cId="2376958513" sldId="260"/>
            <ac:spMk id="240" creationId="{64530256-A7DB-5109-D2F4-7F18DCDF793B}"/>
          </ac:spMkLst>
        </pc:spChg>
        <pc:spChg chg="mod">
          <ac:chgData name="White, Alex" userId="eff6cc8c-37d8-483b-9c6c-6b27e9afa9bc" providerId="ADAL" clId="{BF04C754-5BF4-4E83-9615-DB14FA25AF8A}" dt="2023-10-12T11:34:46.257" v="246"/>
          <ac:spMkLst>
            <pc:docMk/>
            <pc:sldMk cId="2376958513" sldId="260"/>
            <ac:spMk id="241" creationId="{7ED1378F-884F-A07E-9E5A-9FD8C30B1A06}"/>
          </ac:spMkLst>
        </pc:spChg>
        <pc:spChg chg="mod">
          <ac:chgData name="White, Alex" userId="eff6cc8c-37d8-483b-9c6c-6b27e9afa9bc" providerId="ADAL" clId="{BF04C754-5BF4-4E83-9615-DB14FA25AF8A}" dt="2023-10-12T11:34:46.257" v="246"/>
          <ac:spMkLst>
            <pc:docMk/>
            <pc:sldMk cId="2376958513" sldId="260"/>
            <ac:spMk id="242" creationId="{587DD0E2-B01F-EE1D-25D9-1361D55EB111}"/>
          </ac:spMkLst>
        </pc:spChg>
        <pc:spChg chg="mod">
          <ac:chgData name="White, Alex" userId="eff6cc8c-37d8-483b-9c6c-6b27e9afa9bc" providerId="ADAL" clId="{BF04C754-5BF4-4E83-9615-DB14FA25AF8A}" dt="2023-10-12T11:34:46.257" v="246"/>
          <ac:spMkLst>
            <pc:docMk/>
            <pc:sldMk cId="2376958513" sldId="260"/>
            <ac:spMk id="243" creationId="{4889F9E7-86A3-9389-BA7B-192AB500D08C}"/>
          </ac:spMkLst>
        </pc:spChg>
        <pc:spChg chg="mod">
          <ac:chgData name="White, Alex" userId="eff6cc8c-37d8-483b-9c6c-6b27e9afa9bc" providerId="ADAL" clId="{BF04C754-5BF4-4E83-9615-DB14FA25AF8A}" dt="2023-10-12T11:34:46.257" v="246"/>
          <ac:spMkLst>
            <pc:docMk/>
            <pc:sldMk cId="2376958513" sldId="260"/>
            <ac:spMk id="244" creationId="{5A401555-5AC4-90D6-3229-9756782D4DCE}"/>
          </ac:spMkLst>
        </pc:spChg>
        <pc:spChg chg="mod">
          <ac:chgData name="White, Alex" userId="eff6cc8c-37d8-483b-9c6c-6b27e9afa9bc" providerId="ADAL" clId="{BF04C754-5BF4-4E83-9615-DB14FA25AF8A}" dt="2023-10-12T11:34:46.257" v="246"/>
          <ac:spMkLst>
            <pc:docMk/>
            <pc:sldMk cId="2376958513" sldId="260"/>
            <ac:spMk id="245" creationId="{3200DBFC-701D-98B2-85C4-3393D402583D}"/>
          </ac:spMkLst>
        </pc:spChg>
        <pc:spChg chg="mod">
          <ac:chgData name="White, Alex" userId="eff6cc8c-37d8-483b-9c6c-6b27e9afa9bc" providerId="ADAL" clId="{BF04C754-5BF4-4E83-9615-DB14FA25AF8A}" dt="2023-10-12T11:34:46.257" v="246"/>
          <ac:spMkLst>
            <pc:docMk/>
            <pc:sldMk cId="2376958513" sldId="260"/>
            <ac:spMk id="246" creationId="{CF6769DE-3544-9083-F3F8-3A00DB09080D}"/>
          </ac:spMkLst>
        </pc:spChg>
        <pc:spChg chg="mod">
          <ac:chgData name="White, Alex" userId="eff6cc8c-37d8-483b-9c6c-6b27e9afa9bc" providerId="ADAL" clId="{BF04C754-5BF4-4E83-9615-DB14FA25AF8A}" dt="2023-10-12T11:34:46.257" v="246"/>
          <ac:spMkLst>
            <pc:docMk/>
            <pc:sldMk cId="2376958513" sldId="260"/>
            <ac:spMk id="247" creationId="{3567912E-BB51-B558-5D83-8D4AAEE40AB2}"/>
          </ac:spMkLst>
        </pc:spChg>
        <pc:spChg chg="mod">
          <ac:chgData name="White, Alex" userId="eff6cc8c-37d8-483b-9c6c-6b27e9afa9bc" providerId="ADAL" clId="{BF04C754-5BF4-4E83-9615-DB14FA25AF8A}" dt="2023-10-12T11:34:46.257" v="246"/>
          <ac:spMkLst>
            <pc:docMk/>
            <pc:sldMk cId="2376958513" sldId="260"/>
            <ac:spMk id="248" creationId="{C21D32EB-D6EE-BC30-7FE4-3BD28A9264A9}"/>
          </ac:spMkLst>
        </pc:spChg>
        <pc:spChg chg="mod">
          <ac:chgData name="White, Alex" userId="eff6cc8c-37d8-483b-9c6c-6b27e9afa9bc" providerId="ADAL" clId="{BF04C754-5BF4-4E83-9615-DB14FA25AF8A}" dt="2023-10-12T11:34:46.257" v="246"/>
          <ac:spMkLst>
            <pc:docMk/>
            <pc:sldMk cId="2376958513" sldId="260"/>
            <ac:spMk id="249" creationId="{CA29F88B-EBEE-D2E3-A22B-C91353C61D39}"/>
          </ac:spMkLst>
        </pc:spChg>
        <pc:spChg chg="mod">
          <ac:chgData name="White, Alex" userId="eff6cc8c-37d8-483b-9c6c-6b27e9afa9bc" providerId="ADAL" clId="{BF04C754-5BF4-4E83-9615-DB14FA25AF8A}" dt="2023-10-12T11:34:46.257" v="246"/>
          <ac:spMkLst>
            <pc:docMk/>
            <pc:sldMk cId="2376958513" sldId="260"/>
            <ac:spMk id="250" creationId="{F8DF4569-02B3-45D9-FDD9-0F7A699CC5D9}"/>
          </ac:spMkLst>
        </pc:spChg>
        <pc:spChg chg="mod">
          <ac:chgData name="White, Alex" userId="eff6cc8c-37d8-483b-9c6c-6b27e9afa9bc" providerId="ADAL" clId="{BF04C754-5BF4-4E83-9615-DB14FA25AF8A}" dt="2023-10-12T11:34:46.257" v="246"/>
          <ac:spMkLst>
            <pc:docMk/>
            <pc:sldMk cId="2376958513" sldId="260"/>
            <ac:spMk id="251" creationId="{8B58EE3D-1C32-355B-33E2-D6B465BD9553}"/>
          </ac:spMkLst>
        </pc:spChg>
        <pc:spChg chg="mod">
          <ac:chgData name="White, Alex" userId="eff6cc8c-37d8-483b-9c6c-6b27e9afa9bc" providerId="ADAL" clId="{BF04C754-5BF4-4E83-9615-DB14FA25AF8A}" dt="2023-10-12T11:34:46.257" v="246"/>
          <ac:spMkLst>
            <pc:docMk/>
            <pc:sldMk cId="2376958513" sldId="260"/>
            <ac:spMk id="252" creationId="{B77A5DAB-E4E7-7052-6440-1B4523EB747B}"/>
          </ac:spMkLst>
        </pc:spChg>
        <pc:spChg chg="mod">
          <ac:chgData name="White, Alex" userId="eff6cc8c-37d8-483b-9c6c-6b27e9afa9bc" providerId="ADAL" clId="{BF04C754-5BF4-4E83-9615-DB14FA25AF8A}" dt="2023-10-12T11:34:46.257" v="246"/>
          <ac:spMkLst>
            <pc:docMk/>
            <pc:sldMk cId="2376958513" sldId="260"/>
            <ac:spMk id="253" creationId="{4F60AA3A-B828-23CF-A1AD-C7FA782D811F}"/>
          </ac:spMkLst>
        </pc:spChg>
        <pc:spChg chg="mod">
          <ac:chgData name="White, Alex" userId="eff6cc8c-37d8-483b-9c6c-6b27e9afa9bc" providerId="ADAL" clId="{BF04C754-5BF4-4E83-9615-DB14FA25AF8A}" dt="2023-10-12T11:34:46.257" v="246"/>
          <ac:spMkLst>
            <pc:docMk/>
            <pc:sldMk cId="2376958513" sldId="260"/>
            <ac:spMk id="254" creationId="{2FB31C90-275E-583E-7EE8-5E88B359A277}"/>
          </ac:spMkLst>
        </pc:spChg>
        <pc:spChg chg="mod">
          <ac:chgData name="White, Alex" userId="eff6cc8c-37d8-483b-9c6c-6b27e9afa9bc" providerId="ADAL" clId="{BF04C754-5BF4-4E83-9615-DB14FA25AF8A}" dt="2023-10-12T11:34:46.257" v="246"/>
          <ac:spMkLst>
            <pc:docMk/>
            <pc:sldMk cId="2376958513" sldId="260"/>
            <ac:spMk id="255" creationId="{375E3710-1EFC-F614-1E6F-0085ED89E647}"/>
          </ac:spMkLst>
        </pc:spChg>
        <pc:spChg chg="mod">
          <ac:chgData name="White, Alex" userId="eff6cc8c-37d8-483b-9c6c-6b27e9afa9bc" providerId="ADAL" clId="{BF04C754-5BF4-4E83-9615-DB14FA25AF8A}" dt="2023-10-12T11:34:46.257" v="246"/>
          <ac:spMkLst>
            <pc:docMk/>
            <pc:sldMk cId="2376958513" sldId="260"/>
            <ac:spMk id="256" creationId="{CE629333-2073-2395-C7DC-D597B4AE267F}"/>
          </ac:spMkLst>
        </pc:spChg>
        <pc:spChg chg="mod">
          <ac:chgData name="White, Alex" userId="eff6cc8c-37d8-483b-9c6c-6b27e9afa9bc" providerId="ADAL" clId="{BF04C754-5BF4-4E83-9615-DB14FA25AF8A}" dt="2023-10-12T11:34:46.257" v="246"/>
          <ac:spMkLst>
            <pc:docMk/>
            <pc:sldMk cId="2376958513" sldId="260"/>
            <ac:spMk id="257" creationId="{D3F71FE2-6F84-8F4F-BCAA-46442A7BA69B}"/>
          </ac:spMkLst>
        </pc:spChg>
        <pc:spChg chg="mod">
          <ac:chgData name="White, Alex" userId="eff6cc8c-37d8-483b-9c6c-6b27e9afa9bc" providerId="ADAL" clId="{BF04C754-5BF4-4E83-9615-DB14FA25AF8A}" dt="2023-10-12T11:34:46.257" v="246"/>
          <ac:spMkLst>
            <pc:docMk/>
            <pc:sldMk cId="2376958513" sldId="260"/>
            <ac:spMk id="258" creationId="{2ED09982-8475-A3D9-D946-6A1D9E11AB94}"/>
          </ac:spMkLst>
        </pc:spChg>
        <pc:spChg chg="mod">
          <ac:chgData name="White, Alex" userId="eff6cc8c-37d8-483b-9c6c-6b27e9afa9bc" providerId="ADAL" clId="{BF04C754-5BF4-4E83-9615-DB14FA25AF8A}" dt="2023-10-12T11:34:46.257" v="246"/>
          <ac:spMkLst>
            <pc:docMk/>
            <pc:sldMk cId="2376958513" sldId="260"/>
            <ac:spMk id="259" creationId="{545C1211-94D4-EC19-B43B-E1B5FD1F4BF2}"/>
          </ac:spMkLst>
        </pc:spChg>
        <pc:spChg chg="mod">
          <ac:chgData name="White, Alex" userId="eff6cc8c-37d8-483b-9c6c-6b27e9afa9bc" providerId="ADAL" clId="{BF04C754-5BF4-4E83-9615-DB14FA25AF8A}" dt="2023-10-12T11:34:46.257" v="246"/>
          <ac:spMkLst>
            <pc:docMk/>
            <pc:sldMk cId="2376958513" sldId="260"/>
            <ac:spMk id="260" creationId="{B659A84D-9010-508B-35B6-998AE0DC8D01}"/>
          </ac:spMkLst>
        </pc:spChg>
        <pc:spChg chg="mod">
          <ac:chgData name="White, Alex" userId="eff6cc8c-37d8-483b-9c6c-6b27e9afa9bc" providerId="ADAL" clId="{BF04C754-5BF4-4E83-9615-DB14FA25AF8A}" dt="2023-10-12T11:34:46.257" v="246"/>
          <ac:spMkLst>
            <pc:docMk/>
            <pc:sldMk cId="2376958513" sldId="260"/>
            <ac:spMk id="261" creationId="{9DA4F952-279B-D71C-A5D5-FC25E24573D1}"/>
          </ac:spMkLst>
        </pc:spChg>
        <pc:spChg chg="mod">
          <ac:chgData name="White, Alex" userId="eff6cc8c-37d8-483b-9c6c-6b27e9afa9bc" providerId="ADAL" clId="{BF04C754-5BF4-4E83-9615-DB14FA25AF8A}" dt="2023-10-12T11:34:46.257" v="246"/>
          <ac:spMkLst>
            <pc:docMk/>
            <pc:sldMk cId="2376958513" sldId="260"/>
            <ac:spMk id="262" creationId="{95EF1DBC-B175-FC6C-6823-F9C0BB35717B}"/>
          </ac:spMkLst>
        </pc:spChg>
        <pc:spChg chg="mod">
          <ac:chgData name="White, Alex" userId="eff6cc8c-37d8-483b-9c6c-6b27e9afa9bc" providerId="ADAL" clId="{BF04C754-5BF4-4E83-9615-DB14FA25AF8A}" dt="2023-10-12T11:35:10.739" v="250"/>
          <ac:spMkLst>
            <pc:docMk/>
            <pc:sldMk cId="2376958513" sldId="260"/>
            <ac:spMk id="264" creationId="{AF62F264-A059-9F46-093F-A23252AB7E04}"/>
          </ac:spMkLst>
        </pc:spChg>
        <pc:spChg chg="mod">
          <ac:chgData name="White, Alex" userId="eff6cc8c-37d8-483b-9c6c-6b27e9afa9bc" providerId="ADAL" clId="{BF04C754-5BF4-4E83-9615-DB14FA25AF8A}" dt="2023-10-12T11:35:10.739" v="250"/>
          <ac:spMkLst>
            <pc:docMk/>
            <pc:sldMk cId="2376958513" sldId="260"/>
            <ac:spMk id="265" creationId="{40460952-66E2-3321-2219-D6CA7541BB49}"/>
          </ac:spMkLst>
        </pc:spChg>
        <pc:spChg chg="mod">
          <ac:chgData name="White, Alex" userId="eff6cc8c-37d8-483b-9c6c-6b27e9afa9bc" providerId="ADAL" clId="{BF04C754-5BF4-4E83-9615-DB14FA25AF8A}" dt="2023-10-12T11:35:10.739" v="250"/>
          <ac:spMkLst>
            <pc:docMk/>
            <pc:sldMk cId="2376958513" sldId="260"/>
            <ac:spMk id="266" creationId="{3E2E044B-61B9-CA57-2BFA-6F2A0D2913A5}"/>
          </ac:spMkLst>
        </pc:spChg>
        <pc:spChg chg="mod">
          <ac:chgData name="White, Alex" userId="eff6cc8c-37d8-483b-9c6c-6b27e9afa9bc" providerId="ADAL" clId="{BF04C754-5BF4-4E83-9615-DB14FA25AF8A}" dt="2023-10-12T11:35:10.739" v="250"/>
          <ac:spMkLst>
            <pc:docMk/>
            <pc:sldMk cId="2376958513" sldId="260"/>
            <ac:spMk id="267" creationId="{0DF9DAC4-4C80-08FA-7109-45D9C43AE19C}"/>
          </ac:spMkLst>
        </pc:spChg>
        <pc:spChg chg="mod">
          <ac:chgData name="White, Alex" userId="eff6cc8c-37d8-483b-9c6c-6b27e9afa9bc" providerId="ADAL" clId="{BF04C754-5BF4-4E83-9615-DB14FA25AF8A}" dt="2023-10-12T11:35:10.739" v="250"/>
          <ac:spMkLst>
            <pc:docMk/>
            <pc:sldMk cId="2376958513" sldId="260"/>
            <ac:spMk id="268" creationId="{675F2DBC-D9B4-8541-FECE-42DA6D7A9018}"/>
          </ac:spMkLst>
        </pc:spChg>
        <pc:spChg chg="mod">
          <ac:chgData name="White, Alex" userId="eff6cc8c-37d8-483b-9c6c-6b27e9afa9bc" providerId="ADAL" clId="{BF04C754-5BF4-4E83-9615-DB14FA25AF8A}" dt="2023-10-12T11:35:10.739" v="250"/>
          <ac:spMkLst>
            <pc:docMk/>
            <pc:sldMk cId="2376958513" sldId="260"/>
            <ac:spMk id="269" creationId="{F9E8FF3C-7337-75BF-CF23-8B5C33E0C28F}"/>
          </ac:spMkLst>
        </pc:spChg>
        <pc:spChg chg="mod">
          <ac:chgData name="White, Alex" userId="eff6cc8c-37d8-483b-9c6c-6b27e9afa9bc" providerId="ADAL" clId="{BF04C754-5BF4-4E83-9615-DB14FA25AF8A}" dt="2023-10-12T11:35:10.739" v="250"/>
          <ac:spMkLst>
            <pc:docMk/>
            <pc:sldMk cId="2376958513" sldId="260"/>
            <ac:spMk id="270" creationId="{1F9CA5C5-BDDF-673B-D205-1F53FC9181E0}"/>
          </ac:spMkLst>
        </pc:spChg>
        <pc:spChg chg="mod">
          <ac:chgData name="White, Alex" userId="eff6cc8c-37d8-483b-9c6c-6b27e9afa9bc" providerId="ADAL" clId="{BF04C754-5BF4-4E83-9615-DB14FA25AF8A}" dt="2023-10-12T11:35:10.739" v="250"/>
          <ac:spMkLst>
            <pc:docMk/>
            <pc:sldMk cId="2376958513" sldId="260"/>
            <ac:spMk id="271" creationId="{FACD6A77-A3A2-9613-FA72-A5C24543E406}"/>
          </ac:spMkLst>
        </pc:spChg>
        <pc:spChg chg="mod">
          <ac:chgData name="White, Alex" userId="eff6cc8c-37d8-483b-9c6c-6b27e9afa9bc" providerId="ADAL" clId="{BF04C754-5BF4-4E83-9615-DB14FA25AF8A}" dt="2023-10-12T11:35:10.739" v="250"/>
          <ac:spMkLst>
            <pc:docMk/>
            <pc:sldMk cId="2376958513" sldId="260"/>
            <ac:spMk id="272" creationId="{E70A6290-EC23-161F-2DAF-BE21346A474F}"/>
          </ac:spMkLst>
        </pc:spChg>
        <pc:spChg chg="mod">
          <ac:chgData name="White, Alex" userId="eff6cc8c-37d8-483b-9c6c-6b27e9afa9bc" providerId="ADAL" clId="{BF04C754-5BF4-4E83-9615-DB14FA25AF8A}" dt="2023-10-12T11:35:10.739" v="250"/>
          <ac:spMkLst>
            <pc:docMk/>
            <pc:sldMk cId="2376958513" sldId="260"/>
            <ac:spMk id="273" creationId="{882E683F-C63F-4406-4B19-1C359B1230AE}"/>
          </ac:spMkLst>
        </pc:spChg>
        <pc:spChg chg="mod">
          <ac:chgData name="White, Alex" userId="eff6cc8c-37d8-483b-9c6c-6b27e9afa9bc" providerId="ADAL" clId="{BF04C754-5BF4-4E83-9615-DB14FA25AF8A}" dt="2023-10-12T11:35:10.739" v="250"/>
          <ac:spMkLst>
            <pc:docMk/>
            <pc:sldMk cId="2376958513" sldId="260"/>
            <ac:spMk id="274" creationId="{C42D6637-4876-DF6E-9B92-BA26386988DA}"/>
          </ac:spMkLst>
        </pc:spChg>
        <pc:spChg chg="mod">
          <ac:chgData name="White, Alex" userId="eff6cc8c-37d8-483b-9c6c-6b27e9afa9bc" providerId="ADAL" clId="{BF04C754-5BF4-4E83-9615-DB14FA25AF8A}" dt="2023-10-12T11:35:10.739" v="250"/>
          <ac:spMkLst>
            <pc:docMk/>
            <pc:sldMk cId="2376958513" sldId="260"/>
            <ac:spMk id="275" creationId="{19E78095-38A4-07C2-A266-55CDD11D8E4C}"/>
          </ac:spMkLst>
        </pc:spChg>
        <pc:spChg chg="mod">
          <ac:chgData name="White, Alex" userId="eff6cc8c-37d8-483b-9c6c-6b27e9afa9bc" providerId="ADAL" clId="{BF04C754-5BF4-4E83-9615-DB14FA25AF8A}" dt="2023-10-12T11:35:10.739" v="250"/>
          <ac:spMkLst>
            <pc:docMk/>
            <pc:sldMk cId="2376958513" sldId="260"/>
            <ac:spMk id="276" creationId="{2C5BCCDB-B8BF-0099-24CA-B9EC6AF58FBF}"/>
          </ac:spMkLst>
        </pc:spChg>
        <pc:spChg chg="mod">
          <ac:chgData name="White, Alex" userId="eff6cc8c-37d8-483b-9c6c-6b27e9afa9bc" providerId="ADAL" clId="{BF04C754-5BF4-4E83-9615-DB14FA25AF8A}" dt="2023-10-12T11:35:10.739" v="250"/>
          <ac:spMkLst>
            <pc:docMk/>
            <pc:sldMk cId="2376958513" sldId="260"/>
            <ac:spMk id="277" creationId="{B2F61A7C-DB82-DDDA-E523-19137DE7598D}"/>
          </ac:spMkLst>
        </pc:spChg>
        <pc:spChg chg="mod">
          <ac:chgData name="White, Alex" userId="eff6cc8c-37d8-483b-9c6c-6b27e9afa9bc" providerId="ADAL" clId="{BF04C754-5BF4-4E83-9615-DB14FA25AF8A}" dt="2023-10-12T11:35:10.739" v="250"/>
          <ac:spMkLst>
            <pc:docMk/>
            <pc:sldMk cId="2376958513" sldId="260"/>
            <ac:spMk id="278" creationId="{C52B25F9-2C1A-F143-B9AF-DD0A16EBB96F}"/>
          </ac:spMkLst>
        </pc:spChg>
        <pc:spChg chg="mod">
          <ac:chgData name="White, Alex" userId="eff6cc8c-37d8-483b-9c6c-6b27e9afa9bc" providerId="ADAL" clId="{BF04C754-5BF4-4E83-9615-DB14FA25AF8A}" dt="2023-10-12T11:35:10.739" v="250"/>
          <ac:spMkLst>
            <pc:docMk/>
            <pc:sldMk cId="2376958513" sldId="260"/>
            <ac:spMk id="279" creationId="{F98A9410-E49A-2E4B-A5BD-972C0909C038}"/>
          </ac:spMkLst>
        </pc:spChg>
        <pc:spChg chg="mod">
          <ac:chgData name="White, Alex" userId="eff6cc8c-37d8-483b-9c6c-6b27e9afa9bc" providerId="ADAL" clId="{BF04C754-5BF4-4E83-9615-DB14FA25AF8A}" dt="2023-10-12T11:35:10.739" v="250"/>
          <ac:spMkLst>
            <pc:docMk/>
            <pc:sldMk cId="2376958513" sldId="260"/>
            <ac:spMk id="280" creationId="{3958D33D-22B6-452C-EF06-3AC92BBEB7AE}"/>
          </ac:spMkLst>
        </pc:spChg>
        <pc:spChg chg="mod">
          <ac:chgData name="White, Alex" userId="eff6cc8c-37d8-483b-9c6c-6b27e9afa9bc" providerId="ADAL" clId="{BF04C754-5BF4-4E83-9615-DB14FA25AF8A}" dt="2023-10-12T11:35:10.739" v="250"/>
          <ac:spMkLst>
            <pc:docMk/>
            <pc:sldMk cId="2376958513" sldId="260"/>
            <ac:spMk id="281" creationId="{F3AF0D08-088A-1A67-7FF0-AB41FA2876AA}"/>
          </ac:spMkLst>
        </pc:spChg>
        <pc:spChg chg="mod">
          <ac:chgData name="White, Alex" userId="eff6cc8c-37d8-483b-9c6c-6b27e9afa9bc" providerId="ADAL" clId="{BF04C754-5BF4-4E83-9615-DB14FA25AF8A}" dt="2023-10-12T11:35:10.739" v="250"/>
          <ac:spMkLst>
            <pc:docMk/>
            <pc:sldMk cId="2376958513" sldId="260"/>
            <ac:spMk id="282" creationId="{00B4C495-3B38-2789-E8CD-4F2A99F8F956}"/>
          </ac:spMkLst>
        </pc:spChg>
        <pc:spChg chg="mod">
          <ac:chgData name="White, Alex" userId="eff6cc8c-37d8-483b-9c6c-6b27e9afa9bc" providerId="ADAL" clId="{BF04C754-5BF4-4E83-9615-DB14FA25AF8A}" dt="2023-10-12T11:35:10.739" v="250"/>
          <ac:spMkLst>
            <pc:docMk/>
            <pc:sldMk cId="2376958513" sldId="260"/>
            <ac:spMk id="283" creationId="{DE75B6A2-400F-1AAE-3C30-5810EAC14402}"/>
          </ac:spMkLst>
        </pc:spChg>
        <pc:spChg chg="mod">
          <ac:chgData name="White, Alex" userId="eff6cc8c-37d8-483b-9c6c-6b27e9afa9bc" providerId="ADAL" clId="{BF04C754-5BF4-4E83-9615-DB14FA25AF8A}" dt="2023-10-12T11:35:10.739" v="250"/>
          <ac:spMkLst>
            <pc:docMk/>
            <pc:sldMk cId="2376958513" sldId="260"/>
            <ac:spMk id="284" creationId="{24D353AC-A09A-C294-B4A8-AC67804003B1}"/>
          </ac:spMkLst>
        </pc:spChg>
        <pc:spChg chg="mod">
          <ac:chgData name="White, Alex" userId="eff6cc8c-37d8-483b-9c6c-6b27e9afa9bc" providerId="ADAL" clId="{BF04C754-5BF4-4E83-9615-DB14FA25AF8A}" dt="2023-10-12T11:35:10.739" v="250"/>
          <ac:spMkLst>
            <pc:docMk/>
            <pc:sldMk cId="2376958513" sldId="260"/>
            <ac:spMk id="285" creationId="{D0EF6433-DBC8-2EF3-C36E-0D2D71FF67BF}"/>
          </ac:spMkLst>
        </pc:spChg>
        <pc:spChg chg="mod">
          <ac:chgData name="White, Alex" userId="eff6cc8c-37d8-483b-9c6c-6b27e9afa9bc" providerId="ADAL" clId="{BF04C754-5BF4-4E83-9615-DB14FA25AF8A}" dt="2023-10-12T11:35:10.739" v="250"/>
          <ac:spMkLst>
            <pc:docMk/>
            <pc:sldMk cId="2376958513" sldId="260"/>
            <ac:spMk id="286" creationId="{15729EAA-555C-9709-09B7-A4C8B2B0B041}"/>
          </ac:spMkLst>
        </pc:spChg>
        <pc:spChg chg="mod">
          <ac:chgData name="White, Alex" userId="eff6cc8c-37d8-483b-9c6c-6b27e9afa9bc" providerId="ADAL" clId="{BF04C754-5BF4-4E83-9615-DB14FA25AF8A}" dt="2023-10-12T11:35:10.739" v="250"/>
          <ac:spMkLst>
            <pc:docMk/>
            <pc:sldMk cId="2376958513" sldId="260"/>
            <ac:spMk id="287" creationId="{7F7D6C5B-17E9-1399-ED9D-BDC02FE0AF9B}"/>
          </ac:spMkLst>
        </pc:spChg>
        <pc:spChg chg="mod">
          <ac:chgData name="White, Alex" userId="eff6cc8c-37d8-483b-9c6c-6b27e9afa9bc" providerId="ADAL" clId="{BF04C754-5BF4-4E83-9615-DB14FA25AF8A}" dt="2023-10-12T11:35:10.739" v="250"/>
          <ac:spMkLst>
            <pc:docMk/>
            <pc:sldMk cId="2376958513" sldId="260"/>
            <ac:spMk id="288" creationId="{EDD16441-0C92-5C9B-D985-C98B0C93106E}"/>
          </ac:spMkLst>
        </pc:spChg>
        <pc:spChg chg="mod">
          <ac:chgData name="White, Alex" userId="eff6cc8c-37d8-483b-9c6c-6b27e9afa9bc" providerId="ADAL" clId="{BF04C754-5BF4-4E83-9615-DB14FA25AF8A}" dt="2023-10-12T11:35:10.739" v="250"/>
          <ac:spMkLst>
            <pc:docMk/>
            <pc:sldMk cId="2376958513" sldId="260"/>
            <ac:spMk id="289" creationId="{2D2E98F7-E514-FB7D-6D59-619C08845724}"/>
          </ac:spMkLst>
        </pc:spChg>
        <pc:spChg chg="mod">
          <ac:chgData name="White, Alex" userId="eff6cc8c-37d8-483b-9c6c-6b27e9afa9bc" providerId="ADAL" clId="{BF04C754-5BF4-4E83-9615-DB14FA25AF8A}" dt="2023-10-12T11:35:10.739" v="250"/>
          <ac:spMkLst>
            <pc:docMk/>
            <pc:sldMk cId="2376958513" sldId="260"/>
            <ac:spMk id="290" creationId="{2A243A79-B61C-DB57-E5C8-034204DDFD82}"/>
          </ac:spMkLst>
        </pc:spChg>
        <pc:spChg chg="mod">
          <ac:chgData name="White, Alex" userId="eff6cc8c-37d8-483b-9c6c-6b27e9afa9bc" providerId="ADAL" clId="{BF04C754-5BF4-4E83-9615-DB14FA25AF8A}" dt="2023-10-12T11:35:10.739" v="250"/>
          <ac:spMkLst>
            <pc:docMk/>
            <pc:sldMk cId="2376958513" sldId="260"/>
            <ac:spMk id="291" creationId="{11832845-28C5-E88F-5CEA-12F59ABBBA2C}"/>
          </ac:spMkLst>
        </pc:spChg>
        <pc:spChg chg="mod">
          <ac:chgData name="White, Alex" userId="eff6cc8c-37d8-483b-9c6c-6b27e9afa9bc" providerId="ADAL" clId="{BF04C754-5BF4-4E83-9615-DB14FA25AF8A}" dt="2023-10-12T11:35:10.739" v="250"/>
          <ac:spMkLst>
            <pc:docMk/>
            <pc:sldMk cId="2376958513" sldId="260"/>
            <ac:spMk id="292" creationId="{753D382F-329B-2C17-0086-DFE1A2330790}"/>
          </ac:spMkLst>
        </pc:spChg>
        <pc:spChg chg="mod">
          <ac:chgData name="White, Alex" userId="eff6cc8c-37d8-483b-9c6c-6b27e9afa9bc" providerId="ADAL" clId="{BF04C754-5BF4-4E83-9615-DB14FA25AF8A}" dt="2023-10-12T11:35:10.739" v="250"/>
          <ac:spMkLst>
            <pc:docMk/>
            <pc:sldMk cId="2376958513" sldId="260"/>
            <ac:spMk id="293" creationId="{F869E5D3-F66B-953F-C72E-A253F2790397}"/>
          </ac:spMkLst>
        </pc:spChg>
        <pc:spChg chg="mod">
          <ac:chgData name="White, Alex" userId="eff6cc8c-37d8-483b-9c6c-6b27e9afa9bc" providerId="ADAL" clId="{BF04C754-5BF4-4E83-9615-DB14FA25AF8A}" dt="2023-10-12T11:35:10.739" v="250"/>
          <ac:spMkLst>
            <pc:docMk/>
            <pc:sldMk cId="2376958513" sldId="260"/>
            <ac:spMk id="294" creationId="{9ED1D1C1-E120-F835-481E-83119DD0F72C}"/>
          </ac:spMkLst>
        </pc:spChg>
        <pc:spChg chg="mod">
          <ac:chgData name="White, Alex" userId="eff6cc8c-37d8-483b-9c6c-6b27e9afa9bc" providerId="ADAL" clId="{BF04C754-5BF4-4E83-9615-DB14FA25AF8A}" dt="2023-10-12T11:35:10.739" v="250"/>
          <ac:spMkLst>
            <pc:docMk/>
            <pc:sldMk cId="2376958513" sldId="260"/>
            <ac:spMk id="295" creationId="{145664E8-D2D4-8EEC-4702-C0E5DF7E8D3E}"/>
          </ac:spMkLst>
        </pc:spChg>
        <pc:spChg chg="mod">
          <ac:chgData name="White, Alex" userId="eff6cc8c-37d8-483b-9c6c-6b27e9afa9bc" providerId="ADAL" clId="{BF04C754-5BF4-4E83-9615-DB14FA25AF8A}" dt="2023-10-12T11:35:10.739" v="250"/>
          <ac:spMkLst>
            <pc:docMk/>
            <pc:sldMk cId="2376958513" sldId="260"/>
            <ac:spMk id="296" creationId="{CDA132D2-6CD9-7CC9-E4A5-47F3B70246F1}"/>
          </ac:spMkLst>
        </pc:spChg>
        <pc:spChg chg="mod">
          <ac:chgData name="White, Alex" userId="eff6cc8c-37d8-483b-9c6c-6b27e9afa9bc" providerId="ADAL" clId="{BF04C754-5BF4-4E83-9615-DB14FA25AF8A}" dt="2023-10-12T11:35:10.739" v="250"/>
          <ac:spMkLst>
            <pc:docMk/>
            <pc:sldMk cId="2376958513" sldId="260"/>
            <ac:spMk id="297" creationId="{B9D6829A-EB2F-AFBB-53A4-A5470B08F5BE}"/>
          </ac:spMkLst>
        </pc:spChg>
        <pc:spChg chg="mod">
          <ac:chgData name="White, Alex" userId="eff6cc8c-37d8-483b-9c6c-6b27e9afa9bc" providerId="ADAL" clId="{BF04C754-5BF4-4E83-9615-DB14FA25AF8A}" dt="2023-10-12T11:35:10.739" v="250"/>
          <ac:spMkLst>
            <pc:docMk/>
            <pc:sldMk cId="2376958513" sldId="260"/>
            <ac:spMk id="298" creationId="{63B441F5-14CB-B0FF-B2E2-7D3A0E03BCF9}"/>
          </ac:spMkLst>
        </pc:spChg>
        <pc:spChg chg="mod">
          <ac:chgData name="White, Alex" userId="eff6cc8c-37d8-483b-9c6c-6b27e9afa9bc" providerId="ADAL" clId="{BF04C754-5BF4-4E83-9615-DB14FA25AF8A}" dt="2023-10-12T11:35:10.739" v="250"/>
          <ac:spMkLst>
            <pc:docMk/>
            <pc:sldMk cId="2376958513" sldId="260"/>
            <ac:spMk id="299" creationId="{427CE4AD-6542-D6CC-7342-239B472C3979}"/>
          </ac:spMkLst>
        </pc:spChg>
        <pc:spChg chg="mod">
          <ac:chgData name="White, Alex" userId="eff6cc8c-37d8-483b-9c6c-6b27e9afa9bc" providerId="ADAL" clId="{BF04C754-5BF4-4E83-9615-DB14FA25AF8A}" dt="2023-10-12T11:35:10.739" v="250"/>
          <ac:spMkLst>
            <pc:docMk/>
            <pc:sldMk cId="2376958513" sldId="260"/>
            <ac:spMk id="300" creationId="{39D5C356-6CA1-5CEC-6C47-317F00C1486F}"/>
          </ac:spMkLst>
        </pc:spChg>
        <pc:spChg chg="mod">
          <ac:chgData name="White, Alex" userId="eff6cc8c-37d8-483b-9c6c-6b27e9afa9bc" providerId="ADAL" clId="{BF04C754-5BF4-4E83-9615-DB14FA25AF8A}" dt="2023-10-12T11:35:10.739" v="250"/>
          <ac:spMkLst>
            <pc:docMk/>
            <pc:sldMk cId="2376958513" sldId="260"/>
            <ac:spMk id="301" creationId="{03199D31-47BA-A8D1-F9F5-CFA0A6993FF2}"/>
          </ac:spMkLst>
        </pc:spChg>
        <pc:spChg chg="mod">
          <ac:chgData name="White, Alex" userId="eff6cc8c-37d8-483b-9c6c-6b27e9afa9bc" providerId="ADAL" clId="{BF04C754-5BF4-4E83-9615-DB14FA25AF8A}" dt="2023-10-12T11:35:10.739" v="250"/>
          <ac:spMkLst>
            <pc:docMk/>
            <pc:sldMk cId="2376958513" sldId="260"/>
            <ac:spMk id="302" creationId="{6E9111D2-1654-6FAE-AB94-7C10E3EE7968}"/>
          </ac:spMkLst>
        </pc:spChg>
        <pc:spChg chg="mod">
          <ac:chgData name="White, Alex" userId="eff6cc8c-37d8-483b-9c6c-6b27e9afa9bc" providerId="ADAL" clId="{BF04C754-5BF4-4E83-9615-DB14FA25AF8A}" dt="2023-10-12T11:35:10.739" v="250"/>
          <ac:spMkLst>
            <pc:docMk/>
            <pc:sldMk cId="2376958513" sldId="260"/>
            <ac:spMk id="303" creationId="{82832EE8-A4B3-900C-DC1B-E4C09AE1D4E9}"/>
          </ac:spMkLst>
        </pc:spChg>
        <pc:spChg chg="mod">
          <ac:chgData name="White, Alex" userId="eff6cc8c-37d8-483b-9c6c-6b27e9afa9bc" providerId="ADAL" clId="{BF04C754-5BF4-4E83-9615-DB14FA25AF8A}" dt="2023-10-12T11:35:10.739" v="250"/>
          <ac:spMkLst>
            <pc:docMk/>
            <pc:sldMk cId="2376958513" sldId="260"/>
            <ac:spMk id="304" creationId="{15AAF615-CC8A-A51D-5B9C-0EC29AAC6024}"/>
          </ac:spMkLst>
        </pc:spChg>
        <pc:spChg chg="mod">
          <ac:chgData name="White, Alex" userId="eff6cc8c-37d8-483b-9c6c-6b27e9afa9bc" providerId="ADAL" clId="{BF04C754-5BF4-4E83-9615-DB14FA25AF8A}" dt="2023-10-12T11:35:10.739" v="250"/>
          <ac:spMkLst>
            <pc:docMk/>
            <pc:sldMk cId="2376958513" sldId="260"/>
            <ac:spMk id="305" creationId="{CF9DEF5B-2BD0-5A6F-F2A0-7FC7AFE80901}"/>
          </ac:spMkLst>
        </pc:spChg>
        <pc:spChg chg="mod">
          <ac:chgData name="White, Alex" userId="eff6cc8c-37d8-483b-9c6c-6b27e9afa9bc" providerId="ADAL" clId="{BF04C754-5BF4-4E83-9615-DB14FA25AF8A}" dt="2023-10-12T11:35:10.739" v="250"/>
          <ac:spMkLst>
            <pc:docMk/>
            <pc:sldMk cId="2376958513" sldId="260"/>
            <ac:spMk id="306" creationId="{87031A21-7402-ECB6-EA31-FAD42EA83C77}"/>
          </ac:spMkLst>
        </pc:spChg>
        <pc:spChg chg="mod">
          <ac:chgData name="White, Alex" userId="eff6cc8c-37d8-483b-9c6c-6b27e9afa9bc" providerId="ADAL" clId="{BF04C754-5BF4-4E83-9615-DB14FA25AF8A}" dt="2023-10-12T11:35:10.739" v="250"/>
          <ac:spMkLst>
            <pc:docMk/>
            <pc:sldMk cId="2376958513" sldId="260"/>
            <ac:spMk id="307" creationId="{92734779-D4F5-24B1-8995-C4D9167DC915}"/>
          </ac:spMkLst>
        </pc:spChg>
        <pc:spChg chg="mod">
          <ac:chgData name="White, Alex" userId="eff6cc8c-37d8-483b-9c6c-6b27e9afa9bc" providerId="ADAL" clId="{BF04C754-5BF4-4E83-9615-DB14FA25AF8A}" dt="2023-10-12T11:35:10.739" v="250"/>
          <ac:spMkLst>
            <pc:docMk/>
            <pc:sldMk cId="2376958513" sldId="260"/>
            <ac:spMk id="308" creationId="{3E344D43-6E80-6DE0-EEB7-0C40244D4783}"/>
          </ac:spMkLst>
        </pc:spChg>
        <pc:spChg chg="mod">
          <ac:chgData name="White, Alex" userId="eff6cc8c-37d8-483b-9c6c-6b27e9afa9bc" providerId="ADAL" clId="{BF04C754-5BF4-4E83-9615-DB14FA25AF8A}" dt="2023-10-12T11:35:10.739" v="250"/>
          <ac:spMkLst>
            <pc:docMk/>
            <pc:sldMk cId="2376958513" sldId="260"/>
            <ac:spMk id="309" creationId="{DCB5AFE0-6DEE-8FFA-786E-BF3C02ABD1D0}"/>
          </ac:spMkLst>
        </pc:spChg>
        <pc:spChg chg="mod">
          <ac:chgData name="White, Alex" userId="eff6cc8c-37d8-483b-9c6c-6b27e9afa9bc" providerId="ADAL" clId="{BF04C754-5BF4-4E83-9615-DB14FA25AF8A}" dt="2023-10-12T11:35:10.739" v="250"/>
          <ac:spMkLst>
            <pc:docMk/>
            <pc:sldMk cId="2376958513" sldId="260"/>
            <ac:spMk id="310" creationId="{1FAAEFDE-A47E-9598-F408-35A630EDA22A}"/>
          </ac:spMkLst>
        </pc:spChg>
        <pc:spChg chg="mod">
          <ac:chgData name="White, Alex" userId="eff6cc8c-37d8-483b-9c6c-6b27e9afa9bc" providerId="ADAL" clId="{BF04C754-5BF4-4E83-9615-DB14FA25AF8A}" dt="2023-10-12T11:35:10.739" v="250"/>
          <ac:spMkLst>
            <pc:docMk/>
            <pc:sldMk cId="2376958513" sldId="260"/>
            <ac:spMk id="311" creationId="{F6E1D757-0E7A-D64D-9E49-F0D8B1761EE1}"/>
          </ac:spMkLst>
        </pc:spChg>
        <pc:spChg chg="mod">
          <ac:chgData name="White, Alex" userId="eff6cc8c-37d8-483b-9c6c-6b27e9afa9bc" providerId="ADAL" clId="{BF04C754-5BF4-4E83-9615-DB14FA25AF8A}" dt="2023-10-12T11:35:10.739" v="250"/>
          <ac:spMkLst>
            <pc:docMk/>
            <pc:sldMk cId="2376958513" sldId="260"/>
            <ac:spMk id="312" creationId="{3B4436E5-B24F-2EFF-23C7-50B1588498CC}"/>
          </ac:spMkLst>
        </pc:spChg>
        <pc:spChg chg="mod">
          <ac:chgData name="White, Alex" userId="eff6cc8c-37d8-483b-9c6c-6b27e9afa9bc" providerId="ADAL" clId="{BF04C754-5BF4-4E83-9615-DB14FA25AF8A}" dt="2023-10-12T11:35:10.739" v="250"/>
          <ac:spMkLst>
            <pc:docMk/>
            <pc:sldMk cId="2376958513" sldId="260"/>
            <ac:spMk id="313" creationId="{0B4ACCC0-791C-36EC-4565-50BF09954440}"/>
          </ac:spMkLst>
        </pc:spChg>
        <pc:spChg chg="mod">
          <ac:chgData name="White, Alex" userId="eff6cc8c-37d8-483b-9c6c-6b27e9afa9bc" providerId="ADAL" clId="{BF04C754-5BF4-4E83-9615-DB14FA25AF8A}" dt="2023-10-12T11:35:10.739" v="250"/>
          <ac:spMkLst>
            <pc:docMk/>
            <pc:sldMk cId="2376958513" sldId="260"/>
            <ac:spMk id="314" creationId="{84CDA333-7EBA-9627-2C84-CFA0FBE1D622}"/>
          </ac:spMkLst>
        </pc:spChg>
        <pc:spChg chg="mod">
          <ac:chgData name="White, Alex" userId="eff6cc8c-37d8-483b-9c6c-6b27e9afa9bc" providerId="ADAL" clId="{BF04C754-5BF4-4E83-9615-DB14FA25AF8A}" dt="2023-10-12T11:35:10.739" v="250"/>
          <ac:spMkLst>
            <pc:docMk/>
            <pc:sldMk cId="2376958513" sldId="260"/>
            <ac:spMk id="315" creationId="{1D912500-E6EF-3719-EF6C-88C7673EF906}"/>
          </ac:spMkLst>
        </pc:spChg>
        <pc:spChg chg="mod">
          <ac:chgData name="White, Alex" userId="eff6cc8c-37d8-483b-9c6c-6b27e9afa9bc" providerId="ADAL" clId="{BF04C754-5BF4-4E83-9615-DB14FA25AF8A}" dt="2023-10-12T11:35:10.739" v="250"/>
          <ac:spMkLst>
            <pc:docMk/>
            <pc:sldMk cId="2376958513" sldId="260"/>
            <ac:spMk id="316" creationId="{A344B8C4-68B3-53D6-960E-9AC4953471D2}"/>
          </ac:spMkLst>
        </pc:spChg>
        <pc:spChg chg="mod">
          <ac:chgData name="White, Alex" userId="eff6cc8c-37d8-483b-9c6c-6b27e9afa9bc" providerId="ADAL" clId="{BF04C754-5BF4-4E83-9615-DB14FA25AF8A}" dt="2023-10-12T11:35:10.739" v="250"/>
          <ac:spMkLst>
            <pc:docMk/>
            <pc:sldMk cId="2376958513" sldId="260"/>
            <ac:spMk id="317" creationId="{08BD57E5-2098-34A9-29E8-4E170DF356E3}"/>
          </ac:spMkLst>
        </pc:spChg>
        <pc:spChg chg="mod">
          <ac:chgData name="White, Alex" userId="eff6cc8c-37d8-483b-9c6c-6b27e9afa9bc" providerId="ADAL" clId="{BF04C754-5BF4-4E83-9615-DB14FA25AF8A}" dt="2023-10-12T11:35:10.739" v="250"/>
          <ac:spMkLst>
            <pc:docMk/>
            <pc:sldMk cId="2376958513" sldId="260"/>
            <ac:spMk id="318" creationId="{C1721DD1-3C5F-0AB3-E1CF-225A7EC2FC61}"/>
          </ac:spMkLst>
        </pc:spChg>
        <pc:spChg chg="mod">
          <ac:chgData name="White, Alex" userId="eff6cc8c-37d8-483b-9c6c-6b27e9afa9bc" providerId="ADAL" clId="{BF04C754-5BF4-4E83-9615-DB14FA25AF8A}" dt="2023-10-12T11:35:10.739" v="250"/>
          <ac:spMkLst>
            <pc:docMk/>
            <pc:sldMk cId="2376958513" sldId="260"/>
            <ac:spMk id="319" creationId="{C663F169-CE3B-04ED-80CD-9DB412BD5899}"/>
          </ac:spMkLst>
        </pc:spChg>
        <pc:spChg chg="mod">
          <ac:chgData name="White, Alex" userId="eff6cc8c-37d8-483b-9c6c-6b27e9afa9bc" providerId="ADAL" clId="{BF04C754-5BF4-4E83-9615-DB14FA25AF8A}" dt="2023-10-12T11:35:10.739" v="250"/>
          <ac:spMkLst>
            <pc:docMk/>
            <pc:sldMk cId="2376958513" sldId="260"/>
            <ac:spMk id="320" creationId="{E39D5470-C5E2-2F55-CE15-6E32830E88EE}"/>
          </ac:spMkLst>
        </pc:spChg>
        <pc:spChg chg="mod">
          <ac:chgData name="White, Alex" userId="eff6cc8c-37d8-483b-9c6c-6b27e9afa9bc" providerId="ADAL" clId="{BF04C754-5BF4-4E83-9615-DB14FA25AF8A}" dt="2023-10-12T11:35:10.739" v="250"/>
          <ac:spMkLst>
            <pc:docMk/>
            <pc:sldMk cId="2376958513" sldId="260"/>
            <ac:spMk id="321" creationId="{C704F050-7CEA-50AB-7568-80BE90AB4B73}"/>
          </ac:spMkLst>
        </pc:spChg>
        <pc:spChg chg="mod">
          <ac:chgData name="White, Alex" userId="eff6cc8c-37d8-483b-9c6c-6b27e9afa9bc" providerId="ADAL" clId="{BF04C754-5BF4-4E83-9615-DB14FA25AF8A}" dt="2023-10-12T11:35:10.739" v="250"/>
          <ac:spMkLst>
            <pc:docMk/>
            <pc:sldMk cId="2376958513" sldId="260"/>
            <ac:spMk id="322" creationId="{5C59E4C8-89D0-6595-F841-E6B3AA306FD2}"/>
          </ac:spMkLst>
        </pc:spChg>
        <pc:spChg chg="mod">
          <ac:chgData name="White, Alex" userId="eff6cc8c-37d8-483b-9c6c-6b27e9afa9bc" providerId="ADAL" clId="{BF04C754-5BF4-4E83-9615-DB14FA25AF8A}" dt="2023-10-12T11:35:10.739" v="250"/>
          <ac:spMkLst>
            <pc:docMk/>
            <pc:sldMk cId="2376958513" sldId="260"/>
            <ac:spMk id="323" creationId="{3E63A63A-EB18-E67B-B25A-3F80FC4D40C2}"/>
          </ac:spMkLst>
        </pc:spChg>
        <pc:spChg chg="mod">
          <ac:chgData name="White, Alex" userId="eff6cc8c-37d8-483b-9c6c-6b27e9afa9bc" providerId="ADAL" clId="{BF04C754-5BF4-4E83-9615-DB14FA25AF8A}" dt="2023-10-12T11:35:10.739" v="250"/>
          <ac:spMkLst>
            <pc:docMk/>
            <pc:sldMk cId="2376958513" sldId="260"/>
            <ac:spMk id="324" creationId="{04E63C82-0560-50D1-0809-3A96F9E747F3}"/>
          </ac:spMkLst>
        </pc:spChg>
        <pc:spChg chg="mod">
          <ac:chgData name="White, Alex" userId="eff6cc8c-37d8-483b-9c6c-6b27e9afa9bc" providerId="ADAL" clId="{BF04C754-5BF4-4E83-9615-DB14FA25AF8A}" dt="2023-10-12T11:35:10.739" v="250"/>
          <ac:spMkLst>
            <pc:docMk/>
            <pc:sldMk cId="2376958513" sldId="260"/>
            <ac:spMk id="325" creationId="{5EA9CB47-CEA5-40C1-A248-1F9488E810BC}"/>
          </ac:spMkLst>
        </pc:spChg>
        <pc:spChg chg="mod">
          <ac:chgData name="White, Alex" userId="eff6cc8c-37d8-483b-9c6c-6b27e9afa9bc" providerId="ADAL" clId="{BF04C754-5BF4-4E83-9615-DB14FA25AF8A}" dt="2023-10-12T11:35:10.739" v="250"/>
          <ac:spMkLst>
            <pc:docMk/>
            <pc:sldMk cId="2376958513" sldId="260"/>
            <ac:spMk id="326" creationId="{F53F47A6-55D2-640D-AF29-AA876A02FDE9}"/>
          </ac:spMkLst>
        </pc:spChg>
        <pc:spChg chg="mod">
          <ac:chgData name="White, Alex" userId="eff6cc8c-37d8-483b-9c6c-6b27e9afa9bc" providerId="ADAL" clId="{BF04C754-5BF4-4E83-9615-DB14FA25AF8A}" dt="2023-10-12T11:35:10.739" v="250"/>
          <ac:spMkLst>
            <pc:docMk/>
            <pc:sldMk cId="2376958513" sldId="260"/>
            <ac:spMk id="327" creationId="{81317C56-5CF8-7434-5B9E-6C842D652FD8}"/>
          </ac:spMkLst>
        </pc:spChg>
        <pc:spChg chg="mod">
          <ac:chgData name="White, Alex" userId="eff6cc8c-37d8-483b-9c6c-6b27e9afa9bc" providerId="ADAL" clId="{BF04C754-5BF4-4E83-9615-DB14FA25AF8A}" dt="2023-10-12T11:35:10.739" v="250"/>
          <ac:spMkLst>
            <pc:docMk/>
            <pc:sldMk cId="2376958513" sldId="260"/>
            <ac:spMk id="328" creationId="{BC6E30E8-787F-44F8-88AB-1DF4F02967EC}"/>
          </ac:spMkLst>
        </pc:spChg>
        <pc:spChg chg="mod">
          <ac:chgData name="White, Alex" userId="eff6cc8c-37d8-483b-9c6c-6b27e9afa9bc" providerId="ADAL" clId="{BF04C754-5BF4-4E83-9615-DB14FA25AF8A}" dt="2023-10-12T11:35:10.739" v="250"/>
          <ac:spMkLst>
            <pc:docMk/>
            <pc:sldMk cId="2376958513" sldId="260"/>
            <ac:spMk id="329" creationId="{C8F3221A-750F-4B57-A06B-DB151A8EC2E5}"/>
          </ac:spMkLst>
        </pc:spChg>
        <pc:spChg chg="mod">
          <ac:chgData name="White, Alex" userId="eff6cc8c-37d8-483b-9c6c-6b27e9afa9bc" providerId="ADAL" clId="{BF04C754-5BF4-4E83-9615-DB14FA25AF8A}" dt="2023-10-12T11:35:10.739" v="250"/>
          <ac:spMkLst>
            <pc:docMk/>
            <pc:sldMk cId="2376958513" sldId="260"/>
            <ac:spMk id="330" creationId="{EFC6F5E0-DBEF-F873-5C74-A8E151AE09DD}"/>
          </ac:spMkLst>
        </pc:spChg>
        <pc:spChg chg="mod">
          <ac:chgData name="White, Alex" userId="eff6cc8c-37d8-483b-9c6c-6b27e9afa9bc" providerId="ADAL" clId="{BF04C754-5BF4-4E83-9615-DB14FA25AF8A}" dt="2023-10-12T11:35:10.739" v="250"/>
          <ac:spMkLst>
            <pc:docMk/>
            <pc:sldMk cId="2376958513" sldId="260"/>
            <ac:spMk id="331" creationId="{BA91F7DC-516D-B2B5-66BC-98B2E776594A}"/>
          </ac:spMkLst>
        </pc:spChg>
        <pc:spChg chg="mod">
          <ac:chgData name="White, Alex" userId="eff6cc8c-37d8-483b-9c6c-6b27e9afa9bc" providerId="ADAL" clId="{BF04C754-5BF4-4E83-9615-DB14FA25AF8A}" dt="2023-10-12T11:35:10.739" v="250"/>
          <ac:spMkLst>
            <pc:docMk/>
            <pc:sldMk cId="2376958513" sldId="260"/>
            <ac:spMk id="332" creationId="{40530C00-6529-28A0-485A-6BE672CF3047}"/>
          </ac:spMkLst>
        </pc:spChg>
        <pc:spChg chg="mod">
          <ac:chgData name="White, Alex" userId="eff6cc8c-37d8-483b-9c6c-6b27e9afa9bc" providerId="ADAL" clId="{BF04C754-5BF4-4E83-9615-DB14FA25AF8A}" dt="2023-10-12T11:35:10.739" v="250"/>
          <ac:spMkLst>
            <pc:docMk/>
            <pc:sldMk cId="2376958513" sldId="260"/>
            <ac:spMk id="333" creationId="{B28C1498-144F-DFD7-72D3-326EE1143918}"/>
          </ac:spMkLst>
        </pc:spChg>
        <pc:spChg chg="mod">
          <ac:chgData name="White, Alex" userId="eff6cc8c-37d8-483b-9c6c-6b27e9afa9bc" providerId="ADAL" clId="{BF04C754-5BF4-4E83-9615-DB14FA25AF8A}" dt="2023-10-12T11:35:10.739" v="250"/>
          <ac:spMkLst>
            <pc:docMk/>
            <pc:sldMk cId="2376958513" sldId="260"/>
            <ac:spMk id="334" creationId="{FA88AA7F-F0AE-DDEE-7B28-69DAB3905F5D}"/>
          </ac:spMkLst>
        </pc:spChg>
        <pc:spChg chg="mod">
          <ac:chgData name="White, Alex" userId="eff6cc8c-37d8-483b-9c6c-6b27e9afa9bc" providerId="ADAL" clId="{BF04C754-5BF4-4E83-9615-DB14FA25AF8A}" dt="2023-10-12T11:35:10.739" v="250"/>
          <ac:spMkLst>
            <pc:docMk/>
            <pc:sldMk cId="2376958513" sldId="260"/>
            <ac:spMk id="335" creationId="{51F74297-2A23-97B2-A471-1C65FE366B85}"/>
          </ac:spMkLst>
        </pc:spChg>
        <pc:spChg chg="mod">
          <ac:chgData name="White, Alex" userId="eff6cc8c-37d8-483b-9c6c-6b27e9afa9bc" providerId="ADAL" clId="{BF04C754-5BF4-4E83-9615-DB14FA25AF8A}" dt="2023-10-12T11:35:10.739" v="250"/>
          <ac:spMkLst>
            <pc:docMk/>
            <pc:sldMk cId="2376958513" sldId="260"/>
            <ac:spMk id="336" creationId="{60899F70-EE16-DF4F-4624-0D2C9F11368E}"/>
          </ac:spMkLst>
        </pc:spChg>
        <pc:spChg chg="mod">
          <ac:chgData name="White, Alex" userId="eff6cc8c-37d8-483b-9c6c-6b27e9afa9bc" providerId="ADAL" clId="{BF04C754-5BF4-4E83-9615-DB14FA25AF8A}" dt="2023-10-12T11:35:10.739" v="250"/>
          <ac:spMkLst>
            <pc:docMk/>
            <pc:sldMk cId="2376958513" sldId="260"/>
            <ac:spMk id="337" creationId="{5293E6E6-C7DF-57B4-2E8D-4626948BE78A}"/>
          </ac:spMkLst>
        </pc:spChg>
        <pc:spChg chg="mod">
          <ac:chgData name="White, Alex" userId="eff6cc8c-37d8-483b-9c6c-6b27e9afa9bc" providerId="ADAL" clId="{BF04C754-5BF4-4E83-9615-DB14FA25AF8A}" dt="2023-10-12T11:35:10.739" v="250"/>
          <ac:spMkLst>
            <pc:docMk/>
            <pc:sldMk cId="2376958513" sldId="260"/>
            <ac:spMk id="338" creationId="{86D88A68-672F-6B38-5066-2E9558C0C328}"/>
          </ac:spMkLst>
        </pc:spChg>
        <pc:spChg chg="mod">
          <ac:chgData name="White, Alex" userId="eff6cc8c-37d8-483b-9c6c-6b27e9afa9bc" providerId="ADAL" clId="{BF04C754-5BF4-4E83-9615-DB14FA25AF8A}" dt="2023-10-12T11:35:10.739" v="250"/>
          <ac:spMkLst>
            <pc:docMk/>
            <pc:sldMk cId="2376958513" sldId="260"/>
            <ac:spMk id="339" creationId="{2762E470-D38C-7F8C-0679-C27B11C0EBA6}"/>
          </ac:spMkLst>
        </pc:spChg>
        <pc:spChg chg="mod">
          <ac:chgData name="White, Alex" userId="eff6cc8c-37d8-483b-9c6c-6b27e9afa9bc" providerId="ADAL" clId="{BF04C754-5BF4-4E83-9615-DB14FA25AF8A}" dt="2023-10-12T11:35:10.739" v="250"/>
          <ac:spMkLst>
            <pc:docMk/>
            <pc:sldMk cId="2376958513" sldId="260"/>
            <ac:spMk id="340" creationId="{1CBE3C7D-EB1B-E847-179A-8066D4503DF4}"/>
          </ac:spMkLst>
        </pc:spChg>
        <pc:spChg chg="mod">
          <ac:chgData name="White, Alex" userId="eff6cc8c-37d8-483b-9c6c-6b27e9afa9bc" providerId="ADAL" clId="{BF04C754-5BF4-4E83-9615-DB14FA25AF8A}" dt="2023-10-12T11:35:10.739" v="250"/>
          <ac:spMkLst>
            <pc:docMk/>
            <pc:sldMk cId="2376958513" sldId="260"/>
            <ac:spMk id="341" creationId="{F6A7B369-514F-4A5A-5409-9C00957A4D59}"/>
          </ac:spMkLst>
        </pc:spChg>
        <pc:spChg chg="mod">
          <ac:chgData name="White, Alex" userId="eff6cc8c-37d8-483b-9c6c-6b27e9afa9bc" providerId="ADAL" clId="{BF04C754-5BF4-4E83-9615-DB14FA25AF8A}" dt="2023-10-12T11:35:10.739" v="250"/>
          <ac:spMkLst>
            <pc:docMk/>
            <pc:sldMk cId="2376958513" sldId="260"/>
            <ac:spMk id="342" creationId="{82389C3C-8E50-260B-C97D-D6EB465868F6}"/>
          </ac:spMkLst>
        </pc:spChg>
        <pc:spChg chg="mod">
          <ac:chgData name="White, Alex" userId="eff6cc8c-37d8-483b-9c6c-6b27e9afa9bc" providerId="ADAL" clId="{BF04C754-5BF4-4E83-9615-DB14FA25AF8A}" dt="2023-10-12T11:35:10.739" v="250"/>
          <ac:spMkLst>
            <pc:docMk/>
            <pc:sldMk cId="2376958513" sldId="260"/>
            <ac:spMk id="343" creationId="{3BDD5D52-A6A6-F76E-5E7A-63DF7D648FDA}"/>
          </ac:spMkLst>
        </pc:spChg>
        <pc:spChg chg="mod">
          <ac:chgData name="White, Alex" userId="eff6cc8c-37d8-483b-9c6c-6b27e9afa9bc" providerId="ADAL" clId="{BF04C754-5BF4-4E83-9615-DB14FA25AF8A}" dt="2023-10-12T11:35:10.739" v="250"/>
          <ac:spMkLst>
            <pc:docMk/>
            <pc:sldMk cId="2376958513" sldId="260"/>
            <ac:spMk id="344" creationId="{A8BE1789-20DC-ABE9-730E-749E77321762}"/>
          </ac:spMkLst>
        </pc:spChg>
        <pc:spChg chg="mod">
          <ac:chgData name="White, Alex" userId="eff6cc8c-37d8-483b-9c6c-6b27e9afa9bc" providerId="ADAL" clId="{BF04C754-5BF4-4E83-9615-DB14FA25AF8A}" dt="2023-10-12T11:35:10.739" v="250"/>
          <ac:spMkLst>
            <pc:docMk/>
            <pc:sldMk cId="2376958513" sldId="260"/>
            <ac:spMk id="345" creationId="{5D086E73-3E8D-5F48-3826-4975D6697EE0}"/>
          </ac:spMkLst>
        </pc:spChg>
        <pc:spChg chg="mod">
          <ac:chgData name="White, Alex" userId="eff6cc8c-37d8-483b-9c6c-6b27e9afa9bc" providerId="ADAL" clId="{BF04C754-5BF4-4E83-9615-DB14FA25AF8A}" dt="2023-10-12T11:35:10.739" v="250"/>
          <ac:spMkLst>
            <pc:docMk/>
            <pc:sldMk cId="2376958513" sldId="260"/>
            <ac:spMk id="346" creationId="{6AB0ABF4-1176-6E0D-502F-BF0BE7C116F9}"/>
          </ac:spMkLst>
        </pc:spChg>
        <pc:spChg chg="mod">
          <ac:chgData name="White, Alex" userId="eff6cc8c-37d8-483b-9c6c-6b27e9afa9bc" providerId="ADAL" clId="{BF04C754-5BF4-4E83-9615-DB14FA25AF8A}" dt="2023-10-12T11:35:10.739" v="250"/>
          <ac:spMkLst>
            <pc:docMk/>
            <pc:sldMk cId="2376958513" sldId="260"/>
            <ac:spMk id="347" creationId="{8EA7AD10-62A7-D379-CA7F-B4DEE780023E}"/>
          </ac:spMkLst>
        </pc:spChg>
        <pc:spChg chg="mod">
          <ac:chgData name="White, Alex" userId="eff6cc8c-37d8-483b-9c6c-6b27e9afa9bc" providerId="ADAL" clId="{BF04C754-5BF4-4E83-9615-DB14FA25AF8A}" dt="2023-10-12T11:35:10.739" v="250"/>
          <ac:spMkLst>
            <pc:docMk/>
            <pc:sldMk cId="2376958513" sldId="260"/>
            <ac:spMk id="348" creationId="{D5F2D836-FA50-9A29-F8EC-5D872627EA76}"/>
          </ac:spMkLst>
        </pc:spChg>
        <pc:spChg chg="mod">
          <ac:chgData name="White, Alex" userId="eff6cc8c-37d8-483b-9c6c-6b27e9afa9bc" providerId="ADAL" clId="{BF04C754-5BF4-4E83-9615-DB14FA25AF8A}" dt="2023-10-12T11:35:10.739" v="250"/>
          <ac:spMkLst>
            <pc:docMk/>
            <pc:sldMk cId="2376958513" sldId="260"/>
            <ac:spMk id="349" creationId="{F20F0169-0821-0759-CEE9-0A49E3215005}"/>
          </ac:spMkLst>
        </pc:spChg>
        <pc:spChg chg="mod">
          <ac:chgData name="White, Alex" userId="eff6cc8c-37d8-483b-9c6c-6b27e9afa9bc" providerId="ADAL" clId="{BF04C754-5BF4-4E83-9615-DB14FA25AF8A}" dt="2023-10-12T11:35:10.739" v="250"/>
          <ac:spMkLst>
            <pc:docMk/>
            <pc:sldMk cId="2376958513" sldId="260"/>
            <ac:spMk id="350" creationId="{FD11FF73-698B-3516-6BAD-FFCF9AB1BF86}"/>
          </ac:spMkLst>
        </pc:spChg>
        <pc:spChg chg="mod">
          <ac:chgData name="White, Alex" userId="eff6cc8c-37d8-483b-9c6c-6b27e9afa9bc" providerId="ADAL" clId="{BF04C754-5BF4-4E83-9615-DB14FA25AF8A}" dt="2023-10-12T11:35:10.739" v="250"/>
          <ac:spMkLst>
            <pc:docMk/>
            <pc:sldMk cId="2376958513" sldId="260"/>
            <ac:spMk id="351" creationId="{CC9F08EE-3C84-E7B4-9002-20363DA6DB77}"/>
          </ac:spMkLst>
        </pc:spChg>
        <pc:spChg chg="mod">
          <ac:chgData name="White, Alex" userId="eff6cc8c-37d8-483b-9c6c-6b27e9afa9bc" providerId="ADAL" clId="{BF04C754-5BF4-4E83-9615-DB14FA25AF8A}" dt="2023-10-12T11:35:10.739" v="250"/>
          <ac:spMkLst>
            <pc:docMk/>
            <pc:sldMk cId="2376958513" sldId="260"/>
            <ac:spMk id="352" creationId="{CAAD4056-E22B-7887-7EDB-1EB8E6C54B5A}"/>
          </ac:spMkLst>
        </pc:spChg>
        <pc:spChg chg="mod">
          <ac:chgData name="White, Alex" userId="eff6cc8c-37d8-483b-9c6c-6b27e9afa9bc" providerId="ADAL" clId="{BF04C754-5BF4-4E83-9615-DB14FA25AF8A}" dt="2023-10-12T11:35:10.739" v="250"/>
          <ac:spMkLst>
            <pc:docMk/>
            <pc:sldMk cId="2376958513" sldId="260"/>
            <ac:spMk id="353" creationId="{CC5A8117-1B38-ADDA-5277-96791248C49F}"/>
          </ac:spMkLst>
        </pc:spChg>
        <pc:spChg chg="mod">
          <ac:chgData name="White, Alex" userId="eff6cc8c-37d8-483b-9c6c-6b27e9afa9bc" providerId="ADAL" clId="{BF04C754-5BF4-4E83-9615-DB14FA25AF8A}" dt="2023-10-12T11:35:10.739" v="250"/>
          <ac:spMkLst>
            <pc:docMk/>
            <pc:sldMk cId="2376958513" sldId="260"/>
            <ac:spMk id="354" creationId="{CD1CD2A1-3364-18DE-4D7C-F0CDD92EF7CB}"/>
          </ac:spMkLst>
        </pc:spChg>
        <pc:spChg chg="mod">
          <ac:chgData name="White, Alex" userId="eff6cc8c-37d8-483b-9c6c-6b27e9afa9bc" providerId="ADAL" clId="{BF04C754-5BF4-4E83-9615-DB14FA25AF8A}" dt="2023-10-12T11:35:10.739" v="250"/>
          <ac:spMkLst>
            <pc:docMk/>
            <pc:sldMk cId="2376958513" sldId="260"/>
            <ac:spMk id="355" creationId="{B81EE7AD-48E1-9C64-C2D2-8FCC4AB157DA}"/>
          </ac:spMkLst>
        </pc:spChg>
        <pc:spChg chg="mod">
          <ac:chgData name="White, Alex" userId="eff6cc8c-37d8-483b-9c6c-6b27e9afa9bc" providerId="ADAL" clId="{BF04C754-5BF4-4E83-9615-DB14FA25AF8A}" dt="2023-10-12T11:35:10.739" v="250"/>
          <ac:spMkLst>
            <pc:docMk/>
            <pc:sldMk cId="2376958513" sldId="260"/>
            <ac:spMk id="356" creationId="{E820907E-7B00-34DC-CC3C-78BE9A51FB8A}"/>
          </ac:spMkLst>
        </pc:spChg>
        <pc:spChg chg="mod">
          <ac:chgData name="White, Alex" userId="eff6cc8c-37d8-483b-9c6c-6b27e9afa9bc" providerId="ADAL" clId="{BF04C754-5BF4-4E83-9615-DB14FA25AF8A}" dt="2023-10-12T11:35:10.739" v="250"/>
          <ac:spMkLst>
            <pc:docMk/>
            <pc:sldMk cId="2376958513" sldId="260"/>
            <ac:spMk id="357" creationId="{41B2F07C-9F45-30D2-8131-5CBFC344A0B0}"/>
          </ac:spMkLst>
        </pc:spChg>
        <pc:spChg chg="mod">
          <ac:chgData name="White, Alex" userId="eff6cc8c-37d8-483b-9c6c-6b27e9afa9bc" providerId="ADAL" clId="{BF04C754-5BF4-4E83-9615-DB14FA25AF8A}" dt="2023-10-12T11:35:10.739" v="250"/>
          <ac:spMkLst>
            <pc:docMk/>
            <pc:sldMk cId="2376958513" sldId="260"/>
            <ac:spMk id="358" creationId="{C71D4C0C-B7EB-D1A3-6F9E-E03128694EAE}"/>
          </ac:spMkLst>
        </pc:spChg>
        <pc:spChg chg="mod">
          <ac:chgData name="White, Alex" userId="eff6cc8c-37d8-483b-9c6c-6b27e9afa9bc" providerId="ADAL" clId="{BF04C754-5BF4-4E83-9615-DB14FA25AF8A}" dt="2023-10-12T11:35:10.739" v="250"/>
          <ac:spMkLst>
            <pc:docMk/>
            <pc:sldMk cId="2376958513" sldId="260"/>
            <ac:spMk id="359" creationId="{3F94B646-7A83-3292-F58A-2E004B654C96}"/>
          </ac:spMkLst>
        </pc:spChg>
        <pc:spChg chg="mod">
          <ac:chgData name="White, Alex" userId="eff6cc8c-37d8-483b-9c6c-6b27e9afa9bc" providerId="ADAL" clId="{BF04C754-5BF4-4E83-9615-DB14FA25AF8A}" dt="2023-10-12T11:35:10.739" v="250"/>
          <ac:spMkLst>
            <pc:docMk/>
            <pc:sldMk cId="2376958513" sldId="260"/>
            <ac:spMk id="360" creationId="{A0670F89-E314-6569-50EE-DA98DD8804BA}"/>
          </ac:spMkLst>
        </pc:spChg>
        <pc:spChg chg="mod">
          <ac:chgData name="White, Alex" userId="eff6cc8c-37d8-483b-9c6c-6b27e9afa9bc" providerId="ADAL" clId="{BF04C754-5BF4-4E83-9615-DB14FA25AF8A}" dt="2023-10-12T11:35:10.739" v="250"/>
          <ac:spMkLst>
            <pc:docMk/>
            <pc:sldMk cId="2376958513" sldId="260"/>
            <ac:spMk id="361" creationId="{30247D3B-7D12-AAA7-53FC-7E5C89C7959F}"/>
          </ac:spMkLst>
        </pc:spChg>
        <pc:spChg chg="mod">
          <ac:chgData name="White, Alex" userId="eff6cc8c-37d8-483b-9c6c-6b27e9afa9bc" providerId="ADAL" clId="{BF04C754-5BF4-4E83-9615-DB14FA25AF8A}" dt="2023-10-12T11:35:10.739" v="250"/>
          <ac:spMkLst>
            <pc:docMk/>
            <pc:sldMk cId="2376958513" sldId="260"/>
            <ac:spMk id="362" creationId="{322EDB4F-D770-DC4B-8856-B1EB2FBA8BFC}"/>
          </ac:spMkLst>
        </pc:spChg>
        <pc:spChg chg="mod">
          <ac:chgData name="White, Alex" userId="eff6cc8c-37d8-483b-9c6c-6b27e9afa9bc" providerId="ADAL" clId="{BF04C754-5BF4-4E83-9615-DB14FA25AF8A}" dt="2023-10-12T11:35:10.739" v="250"/>
          <ac:spMkLst>
            <pc:docMk/>
            <pc:sldMk cId="2376958513" sldId="260"/>
            <ac:spMk id="363" creationId="{41AA2F4D-3387-0BFF-7E1D-F08C3C6E1D60}"/>
          </ac:spMkLst>
        </pc:spChg>
        <pc:spChg chg="mod">
          <ac:chgData name="White, Alex" userId="eff6cc8c-37d8-483b-9c6c-6b27e9afa9bc" providerId="ADAL" clId="{BF04C754-5BF4-4E83-9615-DB14FA25AF8A}" dt="2023-10-12T11:35:15.531" v="252"/>
          <ac:spMkLst>
            <pc:docMk/>
            <pc:sldMk cId="2376958513" sldId="260"/>
            <ac:spMk id="365" creationId="{EB3FA40E-ACFE-D8DA-E6F8-06146AE5C4D7}"/>
          </ac:spMkLst>
        </pc:spChg>
        <pc:spChg chg="mod">
          <ac:chgData name="White, Alex" userId="eff6cc8c-37d8-483b-9c6c-6b27e9afa9bc" providerId="ADAL" clId="{BF04C754-5BF4-4E83-9615-DB14FA25AF8A}" dt="2023-10-12T11:35:15.531" v="252"/>
          <ac:spMkLst>
            <pc:docMk/>
            <pc:sldMk cId="2376958513" sldId="260"/>
            <ac:spMk id="366" creationId="{8F90C6AD-5651-3614-7F41-D22C71D5CB28}"/>
          </ac:spMkLst>
        </pc:spChg>
        <pc:spChg chg="mod">
          <ac:chgData name="White, Alex" userId="eff6cc8c-37d8-483b-9c6c-6b27e9afa9bc" providerId="ADAL" clId="{BF04C754-5BF4-4E83-9615-DB14FA25AF8A}" dt="2023-10-12T11:35:15.531" v="252"/>
          <ac:spMkLst>
            <pc:docMk/>
            <pc:sldMk cId="2376958513" sldId="260"/>
            <ac:spMk id="367" creationId="{69717C71-F3A9-CA6D-929A-9C63C9AE15A2}"/>
          </ac:spMkLst>
        </pc:spChg>
        <pc:spChg chg="mod">
          <ac:chgData name="White, Alex" userId="eff6cc8c-37d8-483b-9c6c-6b27e9afa9bc" providerId="ADAL" clId="{BF04C754-5BF4-4E83-9615-DB14FA25AF8A}" dt="2023-10-12T11:35:15.531" v="252"/>
          <ac:spMkLst>
            <pc:docMk/>
            <pc:sldMk cId="2376958513" sldId="260"/>
            <ac:spMk id="368" creationId="{95E9DCBB-FA55-41C9-9B39-36905E6326D3}"/>
          </ac:spMkLst>
        </pc:spChg>
        <pc:spChg chg="mod">
          <ac:chgData name="White, Alex" userId="eff6cc8c-37d8-483b-9c6c-6b27e9afa9bc" providerId="ADAL" clId="{BF04C754-5BF4-4E83-9615-DB14FA25AF8A}" dt="2023-10-12T11:35:15.531" v="252"/>
          <ac:spMkLst>
            <pc:docMk/>
            <pc:sldMk cId="2376958513" sldId="260"/>
            <ac:spMk id="369" creationId="{924F9868-A5C1-9603-BEBC-71B906865A74}"/>
          </ac:spMkLst>
        </pc:spChg>
        <pc:spChg chg="mod">
          <ac:chgData name="White, Alex" userId="eff6cc8c-37d8-483b-9c6c-6b27e9afa9bc" providerId="ADAL" clId="{BF04C754-5BF4-4E83-9615-DB14FA25AF8A}" dt="2023-10-12T11:35:15.531" v="252"/>
          <ac:spMkLst>
            <pc:docMk/>
            <pc:sldMk cId="2376958513" sldId="260"/>
            <ac:spMk id="370" creationId="{A94FDEF8-A4AB-FA90-4BCA-BB159D09F3F1}"/>
          </ac:spMkLst>
        </pc:spChg>
        <pc:spChg chg="mod">
          <ac:chgData name="White, Alex" userId="eff6cc8c-37d8-483b-9c6c-6b27e9afa9bc" providerId="ADAL" clId="{BF04C754-5BF4-4E83-9615-DB14FA25AF8A}" dt="2023-10-12T11:35:15.531" v="252"/>
          <ac:spMkLst>
            <pc:docMk/>
            <pc:sldMk cId="2376958513" sldId="260"/>
            <ac:spMk id="371" creationId="{33102E0F-0A90-B9D9-FDCD-D54928139C46}"/>
          </ac:spMkLst>
        </pc:spChg>
        <pc:spChg chg="mod">
          <ac:chgData name="White, Alex" userId="eff6cc8c-37d8-483b-9c6c-6b27e9afa9bc" providerId="ADAL" clId="{BF04C754-5BF4-4E83-9615-DB14FA25AF8A}" dt="2023-10-12T11:35:15.531" v="252"/>
          <ac:spMkLst>
            <pc:docMk/>
            <pc:sldMk cId="2376958513" sldId="260"/>
            <ac:spMk id="372" creationId="{872128BF-6DD2-0115-675C-B3E57314B81C}"/>
          </ac:spMkLst>
        </pc:spChg>
        <pc:spChg chg="mod">
          <ac:chgData name="White, Alex" userId="eff6cc8c-37d8-483b-9c6c-6b27e9afa9bc" providerId="ADAL" clId="{BF04C754-5BF4-4E83-9615-DB14FA25AF8A}" dt="2023-10-12T11:35:15.531" v="252"/>
          <ac:spMkLst>
            <pc:docMk/>
            <pc:sldMk cId="2376958513" sldId="260"/>
            <ac:spMk id="373" creationId="{26E4461D-CB58-9F14-D6F2-7BE1F38F776D}"/>
          </ac:spMkLst>
        </pc:spChg>
        <pc:spChg chg="mod">
          <ac:chgData name="White, Alex" userId="eff6cc8c-37d8-483b-9c6c-6b27e9afa9bc" providerId="ADAL" clId="{BF04C754-5BF4-4E83-9615-DB14FA25AF8A}" dt="2023-10-12T11:35:15.531" v="252"/>
          <ac:spMkLst>
            <pc:docMk/>
            <pc:sldMk cId="2376958513" sldId="260"/>
            <ac:spMk id="374" creationId="{C8D2EC1A-56A1-62ED-4063-6FCFB1CF8CEC}"/>
          </ac:spMkLst>
        </pc:spChg>
        <pc:spChg chg="mod">
          <ac:chgData name="White, Alex" userId="eff6cc8c-37d8-483b-9c6c-6b27e9afa9bc" providerId="ADAL" clId="{BF04C754-5BF4-4E83-9615-DB14FA25AF8A}" dt="2023-10-12T11:35:15.531" v="252"/>
          <ac:spMkLst>
            <pc:docMk/>
            <pc:sldMk cId="2376958513" sldId="260"/>
            <ac:spMk id="375" creationId="{86E333D3-4896-939C-A281-6A63AC489ED0}"/>
          </ac:spMkLst>
        </pc:spChg>
        <pc:spChg chg="mod">
          <ac:chgData name="White, Alex" userId="eff6cc8c-37d8-483b-9c6c-6b27e9afa9bc" providerId="ADAL" clId="{BF04C754-5BF4-4E83-9615-DB14FA25AF8A}" dt="2023-10-12T11:35:15.531" v="252"/>
          <ac:spMkLst>
            <pc:docMk/>
            <pc:sldMk cId="2376958513" sldId="260"/>
            <ac:spMk id="376" creationId="{353ACF14-E02A-3A62-4687-A88EE4BB5E8B}"/>
          </ac:spMkLst>
        </pc:spChg>
        <pc:spChg chg="mod">
          <ac:chgData name="White, Alex" userId="eff6cc8c-37d8-483b-9c6c-6b27e9afa9bc" providerId="ADAL" clId="{BF04C754-5BF4-4E83-9615-DB14FA25AF8A}" dt="2023-10-12T11:35:15.531" v="252"/>
          <ac:spMkLst>
            <pc:docMk/>
            <pc:sldMk cId="2376958513" sldId="260"/>
            <ac:spMk id="377" creationId="{39E8DB5C-5D67-8651-6B48-08F786598845}"/>
          </ac:spMkLst>
        </pc:spChg>
        <pc:spChg chg="mod">
          <ac:chgData name="White, Alex" userId="eff6cc8c-37d8-483b-9c6c-6b27e9afa9bc" providerId="ADAL" clId="{BF04C754-5BF4-4E83-9615-DB14FA25AF8A}" dt="2023-10-12T11:35:15.531" v="252"/>
          <ac:spMkLst>
            <pc:docMk/>
            <pc:sldMk cId="2376958513" sldId="260"/>
            <ac:spMk id="378" creationId="{27DFFA08-26F2-ABCB-2881-CC6E1A63B446}"/>
          </ac:spMkLst>
        </pc:spChg>
        <pc:spChg chg="mod">
          <ac:chgData name="White, Alex" userId="eff6cc8c-37d8-483b-9c6c-6b27e9afa9bc" providerId="ADAL" clId="{BF04C754-5BF4-4E83-9615-DB14FA25AF8A}" dt="2023-10-12T11:35:15.531" v="252"/>
          <ac:spMkLst>
            <pc:docMk/>
            <pc:sldMk cId="2376958513" sldId="260"/>
            <ac:spMk id="379" creationId="{075DF9EF-1BA0-158E-DFDD-9037D61ECB6F}"/>
          </ac:spMkLst>
        </pc:spChg>
        <pc:spChg chg="mod">
          <ac:chgData name="White, Alex" userId="eff6cc8c-37d8-483b-9c6c-6b27e9afa9bc" providerId="ADAL" clId="{BF04C754-5BF4-4E83-9615-DB14FA25AF8A}" dt="2023-10-12T11:35:15.531" v="252"/>
          <ac:spMkLst>
            <pc:docMk/>
            <pc:sldMk cId="2376958513" sldId="260"/>
            <ac:spMk id="380" creationId="{BAF978BB-600A-6177-4378-712C6BF0C813}"/>
          </ac:spMkLst>
        </pc:spChg>
        <pc:spChg chg="mod">
          <ac:chgData name="White, Alex" userId="eff6cc8c-37d8-483b-9c6c-6b27e9afa9bc" providerId="ADAL" clId="{BF04C754-5BF4-4E83-9615-DB14FA25AF8A}" dt="2023-10-12T11:35:15.531" v="252"/>
          <ac:spMkLst>
            <pc:docMk/>
            <pc:sldMk cId="2376958513" sldId="260"/>
            <ac:spMk id="381" creationId="{97EB5BF4-DD25-8957-A4C9-0C4481387132}"/>
          </ac:spMkLst>
        </pc:spChg>
        <pc:spChg chg="mod">
          <ac:chgData name="White, Alex" userId="eff6cc8c-37d8-483b-9c6c-6b27e9afa9bc" providerId="ADAL" clId="{BF04C754-5BF4-4E83-9615-DB14FA25AF8A}" dt="2023-10-12T11:35:15.531" v="252"/>
          <ac:spMkLst>
            <pc:docMk/>
            <pc:sldMk cId="2376958513" sldId="260"/>
            <ac:spMk id="382" creationId="{1CB60239-EC0C-6B68-2C2A-2FDCC0FC3910}"/>
          </ac:spMkLst>
        </pc:spChg>
        <pc:spChg chg="mod">
          <ac:chgData name="White, Alex" userId="eff6cc8c-37d8-483b-9c6c-6b27e9afa9bc" providerId="ADAL" clId="{BF04C754-5BF4-4E83-9615-DB14FA25AF8A}" dt="2023-10-12T11:35:15.531" v="252"/>
          <ac:spMkLst>
            <pc:docMk/>
            <pc:sldMk cId="2376958513" sldId="260"/>
            <ac:spMk id="383" creationId="{77DDEA4F-52B6-DBBF-A407-8A1AF299A39B}"/>
          </ac:spMkLst>
        </pc:spChg>
        <pc:spChg chg="mod">
          <ac:chgData name="White, Alex" userId="eff6cc8c-37d8-483b-9c6c-6b27e9afa9bc" providerId="ADAL" clId="{BF04C754-5BF4-4E83-9615-DB14FA25AF8A}" dt="2023-10-12T11:35:15.531" v="252"/>
          <ac:spMkLst>
            <pc:docMk/>
            <pc:sldMk cId="2376958513" sldId="260"/>
            <ac:spMk id="384" creationId="{4DE08D79-94F2-1270-0B2D-D442117DFE12}"/>
          </ac:spMkLst>
        </pc:spChg>
        <pc:spChg chg="mod">
          <ac:chgData name="White, Alex" userId="eff6cc8c-37d8-483b-9c6c-6b27e9afa9bc" providerId="ADAL" clId="{BF04C754-5BF4-4E83-9615-DB14FA25AF8A}" dt="2023-10-12T11:35:15.531" v="252"/>
          <ac:spMkLst>
            <pc:docMk/>
            <pc:sldMk cId="2376958513" sldId="260"/>
            <ac:spMk id="385" creationId="{F8087448-A8A8-48B8-383D-B0F94CB89B0B}"/>
          </ac:spMkLst>
        </pc:spChg>
        <pc:spChg chg="mod">
          <ac:chgData name="White, Alex" userId="eff6cc8c-37d8-483b-9c6c-6b27e9afa9bc" providerId="ADAL" clId="{BF04C754-5BF4-4E83-9615-DB14FA25AF8A}" dt="2023-10-12T11:35:15.531" v="252"/>
          <ac:spMkLst>
            <pc:docMk/>
            <pc:sldMk cId="2376958513" sldId="260"/>
            <ac:spMk id="386" creationId="{CFF71356-C83D-A255-B588-25F41963F50D}"/>
          </ac:spMkLst>
        </pc:spChg>
        <pc:spChg chg="mod">
          <ac:chgData name="White, Alex" userId="eff6cc8c-37d8-483b-9c6c-6b27e9afa9bc" providerId="ADAL" clId="{BF04C754-5BF4-4E83-9615-DB14FA25AF8A}" dt="2023-10-12T11:35:15.531" v="252"/>
          <ac:spMkLst>
            <pc:docMk/>
            <pc:sldMk cId="2376958513" sldId="260"/>
            <ac:spMk id="387" creationId="{95C434BA-30A2-0CA4-E7D1-077464362BB3}"/>
          </ac:spMkLst>
        </pc:spChg>
        <pc:spChg chg="mod">
          <ac:chgData name="White, Alex" userId="eff6cc8c-37d8-483b-9c6c-6b27e9afa9bc" providerId="ADAL" clId="{BF04C754-5BF4-4E83-9615-DB14FA25AF8A}" dt="2023-10-12T11:35:15.531" v="252"/>
          <ac:spMkLst>
            <pc:docMk/>
            <pc:sldMk cId="2376958513" sldId="260"/>
            <ac:spMk id="388" creationId="{34C3D485-8165-C092-40FC-26E326D200DB}"/>
          </ac:spMkLst>
        </pc:spChg>
        <pc:spChg chg="mod">
          <ac:chgData name="White, Alex" userId="eff6cc8c-37d8-483b-9c6c-6b27e9afa9bc" providerId="ADAL" clId="{BF04C754-5BF4-4E83-9615-DB14FA25AF8A}" dt="2023-10-12T11:35:15.531" v="252"/>
          <ac:spMkLst>
            <pc:docMk/>
            <pc:sldMk cId="2376958513" sldId="260"/>
            <ac:spMk id="389" creationId="{63666A80-BBD5-5285-C66E-4CC4AB658486}"/>
          </ac:spMkLst>
        </pc:spChg>
        <pc:spChg chg="mod">
          <ac:chgData name="White, Alex" userId="eff6cc8c-37d8-483b-9c6c-6b27e9afa9bc" providerId="ADAL" clId="{BF04C754-5BF4-4E83-9615-DB14FA25AF8A}" dt="2023-10-12T11:35:15.531" v="252"/>
          <ac:spMkLst>
            <pc:docMk/>
            <pc:sldMk cId="2376958513" sldId="260"/>
            <ac:spMk id="390" creationId="{F31E2DC9-8E89-A76C-A520-0E2942B9F4D8}"/>
          </ac:spMkLst>
        </pc:spChg>
        <pc:spChg chg="mod">
          <ac:chgData name="White, Alex" userId="eff6cc8c-37d8-483b-9c6c-6b27e9afa9bc" providerId="ADAL" clId="{BF04C754-5BF4-4E83-9615-DB14FA25AF8A}" dt="2023-10-12T11:35:15.531" v="252"/>
          <ac:spMkLst>
            <pc:docMk/>
            <pc:sldMk cId="2376958513" sldId="260"/>
            <ac:spMk id="391" creationId="{1D9E84BD-828F-C97E-F472-B5608BA73464}"/>
          </ac:spMkLst>
        </pc:spChg>
        <pc:spChg chg="mod">
          <ac:chgData name="White, Alex" userId="eff6cc8c-37d8-483b-9c6c-6b27e9afa9bc" providerId="ADAL" clId="{BF04C754-5BF4-4E83-9615-DB14FA25AF8A}" dt="2023-10-12T11:35:15.531" v="252"/>
          <ac:spMkLst>
            <pc:docMk/>
            <pc:sldMk cId="2376958513" sldId="260"/>
            <ac:spMk id="392" creationId="{09D70032-07A0-8F0E-5F45-FE79E33B5E8E}"/>
          </ac:spMkLst>
        </pc:spChg>
        <pc:spChg chg="mod">
          <ac:chgData name="White, Alex" userId="eff6cc8c-37d8-483b-9c6c-6b27e9afa9bc" providerId="ADAL" clId="{BF04C754-5BF4-4E83-9615-DB14FA25AF8A}" dt="2023-10-12T11:35:15.531" v="252"/>
          <ac:spMkLst>
            <pc:docMk/>
            <pc:sldMk cId="2376958513" sldId="260"/>
            <ac:spMk id="393" creationId="{6AF53523-EB9F-276E-26F0-7CF2C570F7BF}"/>
          </ac:spMkLst>
        </pc:spChg>
        <pc:spChg chg="mod">
          <ac:chgData name="White, Alex" userId="eff6cc8c-37d8-483b-9c6c-6b27e9afa9bc" providerId="ADAL" clId="{BF04C754-5BF4-4E83-9615-DB14FA25AF8A}" dt="2023-10-12T11:35:15.531" v="252"/>
          <ac:spMkLst>
            <pc:docMk/>
            <pc:sldMk cId="2376958513" sldId="260"/>
            <ac:spMk id="394" creationId="{278F8169-3DEC-CD6B-DADA-F6FA6E410293}"/>
          </ac:spMkLst>
        </pc:spChg>
        <pc:spChg chg="mod">
          <ac:chgData name="White, Alex" userId="eff6cc8c-37d8-483b-9c6c-6b27e9afa9bc" providerId="ADAL" clId="{BF04C754-5BF4-4E83-9615-DB14FA25AF8A}" dt="2023-10-12T11:35:15.531" v="252"/>
          <ac:spMkLst>
            <pc:docMk/>
            <pc:sldMk cId="2376958513" sldId="260"/>
            <ac:spMk id="395" creationId="{325626E4-3AE2-73CC-4C22-879D4969D460}"/>
          </ac:spMkLst>
        </pc:spChg>
        <pc:spChg chg="mod">
          <ac:chgData name="White, Alex" userId="eff6cc8c-37d8-483b-9c6c-6b27e9afa9bc" providerId="ADAL" clId="{BF04C754-5BF4-4E83-9615-DB14FA25AF8A}" dt="2023-10-12T11:35:15.531" v="252"/>
          <ac:spMkLst>
            <pc:docMk/>
            <pc:sldMk cId="2376958513" sldId="260"/>
            <ac:spMk id="396" creationId="{512C6910-FBB0-38CC-5B27-9E2A2941C31F}"/>
          </ac:spMkLst>
        </pc:spChg>
        <pc:spChg chg="mod">
          <ac:chgData name="White, Alex" userId="eff6cc8c-37d8-483b-9c6c-6b27e9afa9bc" providerId="ADAL" clId="{BF04C754-5BF4-4E83-9615-DB14FA25AF8A}" dt="2023-10-12T11:35:15.531" v="252"/>
          <ac:spMkLst>
            <pc:docMk/>
            <pc:sldMk cId="2376958513" sldId="260"/>
            <ac:spMk id="397" creationId="{564A7729-78DD-E8EE-C893-C2021A69DDDD}"/>
          </ac:spMkLst>
        </pc:spChg>
        <pc:spChg chg="mod">
          <ac:chgData name="White, Alex" userId="eff6cc8c-37d8-483b-9c6c-6b27e9afa9bc" providerId="ADAL" clId="{BF04C754-5BF4-4E83-9615-DB14FA25AF8A}" dt="2023-10-12T11:35:15.531" v="252"/>
          <ac:spMkLst>
            <pc:docMk/>
            <pc:sldMk cId="2376958513" sldId="260"/>
            <ac:spMk id="398" creationId="{35BFF9EA-2A59-A20F-82B4-1B1641BC78CC}"/>
          </ac:spMkLst>
        </pc:spChg>
        <pc:spChg chg="mod">
          <ac:chgData name="White, Alex" userId="eff6cc8c-37d8-483b-9c6c-6b27e9afa9bc" providerId="ADAL" clId="{BF04C754-5BF4-4E83-9615-DB14FA25AF8A}" dt="2023-10-12T11:35:15.531" v="252"/>
          <ac:spMkLst>
            <pc:docMk/>
            <pc:sldMk cId="2376958513" sldId="260"/>
            <ac:spMk id="399" creationId="{B5543300-69C8-B5B6-C471-C41DCBD95E68}"/>
          </ac:spMkLst>
        </pc:spChg>
        <pc:spChg chg="mod">
          <ac:chgData name="White, Alex" userId="eff6cc8c-37d8-483b-9c6c-6b27e9afa9bc" providerId="ADAL" clId="{BF04C754-5BF4-4E83-9615-DB14FA25AF8A}" dt="2023-10-12T11:35:15.531" v="252"/>
          <ac:spMkLst>
            <pc:docMk/>
            <pc:sldMk cId="2376958513" sldId="260"/>
            <ac:spMk id="400" creationId="{9C21412B-61D9-69F2-915D-1236583B9A46}"/>
          </ac:spMkLst>
        </pc:spChg>
        <pc:spChg chg="mod">
          <ac:chgData name="White, Alex" userId="eff6cc8c-37d8-483b-9c6c-6b27e9afa9bc" providerId="ADAL" clId="{BF04C754-5BF4-4E83-9615-DB14FA25AF8A}" dt="2023-10-12T11:35:15.531" v="252"/>
          <ac:spMkLst>
            <pc:docMk/>
            <pc:sldMk cId="2376958513" sldId="260"/>
            <ac:spMk id="401" creationId="{8CE8A3C8-77B7-80CE-344A-65798430ADBB}"/>
          </ac:spMkLst>
        </pc:spChg>
        <pc:spChg chg="mod">
          <ac:chgData name="White, Alex" userId="eff6cc8c-37d8-483b-9c6c-6b27e9afa9bc" providerId="ADAL" clId="{BF04C754-5BF4-4E83-9615-DB14FA25AF8A}" dt="2023-10-12T11:35:15.531" v="252"/>
          <ac:spMkLst>
            <pc:docMk/>
            <pc:sldMk cId="2376958513" sldId="260"/>
            <ac:spMk id="402" creationId="{20B57B58-5F6C-ECC1-0E52-41E8698193B5}"/>
          </ac:spMkLst>
        </pc:spChg>
        <pc:spChg chg="mod">
          <ac:chgData name="White, Alex" userId="eff6cc8c-37d8-483b-9c6c-6b27e9afa9bc" providerId="ADAL" clId="{BF04C754-5BF4-4E83-9615-DB14FA25AF8A}" dt="2023-10-12T11:35:15.531" v="252"/>
          <ac:spMkLst>
            <pc:docMk/>
            <pc:sldMk cId="2376958513" sldId="260"/>
            <ac:spMk id="403" creationId="{596CB0F4-8194-2ECA-A7B4-7CE1C267EDAA}"/>
          </ac:spMkLst>
        </pc:spChg>
        <pc:spChg chg="mod">
          <ac:chgData name="White, Alex" userId="eff6cc8c-37d8-483b-9c6c-6b27e9afa9bc" providerId="ADAL" clId="{BF04C754-5BF4-4E83-9615-DB14FA25AF8A}" dt="2023-10-12T11:35:15.531" v="252"/>
          <ac:spMkLst>
            <pc:docMk/>
            <pc:sldMk cId="2376958513" sldId="260"/>
            <ac:spMk id="404" creationId="{240ED8E8-769E-83F8-3BCE-68DBA96EC2CE}"/>
          </ac:spMkLst>
        </pc:spChg>
        <pc:spChg chg="mod">
          <ac:chgData name="White, Alex" userId="eff6cc8c-37d8-483b-9c6c-6b27e9afa9bc" providerId="ADAL" clId="{BF04C754-5BF4-4E83-9615-DB14FA25AF8A}" dt="2023-10-12T11:35:15.531" v="252"/>
          <ac:spMkLst>
            <pc:docMk/>
            <pc:sldMk cId="2376958513" sldId="260"/>
            <ac:spMk id="405" creationId="{D8D9FD84-E260-2B77-F51B-75B58597E802}"/>
          </ac:spMkLst>
        </pc:spChg>
        <pc:spChg chg="mod">
          <ac:chgData name="White, Alex" userId="eff6cc8c-37d8-483b-9c6c-6b27e9afa9bc" providerId="ADAL" clId="{BF04C754-5BF4-4E83-9615-DB14FA25AF8A}" dt="2023-10-12T11:35:15.531" v="252"/>
          <ac:spMkLst>
            <pc:docMk/>
            <pc:sldMk cId="2376958513" sldId="260"/>
            <ac:spMk id="406" creationId="{00E559E9-3BFF-75DB-42EA-A47A155F60F7}"/>
          </ac:spMkLst>
        </pc:spChg>
        <pc:spChg chg="mod">
          <ac:chgData name="White, Alex" userId="eff6cc8c-37d8-483b-9c6c-6b27e9afa9bc" providerId="ADAL" clId="{BF04C754-5BF4-4E83-9615-DB14FA25AF8A}" dt="2023-10-12T11:35:15.531" v="252"/>
          <ac:spMkLst>
            <pc:docMk/>
            <pc:sldMk cId="2376958513" sldId="260"/>
            <ac:spMk id="407" creationId="{969D30F7-0542-D369-0F44-BEE36F8FA4A5}"/>
          </ac:spMkLst>
        </pc:spChg>
        <pc:spChg chg="mod">
          <ac:chgData name="White, Alex" userId="eff6cc8c-37d8-483b-9c6c-6b27e9afa9bc" providerId="ADAL" clId="{BF04C754-5BF4-4E83-9615-DB14FA25AF8A}" dt="2023-10-12T11:35:15.531" v="252"/>
          <ac:spMkLst>
            <pc:docMk/>
            <pc:sldMk cId="2376958513" sldId="260"/>
            <ac:spMk id="408" creationId="{F6125D5F-4EDD-9466-562C-85770B04AF03}"/>
          </ac:spMkLst>
        </pc:spChg>
        <pc:spChg chg="mod">
          <ac:chgData name="White, Alex" userId="eff6cc8c-37d8-483b-9c6c-6b27e9afa9bc" providerId="ADAL" clId="{BF04C754-5BF4-4E83-9615-DB14FA25AF8A}" dt="2023-10-12T11:35:15.531" v="252"/>
          <ac:spMkLst>
            <pc:docMk/>
            <pc:sldMk cId="2376958513" sldId="260"/>
            <ac:spMk id="409" creationId="{FC8EAE27-20F3-6155-565E-29262846141F}"/>
          </ac:spMkLst>
        </pc:spChg>
        <pc:spChg chg="mod">
          <ac:chgData name="White, Alex" userId="eff6cc8c-37d8-483b-9c6c-6b27e9afa9bc" providerId="ADAL" clId="{BF04C754-5BF4-4E83-9615-DB14FA25AF8A}" dt="2023-10-12T11:35:15.531" v="252"/>
          <ac:spMkLst>
            <pc:docMk/>
            <pc:sldMk cId="2376958513" sldId="260"/>
            <ac:spMk id="410" creationId="{399EFC78-A1FD-1572-7085-469F2AF382AC}"/>
          </ac:spMkLst>
        </pc:spChg>
        <pc:spChg chg="mod">
          <ac:chgData name="White, Alex" userId="eff6cc8c-37d8-483b-9c6c-6b27e9afa9bc" providerId="ADAL" clId="{BF04C754-5BF4-4E83-9615-DB14FA25AF8A}" dt="2023-10-12T11:35:15.531" v="252"/>
          <ac:spMkLst>
            <pc:docMk/>
            <pc:sldMk cId="2376958513" sldId="260"/>
            <ac:spMk id="411" creationId="{7ED4D107-FF44-7F63-F95D-5A76BF6E5FA1}"/>
          </ac:spMkLst>
        </pc:spChg>
        <pc:spChg chg="mod">
          <ac:chgData name="White, Alex" userId="eff6cc8c-37d8-483b-9c6c-6b27e9afa9bc" providerId="ADAL" clId="{BF04C754-5BF4-4E83-9615-DB14FA25AF8A}" dt="2023-10-12T11:35:15.531" v="252"/>
          <ac:spMkLst>
            <pc:docMk/>
            <pc:sldMk cId="2376958513" sldId="260"/>
            <ac:spMk id="412" creationId="{F7283D64-3F50-D44E-464E-F99EE286A978}"/>
          </ac:spMkLst>
        </pc:spChg>
        <pc:spChg chg="mod">
          <ac:chgData name="White, Alex" userId="eff6cc8c-37d8-483b-9c6c-6b27e9afa9bc" providerId="ADAL" clId="{BF04C754-5BF4-4E83-9615-DB14FA25AF8A}" dt="2023-10-12T11:35:15.531" v="252"/>
          <ac:spMkLst>
            <pc:docMk/>
            <pc:sldMk cId="2376958513" sldId="260"/>
            <ac:spMk id="413" creationId="{862E2E62-CFC5-8786-D7F2-220B11CAC15B}"/>
          </ac:spMkLst>
        </pc:spChg>
        <pc:spChg chg="mod">
          <ac:chgData name="White, Alex" userId="eff6cc8c-37d8-483b-9c6c-6b27e9afa9bc" providerId="ADAL" clId="{BF04C754-5BF4-4E83-9615-DB14FA25AF8A}" dt="2023-10-12T11:35:15.531" v="252"/>
          <ac:spMkLst>
            <pc:docMk/>
            <pc:sldMk cId="2376958513" sldId="260"/>
            <ac:spMk id="414" creationId="{31E36CA3-C5A1-96D1-9381-C87DBC4E4EAB}"/>
          </ac:spMkLst>
        </pc:spChg>
        <pc:spChg chg="mod">
          <ac:chgData name="White, Alex" userId="eff6cc8c-37d8-483b-9c6c-6b27e9afa9bc" providerId="ADAL" clId="{BF04C754-5BF4-4E83-9615-DB14FA25AF8A}" dt="2023-10-12T11:35:15.531" v="252"/>
          <ac:spMkLst>
            <pc:docMk/>
            <pc:sldMk cId="2376958513" sldId="260"/>
            <ac:spMk id="415" creationId="{B393BAD2-789F-D51C-B050-0627255B6384}"/>
          </ac:spMkLst>
        </pc:spChg>
        <pc:spChg chg="mod">
          <ac:chgData name="White, Alex" userId="eff6cc8c-37d8-483b-9c6c-6b27e9afa9bc" providerId="ADAL" clId="{BF04C754-5BF4-4E83-9615-DB14FA25AF8A}" dt="2023-10-12T11:35:15.531" v="252"/>
          <ac:spMkLst>
            <pc:docMk/>
            <pc:sldMk cId="2376958513" sldId="260"/>
            <ac:spMk id="416" creationId="{1EE03462-82E4-BB8C-872D-B4D0A6EEAA25}"/>
          </ac:spMkLst>
        </pc:spChg>
        <pc:spChg chg="mod">
          <ac:chgData name="White, Alex" userId="eff6cc8c-37d8-483b-9c6c-6b27e9afa9bc" providerId="ADAL" clId="{BF04C754-5BF4-4E83-9615-DB14FA25AF8A}" dt="2023-10-12T11:35:15.531" v="252"/>
          <ac:spMkLst>
            <pc:docMk/>
            <pc:sldMk cId="2376958513" sldId="260"/>
            <ac:spMk id="417" creationId="{EF592E08-65A8-2ECB-D0D0-3C3604E885B8}"/>
          </ac:spMkLst>
        </pc:spChg>
        <pc:spChg chg="mod">
          <ac:chgData name="White, Alex" userId="eff6cc8c-37d8-483b-9c6c-6b27e9afa9bc" providerId="ADAL" clId="{BF04C754-5BF4-4E83-9615-DB14FA25AF8A}" dt="2023-10-12T11:35:15.531" v="252"/>
          <ac:spMkLst>
            <pc:docMk/>
            <pc:sldMk cId="2376958513" sldId="260"/>
            <ac:spMk id="418" creationId="{FFF29651-7B41-095A-C58E-5FBFD5A783D5}"/>
          </ac:spMkLst>
        </pc:spChg>
        <pc:spChg chg="mod">
          <ac:chgData name="White, Alex" userId="eff6cc8c-37d8-483b-9c6c-6b27e9afa9bc" providerId="ADAL" clId="{BF04C754-5BF4-4E83-9615-DB14FA25AF8A}" dt="2023-10-12T11:35:15.531" v="252"/>
          <ac:spMkLst>
            <pc:docMk/>
            <pc:sldMk cId="2376958513" sldId="260"/>
            <ac:spMk id="419" creationId="{89EBBB78-1870-208F-CDD4-5C60976FC869}"/>
          </ac:spMkLst>
        </pc:spChg>
        <pc:spChg chg="mod">
          <ac:chgData name="White, Alex" userId="eff6cc8c-37d8-483b-9c6c-6b27e9afa9bc" providerId="ADAL" clId="{BF04C754-5BF4-4E83-9615-DB14FA25AF8A}" dt="2023-10-12T11:35:15.531" v="252"/>
          <ac:spMkLst>
            <pc:docMk/>
            <pc:sldMk cId="2376958513" sldId="260"/>
            <ac:spMk id="420" creationId="{EF57BF51-71CF-674D-8938-7DD97DA36CB7}"/>
          </ac:spMkLst>
        </pc:spChg>
        <pc:spChg chg="mod">
          <ac:chgData name="White, Alex" userId="eff6cc8c-37d8-483b-9c6c-6b27e9afa9bc" providerId="ADAL" clId="{BF04C754-5BF4-4E83-9615-DB14FA25AF8A}" dt="2023-10-12T11:35:15.531" v="252"/>
          <ac:spMkLst>
            <pc:docMk/>
            <pc:sldMk cId="2376958513" sldId="260"/>
            <ac:spMk id="421" creationId="{2E09F7C4-A9F6-053A-B006-B43F902C0CCE}"/>
          </ac:spMkLst>
        </pc:spChg>
        <pc:spChg chg="mod">
          <ac:chgData name="White, Alex" userId="eff6cc8c-37d8-483b-9c6c-6b27e9afa9bc" providerId="ADAL" clId="{BF04C754-5BF4-4E83-9615-DB14FA25AF8A}" dt="2023-10-12T11:35:15.531" v="252"/>
          <ac:spMkLst>
            <pc:docMk/>
            <pc:sldMk cId="2376958513" sldId="260"/>
            <ac:spMk id="422" creationId="{8920134F-2EA1-598C-6F1F-A07BF35DB8C9}"/>
          </ac:spMkLst>
        </pc:spChg>
        <pc:spChg chg="mod">
          <ac:chgData name="White, Alex" userId="eff6cc8c-37d8-483b-9c6c-6b27e9afa9bc" providerId="ADAL" clId="{BF04C754-5BF4-4E83-9615-DB14FA25AF8A}" dt="2023-10-12T11:35:15.531" v="252"/>
          <ac:spMkLst>
            <pc:docMk/>
            <pc:sldMk cId="2376958513" sldId="260"/>
            <ac:spMk id="423" creationId="{8C13C6DD-1425-F350-80BE-3A1C84E44F60}"/>
          </ac:spMkLst>
        </pc:spChg>
        <pc:spChg chg="mod">
          <ac:chgData name="White, Alex" userId="eff6cc8c-37d8-483b-9c6c-6b27e9afa9bc" providerId="ADAL" clId="{BF04C754-5BF4-4E83-9615-DB14FA25AF8A}" dt="2023-10-12T11:35:15.531" v="252"/>
          <ac:spMkLst>
            <pc:docMk/>
            <pc:sldMk cId="2376958513" sldId="260"/>
            <ac:spMk id="424" creationId="{08C81A18-94AC-1155-14F0-D999CC20429F}"/>
          </ac:spMkLst>
        </pc:spChg>
        <pc:spChg chg="mod">
          <ac:chgData name="White, Alex" userId="eff6cc8c-37d8-483b-9c6c-6b27e9afa9bc" providerId="ADAL" clId="{BF04C754-5BF4-4E83-9615-DB14FA25AF8A}" dt="2023-10-12T11:35:15.531" v="252"/>
          <ac:spMkLst>
            <pc:docMk/>
            <pc:sldMk cId="2376958513" sldId="260"/>
            <ac:spMk id="425" creationId="{CCA426C3-1F95-51B0-8568-9136B0468599}"/>
          </ac:spMkLst>
        </pc:spChg>
        <pc:spChg chg="mod">
          <ac:chgData name="White, Alex" userId="eff6cc8c-37d8-483b-9c6c-6b27e9afa9bc" providerId="ADAL" clId="{BF04C754-5BF4-4E83-9615-DB14FA25AF8A}" dt="2023-10-12T11:35:15.531" v="252"/>
          <ac:spMkLst>
            <pc:docMk/>
            <pc:sldMk cId="2376958513" sldId="260"/>
            <ac:spMk id="426" creationId="{5DC15B9F-6591-F6DC-99A7-1AC8398B6939}"/>
          </ac:spMkLst>
        </pc:spChg>
        <pc:spChg chg="mod">
          <ac:chgData name="White, Alex" userId="eff6cc8c-37d8-483b-9c6c-6b27e9afa9bc" providerId="ADAL" clId="{BF04C754-5BF4-4E83-9615-DB14FA25AF8A}" dt="2023-10-12T11:35:15.531" v="252"/>
          <ac:spMkLst>
            <pc:docMk/>
            <pc:sldMk cId="2376958513" sldId="260"/>
            <ac:spMk id="427" creationId="{19FB5356-B8D1-2322-C6AC-3E41276D57C9}"/>
          </ac:spMkLst>
        </pc:spChg>
        <pc:spChg chg="mod">
          <ac:chgData name="White, Alex" userId="eff6cc8c-37d8-483b-9c6c-6b27e9afa9bc" providerId="ADAL" clId="{BF04C754-5BF4-4E83-9615-DB14FA25AF8A}" dt="2023-10-12T11:35:15.531" v="252"/>
          <ac:spMkLst>
            <pc:docMk/>
            <pc:sldMk cId="2376958513" sldId="260"/>
            <ac:spMk id="428" creationId="{CC1640C8-B5E6-DEB3-57BC-6E327644BF3A}"/>
          </ac:spMkLst>
        </pc:spChg>
        <pc:spChg chg="mod">
          <ac:chgData name="White, Alex" userId="eff6cc8c-37d8-483b-9c6c-6b27e9afa9bc" providerId="ADAL" clId="{BF04C754-5BF4-4E83-9615-DB14FA25AF8A}" dt="2023-10-12T11:35:15.531" v="252"/>
          <ac:spMkLst>
            <pc:docMk/>
            <pc:sldMk cId="2376958513" sldId="260"/>
            <ac:spMk id="429" creationId="{23FE4B52-8C13-2EB5-89FF-5AF8BC49C2DD}"/>
          </ac:spMkLst>
        </pc:spChg>
        <pc:spChg chg="mod">
          <ac:chgData name="White, Alex" userId="eff6cc8c-37d8-483b-9c6c-6b27e9afa9bc" providerId="ADAL" clId="{BF04C754-5BF4-4E83-9615-DB14FA25AF8A}" dt="2023-10-12T11:35:15.531" v="252"/>
          <ac:spMkLst>
            <pc:docMk/>
            <pc:sldMk cId="2376958513" sldId="260"/>
            <ac:spMk id="430" creationId="{0625174C-862B-A6C7-1E55-491B15F271F4}"/>
          </ac:spMkLst>
        </pc:spChg>
        <pc:spChg chg="mod">
          <ac:chgData name="White, Alex" userId="eff6cc8c-37d8-483b-9c6c-6b27e9afa9bc" providerId="ADAL" clId="{BF04C754-5BF4-4E83-9615-DB14FA25AF8A}" dt="2023-10-12T11:35:15.531" v="252"/>
          <ac:spMkLst>
            <pc:docMk/>
            <pc:sldMk cId="2376958513" sldId="260"/>
            <ac:spMk id="431" creationId="{A5604716-7C1C-AEB1-9CA8-70D0E30BBE85}"/>
          </ac:spMkLst>
        </pc:spChg>
        <pc:spChg chg="mod">
          <ac:chgData name="White, Alex" userId="eff6cc8c-37d8-483b-9c6c-6b27e9afa9bc" providerId="ADAL" clId="{BF04C754-5BF4-4E83-9615-DB14FA25AF8A}" dt="2023-10-12T11:35:15.531" v="252"/>
          <ac:spMkLst>
            <pc:docMk/>
            <pc:sldMk cId="2376958513" sldId="260"/>
            <ac:spMk id="432" creationId="{21B1E2F5-E314-AFFF-EA5B-69EDDD89BFDA}"/>
          </ac:spMkLst>
        </pc:spChg>
        <pc:spChg chg="mod">
          <ac:chgData name="White, Alex" userId="eff6cc8c-37d8-483b-9c6c-6b27e9afa9bc" providerId="ADAL" clId="{BF04C754-5BF4-4E83-9615-DB14FA25AF8A}" dt="2023-10-12T11:35:15.531" v="252"/>
          <ac:spMkLst>
            <pc:docMk/>
            <pc:sldMk cId="2376958513" sldId="260"/>
            <ac:spMk id="433" creationId="{B841FCC6-19F0-732D-F28E-286A4D9ED9D4}"/>
          </ac:spMkLst>
        </pc:spChg>
        <pc:spChg chg="mod">
          <ac:chgData name="White, Alex" userId="eff6cc8c-37d8-483b-9c6c-6b27e9afa9bc" providerId="ADAL" clId="{BF04C754-5BF4-4E83-9615-DB14FA25AF8A}" dt="2023-10-12T11:35:15.531" v="252"/>
          <ac:spMkLst>
            <pc:docMk/>
            <pc:sldMk cId="2376958513" sldId="260"/>
            <ac:spMk id="434" creationId="{4471E41A-DC4D-DF7D-5973-ABFA3833B45B}"/>
          </ac:spMkLst>
        </pc:spChg>
        <pc:spChg chg="mod">
          <ac:chgData name="White, Alex" userId="eff6cc8c-37d8-483b-9c6c-6b27e9afa9bc" providerId="ADAL" clId="{BF04C754-5BF4-4E83-9615-DB14FA25AF8A}" dt="2023-10-12T11:35:15.531" v="252"/>
          <ac:spMkLst>
            <pc:docMk/>
            <pc:sldMk cId="2376958513" sldId="260"/>
            <ac:spMk id="435" creationId="{D72E4BAA-0F65-8CAB-B710-A36FE3AE7835}"/>
          </ac:spMkLst>
        </pc:spChg>
        <pc:spChg chg="mod">
          <ac:chgData name="White, Alex" userId="eff6cc8c-37d8-483b-9c6c-6b27e9afa9bc" providerId="ADAL" clId="{BF04C754-5BF4-4E83-9615-DB14FA25AF8A}" dt="2023-10-12T11:35:15.531" v="252"/>
          <ac:spMkLst>
            <pc:docMk/>
            <pc:sldMk cId="2376958513" sldId="260"/>
            <ac:spMk id="436" creationId="{FDA1E40F-9D6F-F0EE-C868-07EC9106E86B}"/>
          </ac:spMkLst>
        </pc:spChg>
        <pc:spChg chg="mod">
          <ac:chgData name="White, Alex" userId="eff6cc8c-37d8-483b-9c6c-6b27e9afa9bc" providerId="ADAL" clId="{BF04C754-5BF4-4E83-9615-DB14FA25AF8A}" dt="2023-10-12T11:35:15.531" v="252"/>
          <ac:spMkLst>
            <pc:docMk/>
            <pc:sldMk cId="2376958513" sldId="260"/>
            <ac:spMk id="437" creationId="{4957F093-19CE-4B9A-0235-1277ACD45FB2}"/>
          </ac:spMkLst>
        </pc:spChg>
        <pc:spChg chg="mod">
          <ac:chgData name="White, Alex" userId="eff6cc8c-37d8-483b-9c6c-6b27e9afa9bc" providerId="ADAL" clId="{BF04C754-5BF4-4E83-9615-DB14FA25AF8A}" dt="2023-10-12T11:35:15.531" v="252"/>
          <ac:spMkLst>
            <pc:docMk/>
            <pc:sldMk cId="2376958513" sldId="260"/>
            <ac:spMk id="438" creationId="{D0F87BE6-2FCC-6B25-E9B7-DA503AFCD17C}"/>
          </ac:spMkLst>
        </pc:spChg>
        <pc:spChg chg="mod">
          <ac:chgData name="White, Alex" userId="eff6cc8c-37d8-483b-9c6c-6b27e9afa9bc" providerId="ADAL" clId="{BF04C754-5BF4-4E83-9615-DB14FA25AF8A}" dt="2023-10-12T11:35:15.531" v="252"/>
          <ac:spMkLst>
            <pc:docMk/>
            <pc:sldMk cId="2376958513" sldId="260"/>
            <ac:spMk id="439" creationId="{18E763BF-F222-2523-612B-FABFC17D1896}"/>
          </ac:spMkLst>
        </pc:spChg>
        <pc:spChg chg="mod">
          <ac:chgData name="White, Alex" userId="eff6cc8c-37d8-483b-9c6c-6b27e9afa9bc" providerId="ADAL" clId="{BF04C754-5BF4-4E83-9615-DB14FA25AF8A}" dt="2023-10-12T11:35:15.531" v="252"/>
          <ac:spMkLst>
            <pc:docMk/>
            <pc:sldMk cId="2376958513" sldId="260"/>
            <ac:spMk id="440" creationId="{082CA1FF-6BDA-3CA7-4956-5D58EF6163AB}"/>
          </ac:spMkLst>
        </pc:spChg>
        <pc:spChg chg="mod">
          <ac:chgData name="White, Alex" userId="eff6cc8c-37d8-483b-9c6c-6b27e9afa9bc" providerId="ADAL" clId="{BF04C754-5BF4-4E83-9615-DB14FA25AF8A}" dt="2023-10-12T11:35:15.531" v="252"/>
          <ac:spMkLst>
            <pc:docMk/>
            <pc:sldMk cId="2376958513" sldId="260"/>
            <ac:spMk id="441" creationId="{1BDA3AF1-2A58-AF5B-8AA9-8EBF7B1C6686}"/>
          </ac:spMkLst>
        </pc:spChg>
        <pc:spChg chg="mod">
          <ac:chgData name="White, Alex" userId="eff6cc8c-37d8-483b-9c6c-6b27e9afa9bc" providerId="ADAL" clId="{BF04C754-5BF4-4E83-9615-DB14FA25AF8A}" dt="2023-10-12T11:35:15.531" v="252"/>
          <ac:spMkLst>
            <pc:docMk/>
            <pc:sldMk cId="2376958513" sldId="260"/>
            <ac:spMk id="442" creationId="{4A9FFAF3-F69C-E553-F76C-564454EA014B}"/>
          </ac:spMkLst>
        </pc:spChg>
        <pc:spChg chg="mod">
          <ac:chgData name="White, Alex" userId="eff6cc8c-37d8-483b-9c6c-6b27e9afa9bc" providerId="ADAL" clId="{BF04C754-5BF4-4E83-9615-DB14FA25AF8A}" dt="2023-10-12T11:35:15.531" v="252"/>
          <ac:spMkLst>
            <pc:docMk/>
            <pc:sldMk cId="2376958513" sldId="260"/>
            <ac:spMk id="443" creationId="{C109FA94-C462-3BE4-9078-95FA46221A35}"/>
          </ac:spMkLst>
        </pc:spChg>
        <pc:spChg chg="mod">
          <ac:chgData name="White, Alex" userId="eff6cc8c-37d8-483b-9c6c-6b27e9afa9bc" providerId="ADAL" clId="{BF04C754-5BF4-4E83-9615-DB14FA25AF8A}" dt="2023-10-12T11:35:15.531" v="252"/>
          <ac:spMkLst>
            <pc:docMk/>
            <pc:sldMk cId="2376958513" sldId="260"/>
            <ac:spMk id="444" creationId="{00377DDF-0CF9-25DA-8502-06189974742D}"/>
          </ac:spMkLst>
        </pc:spChg>
        <pc:spChg chg="mod">
          <ac:chgData name="White, Alex" userId="eff6cc8c-37d8-483b-9c6c-6b27e9afa9bc" providerId="ADAL" clId="{BF04C754-5BF4-4E83-9615-DB14FA25AF8A}" dt="2023-10-12T11:35:15.531" v="252"/>
          <ac:spMkLst>
            <pc:docMk/>
            <pc:sldMk cId="2376958513" sldId="260"/>
            <ac:spMk id="445" creationId="{E621DF3F-5FEC-6D5C-B73C-75C2B9DA1B96}"/>
          </ac:spMkLst>
        </pc:spChg>
        <pc:spChg chg="mod">
          <ac:chgData name="White, Alex" userId="eff6cc8c-37d8-483b-9c6c-6b27e9afa9bc" providerId="ADAL" clId="{BF04C754-5BF4-4E83-9615-DB14FA25AF8A}" dt="2023-10-12T11:35:15.531" v="252"/>
          <ac:spMkLst>
            <pc:docMk/>
            <pc:sldMk cId="2376958513" sldId="260"/>
            <ac:spMk id="446" creationId="{08D347EE-60C2-C3FB-C19D-BF0CB6158DC9}"/>
          </ac:spMkLst>
        </pc:spChg>
        <pc:spChg chg="mod">
          <ac:chgData name="White, Alex" userId="eff6cc8c-37d8-483b-9c6c-6b27e9afa9bc" providerId="ADAL" clId="{BF04C754-5BF4-4E83-9615-DB14FA25AF8A}" dt="2023-10-12T11:35:15.531" v="252"/>
          <ac:spMkLst>
            <pc:docMk/>
            <pc:sldMk cId="2376958513" sldId="260"/>
            <ac:spMk id="447" creationId="{91E21971-9121-FE93-B445-A14FE7822E5B}"/>
          </ac:spMkLst>
        </pc:spChg>
        <pc:spChg chg="mod">
          <ac:chgData name="White, Alex" userId="eff6cc8c-37d8-483b-9c6c-6b27e9afa9bc" providerId="ADAL" clId="{BF04C754-5BF4-4E83-9615-DB14FA25AF8A}" dt="2023-10-12T11:35:15.531" v="252"/>
          <ac:spMkLst>
            <pc:docMk/>
            <pc:sldMk cId="2376958513" sldId="260"/>
            <ac:spMk id="448" creationId="{679D488C-66B7-57DB-4940-364422484F9E}"/>
          </ac:spMkLst>
        </pc:spChg>
        <pc:spChg chg="mod">
          <ac:chgData name="White, Alex" userId="eff6cc8c-37d8-483b-9c6c-6b27e9afa9bc" providerId="ADAL" clId="{BF04C754-5BF4-4E83-9615-DB14FA25AF8A}" dt="2023-10-12T11:35:15.531" v="252"/>
          <ac:spMkLst>
            <pc:docMk/>
            <pc:sldMk cId="2376958513" sldId="260"/>
            <ac:spMk id="449" creationId="{313D755D-272B-83C7-2935-4907DCF450A8}"/>
          </ac:spMkLst>
        </pc:spChg>
        <pc:spChg chg="mod">
          <ac:chgData name="White, Alex" userId="eff6cc8c-37d8-483b-9c6c-6b27e9afa9bc" providerId="ADAL" clId="{BF04C754-5BF4-4E83-9615-DB14FA25AF8A}" dt="2023-10-12T11:35:15.531" v="252"/>
          <ac:spMkLst>
            <pc:docMk/>
            <pc:sldMk cId="2376958513" sldId="260"/>
            <ac:spMk id="450" creationId="{FC27B245-593D-FCFC-FEC6-4784567B4B51}"/>
          </ac:spMkLst>
        </pc:spChg>
        <pc:spChg chg="mod">
          <ac:chgData name="White, Alex" userId="eff6cc8c-37d8-483b-9c6c-6b27e9afa9bc" providerId="ADAL" clId="{BF04C754-5BF4-4E83-9615-DB14FA25AF8A}" dt="2023-10-12T11:35:15.531" v="252"/>
          <ac:spMkLst>
            <pc:docMk/>
            <pc:sldMk cId="2376958513" sldId="260"/>
            <ac:spMk id="451" creationId="{E4462ACA-1F81-710F-3B04-E83C23F7DFD7}"/>
          </ac:spMkLst>
        </pc:spChg>
        <pc:spChg chg="mod">
          <ac:chgData name="White, Alex" userId="eff6cc8c-37d8-483b-9c6c-6b27e9afa9bc" providerId="ADAL" clId="{BF04C754-5BF4-4E83-9615-DB14FA25AF8A}" dt="2023-10-12T11:35:15.531" v="252"/>
          <ac:spMkLst>
            <pc:docMk/>
            <pc:sldMk cId="2376958513" sldId="260"/>
            <ac:spMk id="452" creationId="{7B25E2D4-EBC6-8080-64C5-0C5DB040D519}"/>
          </ac:spMkLst>
        </pc:spChg>
        <pc:spChg chg="mod">
          <ac:chgData name="White, Alex" userId="eff6cc8c-37d8-483b-9c6c-6b27e9afa9bc" providerId="ADAL" clId="{BF04C754-5BF4-4E83-9615-DB14FA25AF8A}" dt="2023-10-12T11:35:15.531" v="252"/>
          <ac:spMkLst>
            <pc:docMk/>
            <pc:sldMk cId="2376958513" sldId="260"/>
            <ac:spMk id="453" creationId="{C62FB69F-9C2A-18EB-7942-9CB1D7D647C5}"/>
          </ac:spMkLst>
        </pc:spChg>
        <pc:spChg chg="mod">
          <ac:chgData name="White, Alex" userId="eff6cc8c-37d8-483b-9c6c-6b27e9afa9bc" providerId="ADAL" clId="{BF04C754-5BF4-4E83-9615-DB14FA25AF8A}" dt="2023-10-12T11:35:15.531" v="252"/>
          <ac:spMkLst>
            <pc:docMk/>
            <pc:sldMk cId="2376958513" sldId="260"/>
            <ac:spMk id="454" creationId="{5C3179FF-51DA-8DA1-CFFE-FA3F178E869B}"/>
          </ac:spMkLst>
        </pc:spChg>
        <pc:spChg chg="mod">
          <ac:chgData name="White, Alex" userId="eff6cc8c-37d8-483b-9c6c-6b27e9afa9bc" providerId="ADAL" clId="{BF04C754-5BF4-4E83-9615-DB14FA25AF8A}" dt="2023-10-12T11:35:15.531" v="252"/>
          <ac:spMkLst>
            <pc:docMk/>
            <pc:sldMk cId="2376958513" sldId="260"/>
            <ac:spMk id="455" creationId="{6C7010CF-B845-EE5D-3292-2DF035CFC4D8}"/>
          </ac:spMkLst>
        </pc:spChg>
        <pc:spChg chg="mod">
          <ac:chgData name="White, Alex" userId="eff6cc8c-37d8-483b-9c6c-6b27e9afa9bc" providerId="ADAL" clId="{BF04C754-5BF4-4E83-9615-DB14FA25AF8A}" dt="2023-10-12T11:35:15.531" v="252"/>
          <ac:spMkLst>
            <pc:docMk/>
            <pc:sldMk cId="2376958513" sldId="260"/>
            <ac:spMk id="456" creationId="{BAEADD24-571E-5D10-8096-29FF9A52C98C}"/>
          </ac:spMkLst>
        </pc:spChg>
        <pc:spChg chg="mod">
          <ac:chgData name="White, Alex" userId="eff6cc8c-37d8-483b-9c6c-6b27e9afa9bc" providerId="ADAL" clId="{BF04C754-5BF4-4E83-9615-DB14FA25AF8A}" dt="2023-10-12T11:35:15.531" v="252"/>
          <ac:spMkLst>
            <pc:docMk/>
            <pc:sldMk cId="2376958513" sldId="260"/>
            <ac:spMk id="457" creationId="{9EF5341E-21A4-0BE4-738D-EE2B8BE2CB7B}"/>
          </ac:spMkLst>
        </pc:spChg>
        <pc:spChg chg="mod">
          <ac:chgData name="White, Alex" userId="eff6cc8c-37d8-483b-9c6c-6b27e9afa9bc" providerId="ADAL" clId="{BF04C754-5BF4-4E83-9615-DB14FA25AF8A}" dt="2023-10-12T11:35:15.531" v="252"/>
          <ac:spMkLst>
            <pc:docMk/>
            <pc:sldMk cId="2376958513" sldId="260"/>
            <ac:spMk id="458" creationId="{5763D93F-509A-67FB-253D-AB415AE5A372}"/>
          </ac:spMkLst>
        </pc:spChg>
        <pc:spChg chg="mod">
          <ac:chgData name="White, Alex" userId="eff6cc8c-37d8-483b-9c6c-6b27e9afa9bc" providerId="ADAL" clId="{BF04C754-5BF4-4E83-9615-DB14FA25AF8A}" dt="2023-10-12T11:35:15.531" v="252"/>
          <ac:spMkLst>
            <pc:docMk/>
            <pc:sldMk cId="2376958513" sldId="260"/>
            <ac:spMk id="459" creationId="{F325A471-8FC8-92CE-4CB8-F0BDD8F6F549}"/>
          </ac:spMkLst>
        </pc:spChg>
        <pc:spChg chg="mod">
          <ac:chgData name="White, Alex" userId="eff6cc8c-37d8-483b-9c6c-6b27e9afa9bc" providerId="ADAL" clId="{BF04C754-5BF4-4E83-9615-DB14FA25AF8A}" dt="2023-10-12T11:35:15.531" v="252"/>
          <ac:spMkLst>
            <pc:docMk/>
            <pc:sldMk cId="2376958513" sldId="260"/>
            <ac:spMk id="460" creationId="{A0C9DCBD-4854-8EAE-EC07-F5CB3A7A99A5}"/>
          </ac:spMkLst>
        </pc:spChg>
        <pc:spChg chg="mod">
          <ac:chgData name="White, Alex" userId="eff6cc8c-37d8-483b-9c6c-6b27e9afa9bc" providerId="ADAL" clId="{BF04C754-5BF4-4E83-9615-DB14FA25AF8A}" dt="2023-10-12T11:35:15.531" v="252"/>
          <ac:spMkLst>
            <pc:docMk/>
            <pc:sldMk cId="2376958513" sldId="260"/>
            <ac:spMk id="461" creationId="{5581F042-3C2B-F4DF-0336-1E96BE42031F}"/>
          </ac:spMkLst>
        </pc:spChg>
        <pc:spChg chg="mod">
          <ac:chgData name="White, Alex" userId="eff6cc8c-37d8-483b-9c6c-6b27e9afa9bc" providerId="ADAL" clId="{BF04C754-5BF4-4E83-9615-DB14FA25AF8A}" dt="2023-10-12T11:35:15.531" v="252"/>
          <ac:spMkLst>
            <pc:docMk/>
            <pc:sldMk cId="2376958513" sldId="260"/>
            <ac:spMk id="462" creationId="{99A8F1DA-F7EB-039F-301D-C4C0A02DA30D}"/>
          </ac:spMkLst>
        </pc:spChg>
        <pc:spChg chg="mod">
          <ac:chgData name="White, Alex" userId="eff6cc8c-37d8-483b-9c6c-6b27e9afa9bc" providerId="ADAL" clId="{BF04C754-5BF4-4E83-9615-DB14FA25AF8A}" dt="2023-10-12T11:35:15.531" v="252"/>
          <ac:spMkLst>
            <pc:docMk/>
            <pc:sldMk cId="2376958513" sldId="260"/>
            <ac:spMk id="463" creationId="{9B0F564B-E348-43CF-8F25-1966CCB9898C}"/>
          </ac:spMkLst>
        </pc:spChg>
        <pc:spChg chg="mod">
          <ac:chgData name="White, Alex" userId="eff6cc8c-37d8-483b-9c6c-6b27e9afa9bc" providerId="ADAL" clId="{BF04C754-5BF4-4E83-9615-DB14FA25AF8A}" dt="2023-10-12T11:35:15.531" v="252"/>
          <ac:spMkLst>
            <pc:docMk/>
            <pc:sldMk cId="2376958513" sldId="260"/>
            <ac:spMk id="464" creationId="{3D7BE246-5F0F-C30C-0C46-6992EFD0030C}"/>
          </ac:spMkLst>
        </pc:spChg>
        <pc:spChg chg="mod">
          <ac:chgData name="White, Alex" userId="eff6cc8c-37d8-483b-9c6c-6b27e9afa9bc" providerId="ADAL" clId="{BF04C754-5BF4-4E83-9615-DB14FA25AF8A}" dt="2023-10-12T11:35:26.005" v="254"/>
          <ac:spMkLst>
            <pc:docMk/>
            <pc:sldMk cId="2376958513" sldId="260"/>
            <ac:spMk id="466" creationId="{EBC6C846-B668-EB51-F960-456D14BBFEFB}"/>
          </ac:spMkLst>
        </pc:spChg>
        <pc:spChg chg="mod">
          <ac:chgData name="White, Alex" userId="eff6cc8c-37d8-483b-9c6c-6b27e9afa9bc" providerId="ADAL" clId="{BF04C754-5BF4-4E83-9615-DB14FA25AF8A}" dt="2023-10-12T11:35:26.005" v="254"/>
          <ac:spMkLst>
            <pc:docMk/>
            <pc:sldMk cId="2376958513" sldId="260"/>
            <ac:spMk id="467" creationId="{5AB74C38-DFF3-9FC3-80BB-5AB3641DE45A}"/>
          </ac:spMkLst>
        </pc:spChg>
        <pc:spChg chg="mod">
          <ac:chgData name="White, Alex" userId="eff6cc8c-37d8-483b-9c6c-6b27e9afa9bc" providerId="ADAL" clId="{BF04C754-5BF4-4E83-9615-DB14FA25AF8A}" dt="2023-10-12T11:35:26.005" v="254"/>
          <ac:spMkLst>
            <pc:docMk/>
            <pc:sldMk cId="2376958513" sldId="260"/>
            <ac:spMk id="468" creationId="{2802EE1B-6606-6C84-8253-30FBC29D6B96}"/>
          </ac:spMkLst>
        </pc:spChg>
        <pc:spChg chg="mod">
          <ac:chgData name="White, Alex" userId="eff6cc8c-37d8-483b-9c6c-6b27e9afa9bc" providerId="ADAL" clId="{BF04C754-5BF4-4E83-9615-DB14FA25AF8A}" dt="2023-10-12T11:35:26.005" v="254"/>
          <ac:spMkLst>
            <pc:docMk/>
            <pc:sldMk cId="2376958513" sldId="260"/>
            <ac:spMk id="469" creationId="{0CC2442C-6F77-BA9D-01D0-93E02ED63C2B}"/>
          </ac:spMkLst>
        </pc:spChg>
        <pc:spChg chg="mod">
          <ac:chgData name="White, Alex" userId="eff6cc8c-37d8-483b-9c6c-6b27e9afa9bc" providerId="ADAL" clId="{BF04C754-5BF4-4E83-9615-DB14FA25AF8A}" dt="2023-10-12T11:35:26.005" v="254"/>
          <ac:spMkLst>
            <pc:docMk/>
            <pc:sldMk cId="2376958513" sldId="260"/>
            <ac:spMk id="470" creationId="{3C90E248-6530-581D-AE3B-B0455DDEC70D}"/>
          </ac:spMkLst>
        </pc:spChg>
        <pc:spChg chg="mod">
          <ac:chgData name="White, Alex" userId="eff6cc8c-37d8-483b-9c6c-6b27e9afa9bc" providerId="ADAL" clId="{BF04C754-5BF4-4E83-9615-DB14FA25AF8A}" dt="2023-10-12T11:35:26.005" v="254"/>
          <ac:spMkLst>
            <pc:docMk/>
            <pc:sldMk cId="2376958513" sldId="260"/>
            <ac:spMk id="471" creationId="{31EE4356-1ED3-3F56-92CA-2B180E29C7E1}"/>
          </ac:spMkLst>
        </pc:spChg>
        <pc:spChg chg="mod">
          <ac:chgData name="White, Alex" userId="eff6cc8c-37d8-483b-9c6c-6b27e9afa9bc" providerId="ADAL" clId="{BF04C754-5BF4-4E83-9615-DB14FA25AF8A}" dt="2023-10-12T11:35:26.005" v="254"/>
          <ac:spMkLst>
            <pc:docMk/>
            <pc:sldMk cId="2376958513" sldId="260"/>
            <ac:spMk id="472" creationId="{491F0761-879B-1137-D791-4EFB85B0A695}"/>
          </ac:spMkLst>
        </pc:spChg>
        <pc:spChg chg="mod">
          <ac:chgData name="White, Alex" userId="eff6cc8c-37d8-483b-9c6c-6b27e9afa9bc" providerId="ADAL" clId="{BF04C754-5BF4-4E83-9615-DB14FA25AF8A}" dt="2023-10-12T11:35:26.005" v="254"/>
          <ac:spMkLst>
            <pc:docMk/>
            <pc:sldMk cId="2376958513" sldId="260"/>
            <ac:spMk id="473" creationId="{85480EED-226A-32BD-C87C-D0AEB31B486E}"/>
          </ac:spMkLst>
        </pc:spChg>
        <pc:spChg chg="mod">
          <ac:chgData name="White, Alex" userId="eff6cc8c-37d8-483b-9c6c-6b27e9afa9bc" providerId="ADAL" clId="{BF04C754-5BF4-4E83-9615-DB14FA25AF8A}" dt="2023-10-12T11:35:26.005" v="254"/>
          <ac:spMkLst>
            <pc:docMk/>
            <pc:sldMk cId="2376958513" sldId="260"/>
            <ac:spMk id="474" creationId="{C75FA8CA-DEF2-AF67-D375-8E4290105553}"/>
          </ac:spMkLst>
        </pc:spChg>
        <pc:spChg chg="mod">
          <ac:chgData name="White, Alex" userId="eff6cc8c-37d8-483b-9c6c-6b27e9afa9bc" providerId="ADAL" clId="{BF04C754-5BF4-4E83-9615-DB14FA25AF8A}" dt="2023-10-12T11:35:26.005" v="254"/>
          <ac:spMkLst>
            <pc:docMk/>
            <pc:sldMk cId="2376958513" sldId="260"/>
            <ac:spMk id="475" creationId="{7B8BE189-447D-C1A6-FD81-CC826BB36CC7}"/>
          </ac:spMkLst>
        </pc:spChg>
        <pc:spChg chg="mod">
          <ac:chgData name="White, Alex" userId="eff6cc8c-37d8-483b-9c6c-6b27e9afa9bc" providerId="ADAL" clId="{BF04C754-5BF4-4E83-9615-DB14FA25AF8A}" dt="2023-10-12T11:35:26.005" v="254"/>
          <ac:spMkLst>
            <pc:docMk/>
            <pc:sldMk cId="2376958513" sldId="260"/>
            <ac:spMk id="476" creationId="{89A5A815-7287-B6BE-7E35-C7EFE30D2330}"/>
          </ac:spMkLst>
        </pc:spChg>
        <pc:spChg chg="mod">
          <ac:chgData name="White, Alex" userId="eff6cc8c-37d8-483b-9c6c-6b27e9afa9bc" providerId="ADAL" clId="{BF04C754-5BF4-4E83-9615-DB14FA25AF8A}" dt="2023-10-12T11:35:26.005" v="254"/>
          <ac:spMkLst>
            <pc:docMk/>
            <pc:sldMk cId="2376958513" sldId="260"/>
            <ac:spMk id="477" creationId="{F1E6394A-6303-E362-02E6-522B1B2279BC}"/>
          </ac:spMkLst>
        </pc:spChg>
        <pc:spChg chg="mod">
          <ac:chgData name="White, Alex" userId="eff6cc8c-37d8-483b-9c6c-6b27e9afa9bc" providerId="ADAL" clId="{BF04C754-5BF4-4E83-9615-DB14FA25AF8A}" dt="2023-10-12T11:35:26.005" v="254"/>
          <ac:spMkLst>
            <pc:docMk/>
            <pc:sldMk cId="2376958513" sldId="260"/>
            <ac:spMk id="478" creationId="{B22C9E34-BC1D-299A-CE6D-2DC33B6E8174}"/>
          </ac:spMkLst>
        </pc:spChg>
        <pc:spChg chg="mod">
          <ac:chgData name="White, Alex" userId="eff6cc8c-37d8-483b-9c6c-6b27e9afa9bc" providerId="ADAL" clId="{BF04C754-5BF4-4E83-9615-DB14FA25AF8A}" dt="2023-10-12T11:35:26.005" v="254"/>
          <ac:spMkLst>
            <pc:docMk/>
            <pc:sldMk cId="2376958513" sldId="260"/>
            <ac:spMk id="479" creationId="{43F99878-16A7-9C76-9D4D-AAD6D8C60E06}"/>
          </ac:spMkLst>
        </pc:spChg>
        <pc:spChg chg="mod">
          <ac:chgData name="White, Alex" userId="eff6cc8c-37d8-483b-9c6c-6b27e9afa9bc" providerId="ADAL" clId="{BF04C754-5BF4-4E83-9615-DB14FA25AF8A}" dt="2023-10-12T11:35:26.005" v="254"/>
          <ac:spMkLst>
            <pc:docMk/>
            <pc:sldMk cId="2376958513" sldId="260"/>
            <ac:spMk id="480" creationId="{9B4F849D-2401-D377-EFFA-E0AC69F18AD0}"/>
          </ac:spMkLst>
        </pc:spChg>
        <pc:spChg chg="mod">
          <ac:chgData name="White, Alex" userId="eff6cc8c-37d8-483b-9c6c-6b27e9afa9bc" providerId="ADAL" clId="{BF04C754-5BF4-4E83-9615-DB14FA25AF8A}" dt="2023-10-12T11:35:26.005" v="254"/>
          <ac:spMkLst>
            <pc:docMk/>
            <pc:sldMk cId="2376958513" sldId="260"/>
            <ac:spMk id="481" creationId="{0072611C-CF22-52D4-6822-4B0ADBB6624C}"/>
          </ac:spMkLst>
        </pc:spChg>
        <pc:spChg chg="mod">
          <ac:chgData name="White, Alex" userId="eff6cc8c-37d8-483b-9c6c-6b27e9afa9bc" providerId="ADAL" clId="{BF04C754-5BF4-4E83-9615-DB14FA25AF8A}" dt="2023-10-12T11:35:26.005" v="254"/>
          <ac:spMkLst>
            <pc:docMk/>
            <pc:sldMk cId="2376958513" sldId="260"/>
            <ac:spMk id="482" creationId="{F628D098-2CF3-DB09-D5B1-25C9B1427299}"/>
          </ac:spMkLst>
        </pc:spChg>
        <pc:spChg chg="mod">
          <ac:chgData name="White, Alex" userId="eff6cc8c-37d8-483b-9c6c-6b27e9afa9bc" providerId="ADAL" clId="{BF04C754-5BF4-4E83-9615-DB14FA25AF8A}" dt="2023-10-12T11:35:26.005" v="254"/>
          <ac:spMkLst>
            <pc:docMk/>
            <pc:sldMk cId="2376958513" sldId="260"/>
            <ac:spMk id="483" creationId="{60D6CC1D-5409-1E5A-1C92-50CB22F13B67}"/>
          </ac:spMkLst>
        </pc:spChg>
        <pc:spChg chg="mod">
          <ac:chgData name="White, Alex" userId="eff6cc8c-37d8-483b-9c6c-6b27e9afa9bc" providerId="ADAL" clId="{BF04C754-5BF4-4E83-9615-DB14FA25AF8A}" dt="2023-10-12T11:35:26.005" v="254"/>
          <ac:spMkLst>
            <pc:docMk/>
            <pc:sldMk cId="2376958513" sldId="260"/>
            <ac:spMk id="484" creationId="{52AADE84-53A2-D500-DB53-61EF0A86582A}"/>
          </ac:spMkLst>
        </pc:spChg>
        <pc:spChg chg="mod">
          <ac:chgData name="White, Alex" userId="eff6cc8c-37d8-483b-9c6c-6b27e9afa9bc" providerId="ADAL" clId="{BF04C754-5BF4-4E83-9615-DB14FA25AF8A}" dt="2023-10-12T11:35:26.005" v="254"/>
          <ac:spMkLst>
            <pc:docMk/>
            <pc:sldMk cId="2376958513" sldId="260"/>
            <ac:spMk id="485" creationId="{36DADFD8-A9F2-AB1E-830E-69A3855FBD1E}"/>
          </ac:spMkLst>
        </pc:spChg>
        <pc:spChg chg="mod">
          <ac:chgData name="White, Alex" userId="eff6cc8c-37d8-483b-9c6c-6b27e9afa9bc" providerId="ADAL" clId="{BF04C754-5BF4-4E83-9615-DB14FA25AF8A}" dt="2023-10-12T11:35:26.005" v="254"/>
          <ac:spMkLst>
            <pc:docMk/>
            <pc:sldMk cId="2376958513" sldId="260"/>
            <ac:spMk id="486" creationId="{03B3441E-E51A-EEC0-0820-9A5123AAC597}"/>
          </ac:spMkLst>
        </pc:spChg>
        <pc:spChg chg="mod">
          <ac:chgData name="White, Alex" userId="eff6cc8c-37d8-483b-9c6c-6b27e9afa9bc" providerId="ADAL" clId="{BF04C754-5BF4-4E83-9615-DB14FA25AF8A}" dt="2023-10-12T11:35:26.005" v="254"/>
          <ac:spMkLst>
            <pc:docMk/>
            <pc:sldMk cId="2376958513" sldId="260"/>
            <ac:spMk id="487" creationId="{6BB16C5A-9F42-C860-6107-AF8117184F21}"/>
          </ac:spMkLst>
        </pc:spChg>
        <pc:spChg chg="mod">
          <ac:chgData name="White, Alex" userId="eff6cc8c-37d8-483b-9c6c-6b27e9afa9bc" providerId="ADAL" clId="{BF04C754-5BF4-4E83-9615-DB14FA25AF8A}" dt="2023-10-12T11:35:26.005" v="254"/>
          <ac:spMkLst>
            <pc:docMk/>
            <pc:sldMk cId="2376958513" sldId="260"/>
            <ac:spMk id="488" creationId="{E301B3B9-9058-8F4D-655A-BA105F7BD657}"/>
          </ac:spMkLst>
        </pc:spChg>
        <pc:spChg chg="mod">
          <ac:chgData name="White, Alex" userId="eff6cc8c-37d8-483b-9c6c-6b27e9afa9bc" providerId="ADAL" clId="{BF04C754-5BF4-4E83-9615-DB14FA25AF8A}" dt="2023-10-12T11:35:26.005" v="254"/>
          <ac:spMkLst>
            <pc:docMk/>
            <pc:sldMk cId="2376958513" sldId="260"/>
            <ac:spMk id="489" creationId="{DD085C21-A47E-AF20-0F8B-0A42DB7611C9}"/>
          </ac:spMkLst>
        </pc:spChg>
        <pc:spChg chg="mod">
          <ac:chgData name="White, Alex" userId="eff6cc8c-37d8-483b-9c6c-6b27e9afa9bc" providerId="ADAL" clId="{BF04C754-5BF4-4E83-9615-DB14FA25AF8A}" dt="2023-10-12T11:35:26.005" v="254"/>
          <ac:spMkLst>
            <pc:docMk/>
            <pc:sldMk cId="2376958513" sldId="260"/>
            <ac:spMk id="490" creationId="{38755E28-B1E9-4E2B-A190-9DCAF76998AA}"/>
          </ac:spMkLst>
        </pc:spChg>
        <pc:spChg chg="mod">
          <ac:chgData name="White, Alex" userId="eff6cc8c-37d8-483b-9c6c-6b27e9afa9bc" providerId="ADAL" clId="{BF04C754-5BF4-4E83-9615-DB14FA25AF8A}" dt="2023-10-12T11:35:26.005" v="254"/>
          <ac:spMkLst>
            <pc:docMk/>
            <pc:sldMk cId="2376958513" sldId="260"/>
            <ac:spMk id="491" creationId="{363F577A-BBC5-8D52-D2D3-0C155B32B4C7}"/>
          </ac:spMkLst>
        </pc:spChg>
        <pc:spChg chg="mod">
          <ac:chgData name="White, Alex" userId="eff6cc8c-37d8-483b-9c6c-6b27e9afa9bc" providerId="ADAL" clId="{BF04C754-5BF4-4E83-9615-DB14FA25AF8A}" dt="2023-10-12T11:35:26.005" v="254"/>
          <ac:spMkLst>
            <pc:docMk/>
            <pc:sldMk cId="2376958513" sldId="260"/>
            <ac:spMk id="492" creationId="{325E43A3-BE34-573B-7B5F-26606E0BB4E5}"/>
          </ac:spMkLst>
        </pc:spChg>
        <pc:spChg chg="mod">
          <ac:chgData name="White, Alex" userId="eff6cc8c-37d8-483b-9c6c-6b27e9afa9bc" providerId="ADAL" clId="{BF04C754-5BF4-4E83-9615-DB14FA25AF8A}" dt="2023-10-12T11:35:26.005" v="254"/>
          <ac:spMkLst>
            <pc:docMk/>
            <pc:sldMk cId="2376958513" sldId="260"/>
            <ac:spMk id="493" creationId="{967B850E-1DC9-2D2B-FD06-28EC49D1CE79}"/>
          </ac:spMkLst>
        </pc:spChg>
        <pc:spChg chg="mod">
          <ac:chgData name="White, Alex" userId="eff6cc8c-37d8-483b-9c6c-6b27e9afa9bc" providerId="ADAL" clId="{BF04C754-5BF4-4E83-9615-DB14FA25AF8A}" dt="2023-10-12T11:35:26.005" v="254"/>
          <ac:spMkLst>
            <pc:docMk/>
            <pc:sldMk cId="2376958513" sldId="260"/>
            <ac:spMk id="494" creationId="{0798C21E-9DC9-3E4F-360A-31DAB7F7703E}"/>
          </ac:spMkLst>
        </pc:spChg>
        <pc:spChg chg="mod">
          <ac:chgData name="White, Alex" userId="eff6cc8c-37d8-483b-9c6c-6b27e9afa9bc" providerId="ADAL" clId="{BF04C754-5BF4-4E83-9615-DB14FA25AF8A}" dt="2023-10-12T11:35:26.005" v="254"/>
          <ac:spMkLst>
            <pc:docMk/>
            <pc:sldMk cId="2376958513" sldId="260"/>
            <ac:spMk id="495" creationId="{7DF5071A-6484-FFA9-023A-B2451346E82B}"/>
          </ac:spMkLst>
        </pc:spChg>
        <pc:spChg chg="mod">
          <ac:chgData name="White, Alex" userId="eff6cc8c-37d8-483b-9c6c-6b27e9afa9bc" providerId="ADAL" clId="{BF04C754-5BF4-4E83-9615-DB14FA25AF8A}" dt="2023-10-12T11:35:26.005" v="254"/>
          <ac:spMkLst>
            <pc:docMk/>
            <pc:sldMk cId="2376958513" sldId="260"/>
            <ac:spMk id="496" creationId="{94941AC0-944C-5499-F4FD-4434D1A99F22}"/>
          </ac:spMkLst>
        </pc:spChg>
        <pc:spChg chg="mod">
          <ac:chgData name="White, Alex" userId="eff6cc8c-37d8-483b-9c6c-6b27e9afa9bc" providerId="ADAL" clId="{BF04C754-5BF4-4E83-9615-DB14FA25AF8A}" dt="2023-10-12T11:35:26.005" v="254"/>
          <ac:spMkLst>
            <pc:docMk/>
            <pc:sldMk cId="2376958513" sldId="260"/>
            <ac:spMk id="497" creationId="{A17C1B76-200D-B8F8-72FB-06CEE8E951EC}"/>
          </ac:spMkLst>
        </pc:spChg>
        <pc:spChg chg="mod">
          <ac:chgData name="White, Alex" userId="eff6cc8c-37d8-483b-9c6c-6b27e9afa9bc" providerId="ADAL" clId="{BF04C754-5BF4-4E83-9615-DB14FA25AF8A}" dt="2023-10-12T11:35:26.005" v="254"/>
          <ac:spMkLst>
            <pc:docMk/>
            <pc:sldMk cId="2376958513" sldId="260"/>
            <ac:spMk id="498" creationId="{F45E75D6-37E4-3BC6-C7C7-4D11584471AC}"/>
          </ac:spMkLst>
        </pc:spChg>
        <pc:spChg chg="mod">
          <ac:chgData name="White, Alex" userId="eff6cc8c-37d8-483b-9c6c-6b27e9afa9bc" providerId="ADAL" clId="{BF04C754-5BF4-4E83-9615-DB14FA25AF8A}" dt="2023-10-12T11:35:26.005" v="254"/>
          <ac:spMkLst>
            <pc:docMk/>
            <pc:sldMk cId="2376958513" sldId="260"/>
            <ac:spMk id="499" creationId="{51C65C74-87ED-22C5-2763-FDCB88CD2A1A}"/>
          </ac:spMkLst>
        </pc:spChg>
        <pc:spChg chg="mod">
          <ac:chgData name="White, Alex" userId="eff6cc8c-37d8-483b-9c6c-6b27e9afa9bc" providerId="ADAL" clId="{BF04C754-5BF4-4E83-9615-DB14FA25AF8A}" dt="2023-10-12T11:35:26.005" v="254"/>
          <ac:spMkLst>
            <pc:docMk/>
            <pc:sldMk cId="2376958513" sldId="260"/>
            <ac:spMk id="500" creationId="{8F270B67-D657-F779-03C6-F8AC2B8019DA}"/>
          </ac:spMkLst>
        </pc:spChg>
        <pc:spChg chg="mod">
          <ac:chgData name="White, Alex" userId="eff6cc8c-37d8-483b-9c6c-6b27e9afa9bc" providerId="ADAL" clId="{BF04C754-5BF4-4E83-9615-DB14FA25AF8A}" dt="2023-10-12T11:35:26.005" v="254"/>
          <ac:spMkLst>
            <pc:docMk/>
            <pc:sldMk cId="2376958513" sldId="260"/>
            <ac:spMk id="501" creationId="{8998079E-4F85-C4AA-F4CC-65338FEA49BA}"/>
          </ac:spMkLst>
        </pc:spChg>
        <pc:spChg chg="mod">
          <ac:chgData name="White, Alex" userId="eff6cc8c-37d8-483b-9c6c-6b27e9afa9bc" providerId="ADAL" clId="{BF04C754-5BF4-4E83-9615-DB14FA25AF8A}" dt="2023-10-12T11:35:26.005" v="254"/>
          <ac:spMkLst>
            <pc:docMk/>
            <pc:sldMk cId="2376958513" sldId="260"/>
            <ac:spMk id="502" creationId="{96012473-12B4-9E8E-63C8-8BF429B01D6C}"/>
          </ac:spMkLst>
        </pc:spChg>
        <pc:spChg chg="mod">
          <ac:chgData name="White, Alex" userId="eff6cc8c-37d8-483b-9c6c-6b27e9afa9bc" providerId="ADAL" clId="{BF04C754-5BF4-4E83-9615-DB14FA25AF8A}" dt="2023-10-12T11:36:02.310" v="262" actId="1076"/>
          <ac:spMkLst>
            <pc:docMk/>
            <pc:sldMk cId="2376958513" sldId="260"/>
            <ac:spMk id="503" creationId="{A44E66A6-D464-44AC-CEB4-40008E95D2EC}"/>
          </ac:spMkLst>
        </pc:spChg>
        <pc:spChg chg="mod">
          <ac:chgData name="White, Alex" userId="eff6cc8c-37d8-483b-9c6c-6b27e9afa9bc" providerId="ADAL" clId="{BF04C754-5BF4-4E83-9615-DB14FA25AF8A}" dt="2023-10-12T11:35:26.005" v="254"/>
          <ac:spMkLst>
            <pc:docMk/>
            <pc:sldMk cId="2376958513" sldId="260"/>
            <ac:spMk id="504" creationId="{2105B5A3-724D-F9E7-78A1-820D041A7EA7}"/>
          </ac:spMkLst>
        </pc:spChg>
        <pc:spChg chg="mod">
          <ac:chgData name="White, Alex" userId="eff6cc8c-37d8-483b-9c6c-6b27e9afa9bc" providerId="ADAL" clId="{BF04C754-5BF4-4E83-9615-DB14FA25AF8A}" dt="2023-10-12T11:35:26.005" v="254"/>
          <ac:spMkLst>
            <pc:docMk/>
            <pc:sldMk cId="2376958513" sldId="260"/>
            <ac:spMk id="505" creationId="{41480339-54B6-C7EA-822A-DDA34AD9AD2D}"/>
          </ac:spMkLst>
        </pc:spChg>
        <pc:spChg chg="mod">
          <ac:chgData name="White, Alex" userId="eff6cc8c-37d8-483b-9c6c-6b27e9afa9bc" providerId="ADAL" clId="{BF04C754-5BF4-4E83-9615-DB14FA25AF8A}" dt="2023-10-12T11:35:26.005" v="254"/>
          <ac:spMkLst>
            <pc:docMk/>
            <pc:sldMk cId="2376958513" sldId="260"/>
            <ac:spMk id="506" creationId="{D0954EC8-5E28-F9F8-20EF-224AFCDEB75D}"/>
          </ac:spMkLst>
        </pc:spChg>
        <pc:spChg chg="mod">
          <ac:chgData name="White, Alex" userId="eff6cc8c-37d8-483b-9c6c-6b27e9afa9bc" providerId="ADAL" clId="{BF04C754-5BF4-4E83-9615-DB14FA25AF8A}" dt="2023-10-12T11:35:26.005" v="254"/>
          <ac:spMkLst>
            <pc:docMk/>
            <pc:sldMk cId="2376958513" sldId="260"/>
            <ac:spMk id="507" creationId="{2FDA6D77-97C5-1ABF-08C1-F7BBAD31D6FB}"/>
          </ac:spMkLst>
        </pc:spChg>
        <pc:spChg chg="mod">
          <ac:chgData name="White, Alex" userId="eff6cc8c-37d8-483b-9c6c-6b27e9afa9bc" providerId="ADAL" clId="{BF04C754-5BF4-4E83-9615-DB14FA25AF8A}" dt="2023-10-12T11:35:26.005" v="254"/>
          <ac:spMkLst>
            <pc:docMk/>
            <pc:sldMk cId="2376958513" sldId="260"/>
            <ac:spMk id="508" creationId="{44332715-7217-9AB8-BB04-903FA5DF7CAC}"/>
          </ac:spMkLst>
        </pc:spChg>
        <pc:spChg chg="mod">
          <ac:chgData name="White, Alex" userId="eff6cc8c-37d8-483b-9c6c-6b27e9afa9bc" providerId="ADAL" clId="{BF04C754-5BF4-4E83-9615-DB14FA25AF8A}" dt="2023-10-12T11:35:26.005" v="254"/>
          <ac:spMkLst>
            <pc:docMk/>
            <pc:sldMk cId="2376958513" sldId="260"/>
            <ac:spMk id="509" creationId="{8F688C36-65F1-E1A0-7D8F-DF76B288824F}"/>
          </ac:spMkLst>
        </pc:spChg>
        <pc:spChg chg="mod">
          <ac:chgData name="White, Alex" userId="eff6cc8c-37d8-483b-9c6c-6b27e9afa9bc" providerId="ADAL" clId="{BF04C754-5BF4-4E83-9615-DB14FA25AF8A}" dt="2023-10-12T11:35:26.005" v="254"/>
          <ac:spMkLst>
            <pc:docMk/>
            <pc:sldMk cId="2376958513" sldId="260"/>
            <ac:spMk id="510" creationId="{741EB4D1-B046-3A59-0FA3-F508B62587E8}"/>
          </ac:spMkLst>
        </pc:spChg>
        <pc:spChg chg="mod">
          <ac:chgData name="White, Alex" userId="eff6cc8c-37d8-483b-9c6c-6b27e9afa9bc" providerId="ADAL" clId="{BF04C754-5BF4-4E83-9615-DB14FA25AF8A}" dt="2023-10-12T11:35:26.005" v="254"/>
          <ac:spMkLst>
            <pc:docMk/>
            <pc:sldMk cId="2376958513" sldId="260"/>
            <ac:spMk id="511" creationId="{931CD7A6-0B71-DB25-9FB5-FB83CBD5EEDC}"/>
          </ac:spMkLst>
        </pc:spChg>
        <pc:spChg chg="mod">
          <ac:chgData name="White, Alex" userId="eff6cc8c-37d8-483b-9c6c-6b27e9afa9bc" providerId="ADAL" clId="{BF04C754-5BF4-4E83-9615-DB14FA25AF8A}" dt="2023-10-12T11:36:02.784" v="263" actId="1076"/>
          <ac:spMkLst>
            <pc:docMk/>
            <pc:sldMk cId="2376958513" sldId="260"/>
            <ac:spMk id="512" creationId="{C93A453F-46D2-DE42-DF1B-7C7020E3F628}"/>
          </ac:spMkLst>
        </pc:spChg>
        <pc:spChg chg="mod">
          <ac:chgData name="White, Alex" userId="eff6cc8c-37d8-483b-9c6c-6b27e9afa9bc" providerId="ADAL" clId="{BF04C754-5BF4-4E83-9615-DB14FA25AF8A}" dt="2023-10-12T11:35:26.005" v="254"/>
          <ac:spMkLst>
            <pc:docMk/>
            <pc:sldMk cId="2376958513" sldId="260"/>
            <ac:spMk id="513" creationId="{2E6582BD-F004-0B56-E6A4-A36EF0A340E2}"/>
          </ac:spMkLst>
        </pc:spChg>
        <pc:spChg chg="mod">
          <ac:chgData name="White, Alex" userId="eff6cc8c-37d8-483b-9c6c-6b27e9afa9bc" providerId="ADAL" clId="{BF04C754-5BF4-4E83-9615-DB14FA25AF8A}" dt="2023-10-12T11:35:26.005" v="254"/>
          <ac:spMkLst>
            <pc:docMk/>
            <pc:sldMk cId="2376958513" sldId="260"/>
            <ac:spMk id="514" creationId="{93C2B3D4-FD44-9DDC-993D-5670A4DBE519}"/>
          </ac:spMkLst>
        </pc:spChg>
        <pc:spChg chg="mod">
          <ac:chgData name="White, Alex" userId="eff6cc8c-37d8-483b-9c6c-6b27e9afa9bc" providerId="ADAL" clId="{BF04C754-5BF4-4E83-9615-DB14FA25AF8A}" dt="2023-10-12T11:35:26.005" v="254"/>
          <ac:spMkLst>
            <pc:docMk/>
            <pc:sldMk cId="2376958513" sldId="260"/>
            <ac:spMk id="515" creationId="{BEFD7951-D55D-927D-2359-93C8DECDE702}"/>
          </ac:spMkLst>
        </pc:spChg>
        <pc:spChg chg="mod">
          <ac:chgData name="White, Alex" userId="eff6cc8c-37d8-483b-9c6c-6b27e9afa9bc" providerId="ADAL" clId="{BF04C754-5BF4-4E83-9615-DB14FA25AF8A}" dt="2023-10-12T11:35:26.005" v="254"/>
          <ac:spMkLst>
            <pc:docMk/>
            <pc:sldMk cId="2376958513" sldId="260"/>
            <ac:spMk id="516" creationId="{E9A3E1AE-41C4-4D0F-2790-72C6EDE01835}"/>
          </ac:spMkLst>
        </pc:spChg>
        <pc:spChg chg="mod">
          <ac:chgData name="White, Alex" userId="eff6cc8c-37d8-483b-9c6c-6b27e9afa9bc" providerId="ADAL" clId="{BF04C754-5BF4-4E83-9615-DB14FA25AF8A}" dt="2023-10-12T11:35:26.005" v="254"/>
          <ac:spMkLst>
            <pc:docMk/>
            <pc:sldMk cId="2376958513" sldId="260"/>
            <ac:spMk id="517" creationId="{FC10DE2A-BFD2-F100-0FD1-18EC1EEB6D6A}"/>
          </ac:spMkLst>
        </pc:spChg>
        <pc:spChg chg="mod">
          <ac:chgData name="White, Alex" userId="eff6cc8c-37d8-483b-9c6c-6b27e9afa9bc" providerId="ADAL" clId="{BF04C754-5BF4-4E83-9615-DB14FA25AF8A}" dt="2023-10-12T11:35:26.005" v="254"/>
          <ac:spMkLst>
            <pc:docMk/>
            <pc:sldMk cId="2376958513" sldId="260"/>
            <ac:spMk id="518" creationId="{F1F75BF9-F150-9B9D-A75E-616B5E74FE6C}"/>
          </ac:spMkLst>
        </pc:spChg>
        <pc:spChg chg="mod">
          <ac:chgData name="White, Alex" userId="eff6cc8c-37d8-483b-9c6c-6b27e9afa9bc" providerId="ADAL" clId="{BF04C754-5BF4-4E83-9615-DB14FA25AF8A}" dt="2023-10-12T11:35:26.005" v="254"/>
          <ac:spMkLst>
            <pc:docMk/>
            <pc:sldMk cId="2376958513" sldId="260"/>
            <ac:spMk id="519" creationId="{1B661711-E7D6-18B0-B580-CF4BA9B37AD7}"/>
          </ac:spMkLst>
        </pc:spChg>
        <pc:spChg chg="mod">
          <ac:chgData name="White, Alex" userId="eff6cc8c-37d8-483b-9c6c-6b27e9afa9bc" providerId="ADAL" clId="{BF04C754-5BF4-4E83-9615-DB14FA25AF8A}" dt="2023-10-12T11:35:26.005" v="254"/>
          <ac:spMkLst>
            <pc:docMk/>
            <pc:sldMk cId="2376958513" sldId="260"/>
            <ac:spMk id="520" creationId="{1E81039F-9850-8092-C67B-AF2F65A2C123}"/>
          </ac:spMkLst>
        </pc:spChg>
        <pc:spChg chg="mod">
          <ac:chgData name="White, Alex" userId="eff6cc8c-37d8-483b-9c6c-6b27e9afa9bc" providerId="ADAL" clId="{BF04C754-5BF4-4E83-9615-DB14FA25AF8A}" dt="2023-10-12T11:35:26.005" v="254"/>
          <ac:spMkLst>
            <pc:docMk/>
            <pc:sldMk cId="2376958513" sldId="260"/>
            <ac:spMk id="521" creationId="{A38C51EF-E1F4-392E-BC92-8198DDDCF378}"/>
          </ac:spMkLst>
        </pc:spChg>
        <pc:spChg chg="mod">
          <ac:chgData name="White, Alex" userId="eff6cc8c-37d8-483b-9c6c-6b27e9afa9bc" providerId="ADAL" clId="{BF04C754-5BF4-4E83-9615-DB14FA25AF8A}" dt="2023-10-12T11:35:26.005" v="254"/>
          <ac:spMkLst>
            <pc:docMk/>
            <pc:sldMk cId="2376958513" sldId="260"/>
            <ac:spMk id="522" creationId="{06740D27-877C-EB44-C617-516EE84566A8}"/>
          </ac:spMkLst>
        </pc:spChg>
        <pc:spChg chg="mod">
          <ac:chgData name="White, Alex" userId="eff6cc8c-37d8-483b-9c6c-6b27e9afa9bc" providerId="ADAL" clId="{BF04C754-5BF4-4E83-9615-DB14FA25AF8A}" dt="2023-10-12T11:35:26.005" v="254"/>
          <ac:spMkLst>
            <pc:docMk/>
            <pc:sldMk cId="2376958513" sldId="260"/>
            <ac:spMk id="523" creationId="{BB7DB7BE-2DB6-75BC-8789-885DAAE9E3AA}"/>
          </ac:spMkLst>
        </pc:spChg>
        <pc:spChg chg="mod">
          <ac:chgData name="White, Alex" userId="eff6cc8c-37d8-483b-9c6c-6b27e9afa9bc" providerId="ADAL" clId="{BF04C754-5BF4-4E83-9615-DB14FA25AF8A}" dt="2023-10-12T11:35:26.005" v="254"/>
          <ac:spMkLst>
            <pc:docMk/>
            <pc:sldMk cId="2376958513" sldId="260"/>
            <ac:spMk id="524" creationId="{66C04175-411D-5F03-1C7F-16F66D35A3AE}"/>
          </ac:spMkLst>
        </pc:spChg>
        <pc:spChg chg="mod">
          <ac:chgData name="White, Alex" userId="eff6cc8c-37d8-483b-9c6c-6b27e9afa9bc" providerId="ADAL" clId="{BF04C754-5BF4-4E83-9615-DB14FA25AF8A}" dt="2023-10-12T11:35:26.005" v="254"/>
          <ac:spMkLst>
            <pc:docMk/>
            <pc:sldMk cId="2376958513" sldId="260"/>
            <ac:spMk id="525" creationId="{EA747E64-E8DE-DD06-4C2C-A81367C5EDF0}"/>
          </ac:spMkLst>
        </pc:spChg>
        <pc:spChg chg="mod">
          <ac:chgData name="White, Alex" userId="eff6cc8c-37d8-483b-9c6c-6b27e9afa9bc" providerId="ADAL" clId="{BF04C754-5BF4-4E83-9615-DB14FA25AF8A}" dt="2023-10-12T11:35:26.005" v="254"/>
          <ac:spMkLst>
            <pc:docMk/>
            <pc:sldMk cId="2376958513" sldId="260"/>
            <ac:spMk id="526" creationId="{D26E787C-A3DD-62C3-FDBE-88D327D1994A}"/>
          </ac:spMkLst>
        </pc:spChg>
        <pc:spChg chg="mod">
          <ac:chgData name="White, Alex" userId="eff6cc8c-37d8-483b-9c6c-6b27e9afa9bc" providerId="ADAL" clId="{BF04C754-5BF4-4E83-9615-DB14FA25AF8A}" dt="2023-10-12T11:35:26.005" v="254"/>
          <ac:spMkLst>
            <pc:docMk/>
            <pc:sldMk cId="2376958513" sldId="260"/>
            <ac:spMk id="527" creationId="{4D7C2C29-760E-94D7-4997-F7B8C8E91B46}"/>
          </ac:spMkLst>
        </pc:spChg>
        <pc:spChg chg="mod">
          <ac:chgData name="White, Alex" userId="eff6cc8c-37d8-483b-9c6c-6b27e9afa9bc" providerId="ADAL" clId="{BF04C754-5BF4-4E83-9615-DB14FA25AF8A}" dt="2023-10-12T11:35:26.005" v="254"/>
          <ac:spMkLst>
            <pc:docMk/>
            <pc:sldMk cId="2376958513" sldId="260"/>
            <ac:spMk id="528" creationId="{4B590F27-437F-82E4-24E4-C71CC96F7FE7}"/>
          </ac:spMkLst>
        </pc:spChg>
        <pc:spChg chg="mod">
          <ac:chgData name="White, Alex" userId="eff6cc8c-37d8-483b-9c6c-6b27e9afa9bc" providerId="ADAL" clId="{BF04C754-5BF4-4E83-9615-DB14FA25AF8A}" dt="2023-10-12T11:35:26.005" v="254"/>
          <ac:spMkLst>
            <pc:docMk/>
            <pc:sldMk cId="2376958513" sldId="260"/>
            <ac:spMk id="529" creationId="{BA73AFBB-10FC-7E2B-7458-7AD560EB1A7E}"/>
          </ac:spMkLst>
        </pc:spChg>
        <pc:spChg chg="mod">
          <ac:chgData name="White, Alex" userId="eff6cc8c-37d8-483b-9c6c-6b27e9afa9bc" providerId="ADAL" clId="{BF04C754-5BF4-4E83-9615-DB14FA25AF8A}" dt="2023-10-12T11:35:26.005" v="254"/>
          <ac:spMkLst>
            <pc:docMk/>
            <pc:sldMk cId="2376958513" sldId="260"/>
            <ac:spMk id="530" creationId="{6FDED2C2-A568-C33B-21D7-95001407FF32}"/>
          </ac:spMkLst>
        </pc:spChg>
        <pc:spChg chg="mod">
          <ac:chgData name="White, Alex" userId="eff6cc8c-37d8-483b-9c6c-6b27e9afa9bc" providerId="ADAL" clId="{BF04C754-5BF4-4E83-9615-DB14FA25AF8A}" dt="2023-10-12T11:35:26.005" v="254"/>
          <ac:spMkLst>
            <pc:docMk/>
            <pc:sldMk cId="2376958513" sldId="260"/>
            <ac:spMk id="531" creationId="{F27BD955-DDBD-4FA7-ED0D-7C287D9C8355}"/>
          </ac:spMkLst>
        </pc:spChg>
        <pc:spChg chg="mod">
          <ac:chgData name="White, Alex" userId="eff6cc8c-37d8-483b-9c6c-6b27e9afa9bc" providerId="ADAL" clId="{BF04C754-5BF4-4E83-9615-DB14FA25AF8A}" dt="2023-10-12T11:35:26.005" v="254"/>
          <ac:spMkLst>
            <pc:docMk/>
            <pc:sldMk cId="2376958513" sldId="260"/>
            <ac:spMk id="532" creationId="{C6EAD947-AA53-388F-379A-D62F3D4CB1F1}"/>
          </ac:spMkLst>
        </pc:spChg>
        <pc:spChg chg="mod">
          <ac:chgData name="White, Alex" userId="eff6cc8c-37d8-483b-9c6c-6b27e9afa9bc" providerId="ADAL" clId="{BF04C754-5BF4-4E83-9615-DB14FA25AF8A}" dt="2023-10-12T11:35:26.005" v="254"/>
          <ac:spMkLst>
            <pc:docMk/>
            <pc:sldMk cId="2376958513" sldId="260"/>
            <ac:spMk id="533" creationId="{C11BA579-A715-55A5-126A-3CD367F168F4}"/>
          </ac:spMkLst>
        </pc:spChg>
        <pc:spChg chg="mod">
          <ac:chgData name="White, Alex" userId="eff6cc8c-37d8-483b-9c6c-6b27e9afa9bc" providerId="ADAL" clId="{BF04C754-5BF4-4E83-9615-DB14FA25AF8A}" dt="2023-10-12T11:35:26.005" v="254"/>
          <ac:spMkLst>
            <pc:docMk/>
            <pc:sldMk cId="2376958513" sldId="260"/>
            <ac:spMk id="534" creationId="{233BCE59-5555-18C5-2AD6-4B13A53A9958}"/>
          </ac:spMkLst>
        </pc:spChg>
        <pc:spChg chg="mod">
          <ac:chgData name="White, Alex" userId="eff6cc8c-37d8-483b-9c6c-6b27e9afa9bc" providerId="ADAL" clId="{BF04C754-5BF4-4E83-9615-DB14FA25AF8A}" dt="2023-10-12T11:35:26.005" v="254"/>
          <ac:spMkLst>
            <pc:docMk/>
            <pc:sldMk cId="2376958513" sldId="260"/>
            <ac:spMk id="535" creationId="{4B20BB53-11FB-4D4D-AA89-D88BABF27E64}"/>
          </ac:spMkLst>
        </pc:spChg>
        <pc:spChg chg="mod">
          <ac:chgData name="White, Alex" userId="eff6cc8c-37d8-483b-9c6c-6b27e9afa9bc" providerId="ADAL" clId="{BF04C754-5BF4-4E83-9615-DB14FA25AF8A}" dt="2023-10-12T11:35:26.005" v="254"/>
          <ac:spMkLst>
            <pc:docMk/>
            <pc:sldMk cId="2376958513" sldId="260"/>
            <ac:spMk id="536" creationId="{F7C6162F-A6F9-3F93-24A8-5E49DBF252AF}"/>
          </ac:spMkLst>
        </pc:spChg>
        <pc:spChg chg="mod">
          <ac:chgData name="White, Alex" userId="eff6cc8c-37d8-483b-9c6c-6b27e9afa9bc" providerId="ADAL" clId="{BF04C754-5BF4-4E83-9615-DB14FA25AF8A}" dt="2023-10-12T11:35:26.005" v="254"/>
          <ac:spMkLst>
            <pc:docMk/>
            <pc:sldMk cId="2376958513" sldId="260"/>
            <ac:spMk id="537" creationId="{78A778DE-8F55-9E7C-8C20-0CD2169FA14A}"/>
          </ac:spMkLst>
        </pc:spChg>
        <pc:spChg chg="mod">
          <ac:chgData name="White, Alex" userId="eff6cc8c-37d8-483b-9c6c-6b27e9afa9bc" providerId="ADAL" clId="{BF04C754-5BF4-4E83-9615-DB14FA25AF8A}" dt="2023-10-12T11:35:26.005" v="254"/>
          <ac:spMkLst>
            <pc:docMk/>
            <pc:sldMk cId="2376958513" sldId="260"/>
            <ac:spMk id="538" creationId="{1B5F9BFA-67F0-3DA2-FBB2-2E8185B6116E}"/>
          </ac:spMkLst>
        </pc:spChg>
        <pc:spChg chg="mod">
          <ac:chgData name="White, Alex" userId="eff6cc8c-37d8-483b-9c6c-6b27e9afa9bc" providerId="ADAL" clId="{BF04C754-5BF4-4E83-9615-DB14FA25AF8A}" dt="2023-10-12T11:35:26.005" v="254"/>
          <ac:spMkLst>
            <pc:docMk/>
            <pc:sldMk cId="2376958513" sldId="260"/>
            <ac:spMk id="539" creationId="{E8AC3207-844B-B066-C516-76C8D63599D7}"/>
          </ac:spMkLst>
        </pc:spChg>
        <pc:spChg chg="mod">
          <ac:chgData name="White, Alex" userId="eff6cc8c-37d8-483b-9c6c-6b27e9afa9bc" providerId="ADAL" clId="{BF04C754-5BF4-4E83-9615-DB14FA25AF8A}" dt="2023-10-12T11:35:26.005" v="254"/>
          <ac:spMkLst>
            <pc:docMk/>
            <pc:sldMk cId="2376958513" sldId="260"/>
            <ac:spMk id="540" creationId="{58F3CB59-98B5-EBA8-C706-720AD87B504C}"/>
          </ac:spMkLst>
        </pc:spChg>
        <pc:spChg chg="mod">
          <ac:chgData name="White, Alex" userId="eff6cc8c-37d8-483b-9c6c-6b27e9afa9bc" providerId="ADAL" clId="{BF04C754-5BF4-4E83-9615-DB14FA25AF8A}" dt="2023-10-12T11:35:26.005" v="254"/>
          <ac:spMkLst>
            <pc:docMk/>
            <pc:sldMk cId="2376958513" sldId="260"/>
            <ac:spMk id="541" creationId="{F57F4270-899F-A6E6-079C-44E323905314}"/>
          </ac:spMkLst>
        </pc:spChg>
        <pc:spChg chg="mod">
          <ac:chgData name="White, Alex" userId="eff6cc8c-37d8-483b-9c6c-6b27e9afa9bc" providerId="ADAL" clId="{BF04C754-5BF4-4E83-9615-DB14FA25AF8A}" dt="2023-10-12T11:35:26.005" v="254"/>
          <ac:spMkLst>
            <pc:docMk/>
            <pc:sldMk cId="2376958513" sldId="260"/>
            <ac:spMk id="542" creationId="{6B7113AB-2E9C-A067-F6E1-D61C24091C74}"/>
          </ac:spMkLst>
        </pc:spChg>
        <pc:spChg chg="mod">
          <ac:chgData name="White, Alex" userId="eff6cc8c-37d8-483b-9c6c-6b27e9afa9bc" providerId="ADAL" clId="{BF04C754-5BF4-4E83-9615-DB14FA25AF8A}" dt="2023-10-12T11:35:26.005" v="254"/>
          <ac:spMkLst>
            <pc:docMk/>
            <pc:sldMk cId="2376958513" sldId="260"/>
            <ac:spMk id="543" creationId="{24743AED-CD66-AA04-D9FF-B45D0EFFD951}"/>
          </ac:spMkLst>
        </pc:spChg>
        <pc:spChg chg="mod">
          <ac:chgData name="White, Alex" userId="eff6cc8c-37d8-483b-9c6c-6b27e9afa9bc" providerId="ADAL" clId="{BF04C754-5BF4-4E83-9615-DB14FA25AF8A}" dt="2023-10-12T11:35:26.005" v="254"/>
          <ac:spMkLst>
            <pc:docMk/>
            <pc:sldMk cId="2376958513" sldId="260"/>
            <ac:spMk id="544" creationId="{BC094745-3673-16BC-6EC5-555D1CF88D9A}"/>
          </ac:spMkLst>
        </pc:spChg>
        <pc:spChg chg="mod">
          <ac:chgData name="White, Alex" userId="eff6cc8c-37d8-483b-9c6c-6b27e9afa9bc" providerId="ADAL" clId="{BF04C754-5BF4-4E83-9615-DB14FA25AF8A}" dt="2023-10-12T11:35:26.005" v="254"/>
          <ac:spMkLst>
            <pc:docMk/>
            <pc:sldMk cId="2376958513" sldId="260"/>
            <ac:spMk id="545" creationId="{22E8D028-982C-D16E-A6B5-B2761DCCC2DB}"/>
          </ac:spMkLst>
        </pc:spChg>
        <pc:spChg chg="mod">
          <ac:chgData name="White, Alex" userId="eff6cc8c-37d8-483b-9c6c-6b27e9afa9bc" providerId="ADAL" clId="{BF04C754-5BF4-4E83-9615-DB14FA25AF8A}" dt="2023-10-12T11:35:26.005" v="254"/>
          <ac:spMkLst>
            <pc:docMk/>
            <pc:sldMk cId="2376958513" sldId="260"/>
            <ac:spMk id="546" creationId="{373C1FC1-BEF5-EE32-55A0-154CAE9CE7B1}"/>
          </ac:spMkLst>
        </pc:spChg>
        <pc:spChg chg="mod">
          <ac:chgData name="White, Alex" userId="eff6cc8c-37d8-483b-9c6c-6b27e9afa9bc" providerId="ADAL" clId="{BF04C754-5BF4-4E83-9615-DB14FA25AF8A}" dt="2023-10-12T11:35:26.005" v="254"/>
          <ac:spMkLst>
            <pc:docMk/>
            <pc:sldMk cId="2376958513" sldId="260"/>
            <ac:spMk id="547" creationId="{7AB00241-B57F-D139-E79F-D5FCC0722AD0}"/>
          </ac:spMkLst>
        </pc:spChg>
        <pc:spChg chg="mod">
          <ac:chgData name="White, Alex" userId="eff6cc8c-37d8-483b-9c6c-6b27e9afa9bc" providerId="ADAL" clId="{BF04C754-5BF4-4E83-9615-DB14FA25AF8A}" dt="2023-10-12T11:35:26.005" v="254"/>
          <ac:spMkLst>
            <pc:docMk/>
            <pc:sldMk cId="2376958513" sldId="260"/>
            <ac:spMk id="548" creationId="{27D0E2C0-E896-5020-3E59-150813351D14}"/>
          </ac:spMkLst>
        </pc:spChg>
        <pc:spChg chg="mod">
          <ac:chgData name="White, Alex" userId="eff6cc8c-37d8-483b-9c6c-6b27e9afa9bc" providerId="ADAL" clId="{BF04C754-5BF4-4E83-9615-DB14FA25AF8A}" dt="2023-10-12T11:35:26.005" v="254"/>
          <ac:spMkLst>
            <pc:docMk/>
            <pc:sldMk cId="2376958513" sldId="260"/>
            <ac:spMk id="549" creationId="{6BD1C534-854D-4138-893A-31F2D6285B79}"/>
          </ac:spMkLst>
        </pc:spChg>
        <pc:spChg chg="mod">
          <ac:chgData name="White, Alex" userId="eff6cc8c-37d8-483b-9c6c-6b27e9afa9bc" providerId="ADAL" clId="{BF04C754-5BF4-4E83-9615-DB14FA25AF8A}" dt="2023-10-12T11:35:26.005" v="254"/>
          <ac:spMkLst>
            <pc:docMk/>
            <pc:sldMk cId="2376958513" sldId="260"/>
            <ac:spMk id="550" creationId="{64316BD1-3A2D-188B-BBC1-46827092DED6}"/>
          </ac:spMkLst>
        </pc:spChg>
        <pc:spChg chg="mod">
          <ac:chgData name="White, Alex" userId="eff6cc8c-37d8-483b-9c6c-6b27e9afa9bc" providerId="ADAL" clId="{BF04C754-5BF4-4E83-9615-DB14FA25AF8A}" dt="2023-10-12T11:35:26.005" v="254"/>
          <ac:spMkLst>
            <pc:docMk/>
            <pc:sldMk cId="2376958513" sldId="260"/>
            <ac:spMk id="551" creationId="{75D01567-7E8E-20EA-014C-629C4DB97AAC}"/>
          </ac:spMkLst>
        </pc:spChg>
        <pc:spChg chg="mod">
          <ac:chgData name="White, Alex" userId="eff6cc8c-37d8-483b-9c6c-6b27e9afa9bc" providerId="ADAL" clId="{BF04C754-5BF4-4E83-9615-DB14FA25AF8A}" dt="2023-10-12T11:35:26.005" v="254"/>
          <ac:spMkLst>
            <pc:docMk/>
            <pc:sldMk cId="2376958513" sldId="260"/>
            <ac:spMk id="552" creationId="{BB432177-AE7E-1A8F-1165-FF946E0B4DCE}"/>
          </ac:spMkLst>
        </pc:spChg>
        <pc:spChg chg="mod">
          <ac:chgData name="White, Alex" userId="eff6cc8c-37d8-483b-9c6c-6b27e9afa9bc" providerId="ADAL" clId="{BF04C754-5BF4-4E83-9615-DB14FA25AF8A}" dt="2023-10-12T11:35:26.005" v="254"/>
          <ac:spMkLst>
            <pc:docMk/>
            <pc:sldMk cId="2376958513" sldId="260"/>
            <ac:spMk id="553" creationId="{8E287B11-893E-71E0-C9DD-198A2E97D743}"/>
          </ac:spMkLst>
        </pc:spChg>
        <pc:spChg chg="mod">
          <ac:chgData name="White, Alex" userId="eff6cc8c-37d8-483b-9c6c-6b27e9afa9bc" providerId="ADAL" clId="{BF04C754-5BF4-4E83-9615-DB14FA25AF8A}" dt="2023-10-12T11:35:26.005" v="254"/>
          <ac:spMkLst>
            <pc:docMk/>
            <pc:sldMk cId="2376958513" sldId="260"/>
            <ac:spMk id="554" creationId="{F2633FB0-350D-CF24-EF09-9CBEAB5284C6}"/>
          </ac:spMkLst>
        </pc:spChg>
        <pc:spChg chg="mod">
          <ac:chgData name="White, Alex" userId="eff6cc8c-37d8-483b-9c6c-6b27e9afa9bc" providerId="ADAL" clId="{BF04C754-5BF4-4E83-9615-DB14FA25AF8A}" dt="2023-10-12T11:35:26.005" v="254"/>
          <ac:spMkLst>
            <pc:docMk/>
            <pc:sldMk cId="2376958513" sldId="260"/>
            <ac:spMk id="555" creationId="{E760D992-0A39-C7A8-A2B6-CFC368F96607}"/>
          </ac:spMkLst>
        </pc:spChg>
        <pc:spChg chg="mod">
          <ac:chgData name="White, Alex" userId="eff6cc8c-37d8-483b-9c6c-6b27e9afa9bc" providerId="ADAL" clId="{BF04C754-5BF4-4E83-9615-DB14FA25AF8A}" dt="2023-10-12T11:35:26.005" v="254"/>
          <ac:spMkLst>
            <pc:docMk/>
            <pc:sldMk cId="2376958513" sldId="260"/>
            <ac:spMk id="556" creationId="{044949F3-0168-E9AA-7444-FACDBA54CBBD}"/>
          </ac:spMkLst>
        </pc:spChg>
        <pc:spChg chg="mod">
          <ac:chgData name="White, Alex" userId="eff6cc8c-37d8-483b-9c6c-6b27e9afa9bc" providerId="ADAL" clId="{BF04C754-5BF4-4E83-9615-DB14FA25AF8A}" dt="2023-10-12T11:35:26.005" v="254"/>
          <ac:spMkLst>
            <pc:docMk/>
            <pc:sldMk cId="2376958513" sldId="260"/>
            <ac:spMk id="557" creationId="{4806DE8A-4AD2-5680-A7E2-43990E3E7755}"/>
          </ac:spMkLst>
        </pc:spChg>
        <pc:spChg chg="mod">
          <ac:chgData name="White, Alex" userId="eff6cc8c-37d8-483b-9c6c-6b27e9afa9bc" providerId="ADAL" clId="{BF04C754-5BF4-4E83-9615-DB14FA25AF8A}" dt="2023-10-12T11:35:26.005" v="254"/>
          <ac:spMkLst>
            <pc:docMk/>
            <pc:sldMk cId="2376958513" sldId="260"/>
            <ac:spMk id="558" creationId="{85E6D1C1-878E-5E7C-1326-4859CFDCB5C9}"/>
          </ac:spMkLst>
        </pc:spChg>
        <pc:spChg chg="mod">
          <ac:chgData name="White, Alex" userId="eff6cc8c-37d8-483b-9c6c-6b27e9afa9bc" providerId="ADAL" clId="{BF04C754-5BF4-4E83-9615-DB14FA25AF8A}" dt="2023-10-12T11:35:26.005" v="254"/>
          <ac:spMkLst>
            <pc:docMk/>
            <pc:sldMk cId="2376958513" sldId="260"/>
            <ac:spMk id="559" creationId="{278CA4D5-B8B8-BA1E-3177-C5DECC2444B1}"/>
          </ac:spMkLst>
        </pc:spChg>
        <pc:spChg chg="mod">
          <ac:chgData name="White, Alex" userId="eff6cc8c-37d8-483b-9c6c-6b27e9afa9bc" providerId="ADAL" clId="{BF04C754-5BF4-4E83-9615-DB14FA25AF8A}" dt="2023-10-12T11:35:26.005" v="254"/>
          <ac:spMkLst>
            <pc:docMk/>
            <pc:sldMk cId="2376958513" sldId="260"/>
            <ac:spMk id="560" creationId="{9F5EF8B7-D828-71B8-64E1-CC76B2C05F82}"/>
          </ac:spMkLst>
        </pc:spChg>
        <pc:spChg chg="mod">
          <ac:chgData name="White, Alex" userId="eff6cc8c-37d8-483b-9c6c-6b27e9afa9bc" providerId="ADAL" clId="{BF04C754-5BF4-4E83-9615-DB14FA25AF8A}" dt="2023-10-12T11:35:26.005" v="254"/>
          <ac:spMkLst>
            <pc:docMk/>
            <pc:sldMk cId="2376958513" sldId="260"/>
            <ac:spMk id="561" creationId="{9E04E5A4-B2D1-E7BD-6BD3-3070579C5E4D}"/>
          </ac:spMkLst>
        </pc:spChg>
        <pc:spChg chg="mod">
          <ac:chgData name="White, Alex" userId="eff6cc8c-37d8-483b-9c6c-6b27e9afa9bc" providerId="ADAL" clId="{BF04C754-5BF4-4E83-9615-DB14FA25AF8A}" dt="2023-10-12T11:35:26.005" v="254"/>
          <ac:spMkLst>
            <pc:docMk/>
            <pc:sldMk cId="2376958513" sldId="260"/>
            <ac:spMk id="562" creationId="{EF9526AA-710D-47FC-319A-8F8AFDB09878}"/>
          </ac:spMkLst>
        </pc:spChg>
        <pc:spChg chg="mod">
          <ac:chgData name="White, Alex" userId="eff6cc8c-37d8-483b-9c6c-6b27e9afa9bc" providerId="ADAL" clId="{BF04C754-5BF4-4E83-9615-DB14FA25AF8A}" dt="2023-10-12T11:35:26.005" v="254"/>
          <ac:spMkLst>
            <pc:docMk/>
            <pc:sldMk cId="2376958513" sldId="260"/>
            <ac:spMk id="563" creationId="{6B4C29E8-2E64-BE65-D579-CB1BA04BA05C}"/>
          </ac:spMkLst>
        </pc:spChg>
        <pc:spChg chg="mod">
          <ac:chgData name="White, Alex" userId="eff6cc8c-37d8-483b-9c6c-6b27e9afa9bc" providerId="ADAL" clId="{BF04C754-5BF4-4E83-9615-DB14FA25AF8A}" dt="2023-10-12T11:35:26.005" v="254"/>
          <ac:spMkLst>
            <pc:docMk/>
            <pc:sldMk cId="2376958513" sldId="260"/>
            <ac:spMk id="564" creationId="{4D1D038A-343F-5722-05D8-E3B9AEE2C5B9}"/>
          </ac:spMkLst>
        </pc:spChg>
        <pc:spChg chg="mod">
          <ac:chgData name="White, Alex" userId="eff6cc8c-37d8-483b-9c6c-6b27e9afa9bc" providerId="ADAL" clId="{BF04C754-5BF4-4E83-9615-DB14FA25AF8A}" dt="2023-10-12T11:35:26.005" v="254"/>
          <ac:spMkLst>
            <pc:docMk/>
            <pc:sldMk cId="2376958513" sldId="260"/>
            <ac:spMk id="565" creationId="{BE22ED37-1B63-D835-D4B7-92DB7AD532F0}"/>
          </ac:spMkLst>
        </pc:spChg>
        <pc:spChg chg="mod">
          <ac:chgData name="White, Alex" userId="eff6cc8c-37d8-483b-9c6c-6b27e9afa9bc" providerId="ADAL" clId="{BF04C754-5BF4-4E83-9615-DB14FA25AF8A}" dt="2023-10-12T11:35:33.715" v="256"/>
          <ac:spMkLst>
            <pc:docMk/>
            <pc:sldMk cId="2376958513" sldId="260"/>
            <ac:spMk id="567" creationId="{458FC15F-659D-8BE7-D370-A3F73BC292AF}"/>
          </ac:spMkLst>
        </pc:spChg>
        <pc:spChg chg="mod">
          <ac:chgData name="White, Alex" userId="eff6cc8c-37d8-483b-9c6c-6b27e9afa9bc" providerId="ADAL" clId="{BF04C754-5BF4-4E83-9615-DB14FA25AF8A}" dt="2023-10-12T11:35:33.715" v="256"/>
          <ac:spMkLst>
            <pc:docMk/>
            <pc:sldMk cId="2376958513" sldId="260"/>
            <ac:spMk id="568" creationId="{B087B3FC-64EC-4103-8E5B-D82EA9C19F23}"/>
          </ac:spMkLst>
        </pc:spChg>
        <pc:spChg chg="mod">
          <ac:chgData name="White, Alex" userId="eff6cc8c-37d8-483b-9c6c-6b27e9afa9bc" providerId="ADAL" clId="{BF04C754-5BF4-4E83-9615-DB14FA25AF8A}" dt="2023-10-12T11:35:33.715" v="256"/>
          <ac:spMkLst>
            <pc:docMk/>
            <pc:sldMk cId="2376958513" sldId="260"/>
            <ac:spMk id="569" creationId="{0CE41588-85E9-FEB6-7A75-E4F5E966A49F}"/>
          </ac:spMkLst>
        </pc:spChg>
        <pc:spChg chg="mod">
          <ac:chgData name="White, Alex" userId="eff6cc8c-37d8-483b-9c6c-6b27e9afa9bc" providerId="ADAL" clId="{BF04C754-5BF4-4E83-9615-DB14FA25AF8A}" dt="2023-10-12T11:35:33.715" v="256"/>
          <ac:spMkLst>
            <pc:docMk/>
            <pc:sldMk cId="2376958513" sldId="260"/>
            <ac:spMk id="570" creationId="{3C02DCD0-346B-84A2-6405-0386A3F24007}"/>
          </ac:spMkLst>
        </pc:spChg>
        <pc:spChg chg="mod">
          <ac:chgData name="White, Alex" userId="eff6cc8c-37d8-483b-9c6c-6b27e9afa9bc" providerId="ADAL" clId="{BF04C754-5BF4-4E83-9615-DB14FA25AF8A}" dt="2023-10-12T11:35:33.715" v="256"/>
          <ac:spMkLst>
            <pc:docMk/>
            <pc:sldMk cId="2376958513" sldId="260"/>
            <ac:spMk id="571" creationId="{E4BFA31A-A2AA-B893-3AF7-898BB5BE98DC}"/>
          </ac:spMkLst>
        </pc:spChg>
        <pc:spChg chg="mod">
          <ac:chgData name="White, Alex" userId="eff6cc8c-37d8-483b-9c6c-6b27e9afa9bc" providerId="ADAL" clId="{BF04C754-5BF4-4E83-9615-DB14FA25AF8A}" dt="2023-10-12T11:35:33.715" v="256"/>
          <ac:spMkLst>
            <pc:docMk/>
            <pc:sldMk cId="2376958513" sldId="260"/>
            <ac:spMk id="572" creationId="{311FD132-6391-6F23-823B-D7C8FD33D491}"/>
          </ac:spMkLst>
        </pc:spChg>
        <pc:spChg chg="mod">
          <ac:chgData name="White, Alex" userId="eff6cc8c-37d8-483b-9c6c-6b27e9afa9bc" providerId="ADAL" clId="{BF04C754-5BF4-4E83-9615-DB14FA25AF8A}" dt="2023-10-12T11:35:33.715" v="256"/>
          <ac:spMkLst>
            <pc:docMk/>
            <pc:sldMk cId="2376958513" sldId="260"/>
            <ac:spMk id="573" creationId="{FD42E444-E2AF-05B6-93A1-359B21DF7AC2}"/>
          </ac:spMkLst>
        </pc:spChg>
        <pc:spChg chg="mod">
          <ac:chgData name="White, Alex" userId="eff6cc8c-37d8-483b-9c6c-6b27e9afa9bc" providerId="ADAL" clId="{BF04C754-5BF4-4E83-9615-DB14FA25AF8A}" dt="2023-10-12T11:35:33.715" v="256"/>
          <ac:spMkLst>
            <pc:docMk/>
            <pc:sldMk cId="2376958513" sldId="260"/>
            <ac:spMk id="574" creationId="{3C53CE00-024B-D1F9-EC3F-B0B0E16B2CC6}"/>
          </ac:spMkLst>
        </pc:spChg>
        <pc:spChg chg="mod">
          <ac:chgData name="White, Alex" userId="eff6cc8c-37d8-483b-9c6c-6b27e9afa9bc" providerId="ADAL" clId="{BF04C754-5BF4-4E83-9615-DB14FA25AF8A}" dt="2023-10-12T11:35:33.715" v="256"/>
          <ac:spMkLst>
            <pc:docMk/>
            <pc:sldMk cId="2376958513" sldId="260"/>
            <ac:spMk id="575" creationId="{7E17EEB3-B903-EE77-9347-4747B4F09B72}"/>
          </ac:spMkLst>
        </pc:spChg>
        <pc:spChg chg="mod">
          <ac:chgData name="White, Alex" userId="eff6cc8c-37d8-483b-9c6c-6b27e9afa9bc" providerId="ADAL" clId="{BF04C754-5BF4-4E83-9615-DB14FA25AF8A}" dt="2023-10-12T11:35:33.715" v="256"/>
          <ac:spMkLst>
            <pc:docMk/>
            <pc:sldMk cId="2376958513" sldId="260"/>
            <ac:spMk id="576" creationId="{269E8E20-1E26-CBF5-8324-80501176BC2A}"/>
          </ac:spMkLst>
        </pc:spChg>
        <pc:spChg chg="mod">
          <ac:chgData name="White, Alex" userId="eff6cc8c-37d8-483b-9c6c-6b27e9afa9bc" providerId="ADAL" clId="{BF04C754-5BF4-4E83-9615-DB14FA25AF8A}" dt="2023-10-12T11:35:33.715" v="256"/>
          <ac:spMkLst>
            <pc:docMk/>
            <pc:sldMk cId="2376958513" sldId="260"/>
            <ac:spMk id="577" creationId="{C5E989D1-F153-5B4E-AE48-AE82A5123217}"/>
          </ac:spMkLst>
        </pc:spChg>
        <pc:spChg chg="mod">
          <ac:chgData name="White, Alex" userId="eff6cc8c-37d8-483b-9c6c-6b27e9afa9bc" providerId="ADAL" clId="{BF04C754-5BF4-4E83-9615-DB14FA25AF8A}" dt="2023-10-12T11:35:33.715" v="256"/>
          <ac:spMkLst>
            <pc:docMk/>
            <pc:sldMk cId="2376958513" sldId="260"/>
            <ac:spMk id="578" creationId="{B4EDCEAA-B498-CB33-5B4B-A3D57B9E3997}"/>
          </ac:spMkLst>
        </pc:spChg>
        <pc:spChg chg="mod">
          <ac:chgData name="White, Alex" userId="eff6cc8c-37d8-483b-9c6c-6b27e9afa9bc" providerId="ADAL" clId="{BF04C754-5BF4-4E83-9615-DB14FA25AF8A}" dt="2023-10-12T11:35:33.715" v="256"/>
          <ac:spMkLst>
            <pc:docMk/>
            <pc:sldMk cId="2376958513" sldId="260"/>
            <ac:spMk id="579" creationId="{7D432A81-9F68-D75B-2FAD-7EC7E40D4ADF}"/>
          </ac:spMkLst>
        </pc:spChg>
        <pc:spChg chg="mod">
          <ac:chgData name="White, Alex" userId="eff6cc8c-37d8-483b-9c6c-6b27e9afa9bc" providerId="ADAL" clId="{BF04C754-5BF4-4E83-9615-DB14FA25AF8A}" dt="2023-10-12T11:35:33.715" v="256"/>
          <ac:spMkLst>
            <pc:docMk/>
            <pc:sldMk cId="2376958513" sldId="260"/>
            <ac:spMk id="580" creationId="{CD029BBB-7865-2648-832F-5627803E5420}"/>
          </ac:spMkLst>
        </pc:spChg>
        <pc:spChg chg="mod">
          <ac:chgData name="White, Alex" userId="eff6cc8c-37d8-483b-9c6c-6b27e9afa9bc" providerId="ADAL" clId="{BF04C754-5BF4-4E83-9615-DB14FA25AF8A}" dt="2023-10-12T11:35:33.715" v="256"/>
          <ac:spMkLst>
            <pc:docMk/>
            <pc:sldMk cId="2376958513" sldId="260"/>
            <ac:spMk id="581" creationId="{66D86EDE-A055-ED62-03AE-064A648FC030}"/>
          </ac:spMkLst>
        </pc:spChg>
        <pc:spChg chg="mod">
          <ac:chgData name="White, Alex" userId="eff6cc8c-37d8-483b-9c6c-6b27e9afa9bc" providerId="ADAL" clId="{BF04C754-5BF4-4E83-9615-DB14FA25AF8A}" dt="2023-10-12T11:35:33.715" v="256"/>
          <ac:spMkLst>
            <pc:docMk/>
            <pc:sldMk cId="2376958513" sldId="260"/>
            <ac:spMk id="582" creationId="{34E9B819-A2D2-C526-7AD5-7C5A46188E19}"/>
          </ac:spMkLst>
        </pc:spChg>
        <pc:spChg chg="mod">
          <ac:chgData name="White, Alex" userId="eff6cc8c-37d8-483b-9c6c-6b27e9afa9bc" providerId="ADAL" clId="{BF04C754-5BF4-4E83-9615-DB14FA25AF8A}" dt="2023-10-12T11:35:33.715" v="256"/>
          <ac:spMkLst>
            <pc:docMk/>
            <pc:sldMk cId="2376958513" sldId="260"/>
            <ac:spMk id="583" creationId="{11229C90-3783-F02A-30FE-E5EC97590C62}"/>
          </ac:spMkLst>
        </pc:spChg>
        <pc:spChg chg="mod">
          <ac:chgData name="White, Alex" userId="eff6cc8c-37d8-483b-9c6c-6b27e9afa9bc" providerId="ADAL" clId="{BF04C754-5BF4-4E83-9615-DB14FA25AF8A}" dt="2023-10-12T11:35:33.715" v="256"/>
          <ac:spMkLst>
            <pc:docMk/>
            <pc:sldMk cId="2376958513" sldId="260"/>
            <ac:spMk id="584" creationId="{B2F46BAA-E739-F199-DB47-0C2392E5842F}"/>
          </ac:spMkLst>
        </pc:spChg>
        <pc:spChg chg="mod">
          <ac:chgData name="White, Alex" userId="eff6cc8c-37d8-483b-9c6c-6b27e9afa9bc" providerId="ADAL" clId="{BF04C754-5BF4-4E83-9615-DB14FA25AF8A}" dt="2023-10-12T11:35:33.715" v="256"/>
          <ac:spMkLst>
            <pc:docMk/>
            <pc:sldMk cId="2376958513" sldId="260"/>
            <ac:spMk id="585" creationId="{FB72D4E8-9E71-0155-DA24-AC40059844A3}"/>
          </ac:spMkLst>
        </pc:spChg>
        <pc:spChg chg="mod">
          <ac:chgData name="White, Alex" userId="eff6cc8c-37d8-483b-9c6c-6b27e9afa9bc" providerId="ADAL" clId="{BF04C754-5BF4-4E83-9615-DB14FA25AF8A}" dt="2023-10-12T11:35:33.715" v="256"/>
          <ac:spMkLst>
            <pc:docMk/>
            <pc:sldMk cId="2376958513" sldId="260"/>
            <ac:spMk id="586" creationId="{FD62F96D-619B-0F67-B705-92142E7F0605}"/>
          </ac:spMkLst>
        </pc:spChg>
        <pc:spChg chg="mod">
          <ac:chgData name="White, Alex" userId="eff6cc8c-37d8-483b-9c6c-6b27e9afa9bc" providerId="ADAL" clId="{BF04C754-5BF4-4E83-9615-DB14FA25AF8A}" dt="2023-10-12T11:35:33.715" v="256"/>
          <ac:spMkLst>
            <pc:docMk/>
            <pc:sldMk cId="2376958513" sldId="260"/>
            <ac:spMk id="587" creationId="{896097A7-6261-2A8A-998B-D1D5CF40AB7F}"/>
          </ac:spMkLst>
        </pc:spChg>
        <pc:spChg chg="mod">
          <ac:chgData name="White, Alex" userId="eff6cc8c-37d8-483b-9c6c-6b27e9afa9bc" providerId="ADAL" clId="{BF04C754-5BF4-4E83-9615-DB14FA25AF8A}" dt="2023-10-12T11:35:33.715" v="256"/>
          <ac:spMkLst>
            <pc:docMk/>
            <pc:sldMk cId="2376958513" sldId="260"/>
            <ac:spMk id="588" creationId="{1E47017B-9CB3-53CE-1B35-CDF0568395E3}"/>
          </ac:spMkLst>
        </pc:spChg>
        <pc:spChg chg="mod">
          <ac:chgData name="White, Alex" userId="eff6cc8c-37d8-483b-9c6c-6b27e9afa9bc" providerId="ADAL" clId="{BF04C754-5BF4-4E83-9615-DB14FA25AF8A}" dt="2023-10-12T11:35:33.715" v="256"/>
          <ac:spMkLst>
            <pc:docMk/>
            <pc:sldMk cId="2376958513" sldId="260"/>
            <ac:spMk id="589" creationId="{820CB66B-8962-C5BB-DA6B-7871A68AAD03}"/>
          </ac:spMkLst>
        </pc:spChg>
        <pc:spChg chg="mod">
          <ac:chgData name="White, Alex" userId="eff6cc8c-37d8-483b-9c6c-6b27e9afa9bc" providerId="ADAL" clId="{BF04C754-5BF4-4E83-9615-DB14FA25AF8A}" dt="2023-10-12T11:35:33.715" v="256"/>
          <ac:spMkLst>
            <pc:docMk/>
            <pc:sldMk cId="2376958513" sldId="260"/>
            <ac:spMk id="590" creationId="{8BD307C4-905A-2B11-9039-147E490C1693}"/>
          </ac:spMkLst>
        </pc:spChg>
        <pc:spChg chg="mod">
          <ac:chgData name="White, Alex" userId="eff6cc8c-37d8-483b-9c6c-6b27e9afa9bc" providerId="ADAL" clId="{BF04C754-5BF4-4E83-9615-DB14FA25AF8A}" dt="2023-10-12T11:35:33.715" v="256"/>
          <ac:spMkLst>
            <pc:docMk/>
            <pc:sldMk cId="2376958513" sldId="260"/>
            <ac:spMk id="591" creationId="{146BD7AA-DD0F-2A1B-FB02-8984DD4C8883}"/>
          </ac:spMkLst>
        </pc:spChg>
        <pc:spChg chg="mod">
          <ac:chgData name="White, Alex" userId="eff6cc8c-37d8-483b-9c6c-6b27e9afa9bc" providerId="ADAL" clId="{BF04C754-5BF4-4E83-9615-DB14FA25AF8A}" dt="2023-10-12T11:35:33.715" v="256"/>
          <ac:spMkLst>
            <pc:docMk/>
            <pc:sldMk cId="2376958513" sldId="260"/>
            <ac:spMk id="592" creationId="{51E8D2EC-9640-F332-CA38-D2665B2D0717}"/>
          </ac:spMkLst>
        </pc:spChg>
        <pc:spChg chg="mod">
          <ac:chgData name="White, Alex" userId="eff6cc8c-37d8-483b-9c6c-6b27e9afa9bc" providerId="ADAL" clId="{BF04C754-5BF4-4E83-9615-DB14FA25AF8A}" dt="2023-10-12T11:35:33.715" v="256"/>
          <ac:spMkLst>
            <pc:docMk/>
            <pc:sldMk cId="2376958513" sldId="260"/>
            <ac:spMk id="593" creationId="{224DB313-0E20-462D-011A-3ED282B1E862}"/>
          </ac:spMkLst>
        </pc:spChg>
        <pc:spChg chg="mod">
          <ac:chgData name="White, Alex" userId="eff6cc8c-37d8-483b-9c6c-6b27e9afa9bc" providerId="ADAL" clId="{BF04C754-5BF4-4E83-9615-DB14FA25AF8A}" dt="2023-10-12T11:35:33.715" v="256"/>
          <ac:spMkLst>
            <pc:docMk/>
            <pc:sldMk cId="2376958513" sldId="260"/>
            <ac:spMk id="594" creationId="{89A9371F-26C7-6BB9-2D6A-63E1478806BB}"/>
          </ac:spMkLst>
        </pc:spChg>
        <pc:spChg chg="mod">
          <ac:chgData name="White, Alex" userId="eff6cc8c-37d8-483b-9c6c-6b27e9afa9bc" providerId="ADAL" clId="{BF04C754-5BF4-4E83-9615-DB14FA25AF8A}" dt="2023-10-12T11:35:33.715" v="256"/>
          <ac:spMkLst>
            <pc:docMk/>
            <pc:sldMk cId="2376958513" sldId="260"/>
            <ac:spMk id="595" creationId="{CDBC56D9-89F9-7680-6D60-FD6A2BCC2FFB}"/>
          </ac:spMkLst>
        </pc:spChg>
        <pc:spChg chg="mod">
          <ac:chgData name="White, Alex" userId="eff6cc8c-37d8-483b-9c6c-6b27e9afa9bc" providerId="ADAL" clId="{BF04C754-5BF4-4E83-9615-DB14FA25AF8A}" dt="2023-10-12T11:35:33.715" v="256"/>
          <ac:spMkLst>
            <pc:docMk/>
            <pc:sldMk cId="2376958513" sldId="260"/>
            <ac:spMk id="596" creationId="{2CE00077-2AB5-9102-101B-8CD20E4DEAA8}"/>
          </ac:spMkLst>
        </pc:spChg>
        <pc:spChg chg="mod">
          <ac:chgData name="White, Alex" userId="eff6cc8c-37d8-483b-9c6c-6b27e9afa9bc" providerId="ADAL" clId="{BF04C754-5BF4-4E83-9615-DB14FA25AF8A}" dt="2023-10-12T11:35:33.715" v="256"/>
          <ac:spMkLst>
            <pc:docMk/>
            <pc:sldMk cId="2376958513" sldId="260"/>
            <ac:spMk id="597" creationId="{6598E4B4-738D-5307-3D9F-8468C21C0901}"/>
          </ac:spMkLst>
        </pc:spChg>
        <pc:spChg chg="mod">
          <ac:chgData name="White, Alex" userId="eff6cc8c-37d8-483b-9c6c-6b27e9afa9bc" providerId="ADAL" clId="{BF04C754-5BF4-4E83-9615-DB14FA25AF8A}" dt="2023-10-12T11:35:33.715" v="256"/>
          <ac:spMkLst>
            <pc:docMk/>
            <pc:sldMk cId="2376958513" sldId="260"/>
            <ac:spMk id="598" creationId="{92F22972-C32C-A24C-C3ED-57E6CCBF5EE2}"/>
          </ac:spMkLst>
        </pc:spChg>
        <pc:spChg chg="mod">
          <ac:chgData name="White, Alex" userId="eff6cc8c-37d8-483b-9c6c-6b27e9afa9bc" providerId="ADAL" clId="{BF04C754-5BF4-4E83-9615-DB14FA25AF8A}" dt="2023-10-12T11:35:33.715" v="256"/>
          <ac:spMkLst>
            <pc:docMk/>
            <pc:sldMk cId="2376958513" sldId="260"/>
            <ac:spMk id="599" creationId="{9077B3D4-BD84-18F0-7EDC-5BD532C4E151}"/>
          </ac:spMkLst>
        </pc:spChg>
        <pc:spChg chg="mod">
          <ac:chgData name="White, Alex" userId="eff6cc8c-37d8-483b-9c6c-6b27e9afa9bc" providerId="ADAL" clId="{BF04C754-5BF4-4E83-9615-DB14FA25AF8A}" dt="2023-10-12T11:35:33.715" v="256"/>
          <ac:spMkLst>
            <pc:docMk/>
            <pc:sldMk cId="2376958513" sldId="260"/>
            <ac:spMk id="600" creationId="{6EF18180-D3C5-C476-2DEF-66F20E4895FB}"/>
          </ac:spMkLst>
        </pc:spChg>
        <pc:spChg chg="mod">
          <ac:chgData name="White, Alex" userId="eff6cc8c-37d8-483b-9c6c-6b27e9afa9bc" providerId="ADAL" clId="{BF04C754-5BF4-4E83-9615-DB14FA25AF8A}" dt="2023-10-12T11:35:33.715" v="256"/>
          <ac:spMkLst>
            <pc:docMk/>
            <pc:sldMk cId="2376958513" sldId="260"/>
            <ac:spMk id="601" creationId="{C17CAB5D-F5E9-7100-4A20-7CDC34F8C91C}"/>
          </ac:spMkLst>
        </pc:spChg>
        <pc:spChg chg="mod">
          <ac:chgData name="White, Alex" userId="eff6cc8c-37d8-483b-9c6c-6b27e9afa9bc" providerId="ADAL" clId="{BF04C754-5BF4-4E83-9615-DB14FA25AF8A}" dt="2023-10-12T11:35:33.715" v="256"/>
          <ac:spMkLst>
            <pc:docMk/>
            <pc:sldMk cId="2376958513" sldId="260"/>
            <ac:spMk id="602" creationId="{1A1AC874-2956-F662-A150-8F34063F7B48}"/>
          </ac:spMkLst>
        </pc:spChg>
        <pc:spChg chg="mod">
          <ac:chgData name="White, Alex" userId="eff6cc8c-37d8-483b-9c6c-6b27e9afa9bc" providerId="ADAL" clId="{BF04C754-5BF4-4E83-9615-DB14FA25AF8A}" dt="2023-10-12T11:35:33.715" v="256"/>
          <ac:spMkLst>
            <pc:docMk/>
            <pc:sldMk cId="2376958513" sldId="260"/>
            <ac:spMk id="603" creationId="{60429E81-D44A-4E88-BBA2-A7B2FA7FCC37}"/>
          </ac:spMkLst>
        </pc:spChg>
        <pc:spChg chg="mod">
          <ac:chgData name="White, Alex" userId="eff6cc8c-37d8-483b-9c6c-6b27e9afa9bc" providerId="ADAL" clId="{BF04C754-5BF4-4E83-9615-DB14FA25AF8A}" dt="2023-10-12T11:35:33.715" v="256"/>
          <ac:spMkLst>
            <pc:docMk/>
            <pc:sldMk cId="2376958513" sldId="260"/>
            <ac:spMk id="604" creationId="{A3758112-D7AF-15C5-1B6A-1C7A9B30F58F}"/>
          </ac:spMkLst>
        </pc:spChg>
        <pc:spChg chg="mod">
          <ac:chgData name="White, Alex" userId="eff6cc8c-37d8-483b-9c6c-6b27e9afa9bc" providerId="ADAL" clId="{BF04C754-5BF4-4E83-9615-DB14FA25AF8A}" dt="2023-10-12T11:35:33.715" v="256"/>
          <ac:spMkLst>
            <pc:docMk/>
            <pc:sldMk cId="2376958513" sldId="260"/>
            <ac:spMk id="605" creationId="{3B0B60BC-BE04-6103-312A-0141A1E80CE1}"/>
          </ac:spMkLst>
        </pc:spChg>
        <pc:spChg chg="mod">
          <ac:chgData name="White, Alex" userId="eff6cc8c-37d8-483b-9c6c-6b27e9afa9bc" providerId="ADAL" clId="{BF04C754-5BF4-4E83-9615-DB14FA25AF8A}" dt="2023-10-12T11:35:33.715" v="256"/>
          <ac:spMkLst>
            <pc:docMk/>
            <pc:sldMk cId="2376958513" sldId="260"/>
            <ac:spMk id="606" creationId="{572F4C0B-E672-494B-EDF4-8A77E9746570}"/>
          </ac:spMkLst>
        </pc:spChg>
        <pc:spChg chg="mod">
          <ac:chgData name="White, Alex" userId="eff6cc8c-37d8-483b-9c6c-6b27e9afa9bc" providerId="ADAL" clId="{BF04C754-5BF4-4E83-9615-DB14FA25AF8A}" dt="2023-10-12T11:35:33.715" v="256"/>
          <ac:spMkLst>
            <pc:docMk/>
            <pc:sldMk cId="2376958513" sldId="260"/>
            <ac:spMk id="607" creationId="{44C973D1-293D-2179-9159-239C35BBDFEA}"/>
          </ac:spMkLst>
        </pc:spChg>
        <pc:spChg chg="mod">
          <ac:chgData name="White, Alex" userId="eff6cc8c-37d8-483b-9c6c-6b27e9afa9bc" providerId="ADAL" clId="{BF04C754-5BF4-4E83-9615-DB14FA25AF8A}" dt="2023-10-12T11:35:33.715" v="256"/>
          <ac:spMkLst>
            <pc:docMk/>
            <pc:sldMk cId="2376958513" sldId="260"/>
            <ac:spMk id="608" creationId="{98ED584E-31C1-39EF-2BEE-AA58D34FE9FF}"/>
          </ac:spMkLst>
        </pc:spChg>
        <pc:spChg chg="mod">
          <ac:chgData name="White, Alex" userId="eff6cc8c-37d8-483b-9c6c-6b27e9afa9bc" providerId="ADAL" clId="{BF04C754-5BF4-4E83-9615-DB14FA25AF8A}" dt="2023-10-12T11:35:33.715" v="256"/>
          <ac:spMkLst>
            <pc:docMk/>
            <pc:sldMk cId="2376958513" sldId="260"/>
            <ac:spMk id="609" creationId="{4D838A70-9149-2952-7B65-D4CD0EB923F6}"/>
          </ac:spMkLst>
        </pc:spChg>
        <pc:spChg chg="mod">
          <ac:chgData name="White, Alex" userId="eff6cc8c-37d8-483b-9c6c-6b27e9afa9bc" providerId="ADAL" clId="{BF04C754-5BF4-4E83-9615-DB14FA25AF8A}" dt="2023-10-12T11:35:33.715" v="256"/>
          <ac:spMkLst>
            <pc:docMk/>
            <pc:sldMk cId="2376958513" sldId="260"/>
            <ac:spMk id="610" creationId="{FCC4DDC2-0532-FD20-109B-DAE1F7E67A6F}"/>
          </ac:spMkLst>
        </pc:spChg>
        <pc:spChg chg="mod">
          <ac:chgData name="White, Alex" userId="eff6cc8c-37d8-483b-9c6c-6b27e9afa9bc" providerId="ADAL" clId="{BF04C754-5BF4-4E83-9615-DB14FA25AF8A}" dt="2023-10-12T11:35:33.715" v="256"/>
          <ac:spMkLst>
            <pc:docMk/>
            <pc:sldMk cId="2376958513" sldId="260"/>
            <ac:spMk id="611" creationId="{CBD79A3D-C449-ADB3-0B0A-58707E41A85E}"/>
          </ac:spMkLst>
        </pc:spChg>
        <pc:spChg chg="mod">
          <ac:chgData name="White, Alex" userId="eff6cc8c-37d8-483b-9c6c-6b27e9afa9bc" providerId="ADAL" clId="{BF04C754-5BF4-4E83-9615-DB14FA25AF8A}" dt="2023-10-12T11:35:33.715" v="256"/>
          <ac:spMkLst>
            <pc:docMk/>
            <pc:sldMk cId="2376958513" sldId="260"/>
            <ac:spMk id="612" creationId="{789EE7A1-B07D-6F88-60E7-82E864142855}"/>
          </ac:spMkLst>
        </pc:spChg>
        <pc:spChg chg="mod">
          <ac:chgData name="White, Alex" userId="eff6cc8c-37d8-483b-9c6c-6b27e9afa9bc" providerId="ADAL" clId="{BF04C754-5BF4-4E83-9615-DB14FA25AF8A}" dt="2023-10-12T11:35:33.715" v="256"/>
          <ac:spMkLst>
            <pc:docMk/>
            <pc:sldMk cId="2376958513" sldId="260"/>
            <ac:spMk id="613" creationId="{24F82AC3-2C5C-31BE-C277-C52B22D272CF}"/>
          </ac:spMkLst>
        </pc:spChg>
        <pc:spChg chg="mod">
          <ac:chgData name="White, Alex" userId="eff6cc8c-37d8-483b-9c6c-6b27e9afa9bc" providerId="ADAL" clId="{BF04C754-5BF4-4E83-9615-DB14FA25AF8A}" dt="2023-10-12T11:35:33.715" v="256"/>
          <ac:spMkLst>
            <pc:docMk/>
            <pc:sldMk cId="2376958513" sldId="260"/>
            <ac:spMk id="614" creationId="{B285774C-1FF2-9B01-530A-C143102E0682}"/>
          </ac:spMkLst>
        </pc:spChg>
        <pc:spChg chg="mod">
          <ac:chgData name="White, Alex" userId="eff6cc8c-37d8-483b-9c6c-6b27e9afa9bc" providerId="ADAL" clId="{BF04C754-5BF4-4E83-9615-DB14FA25AF8A}" dt="2023-10-12T11:35:33.715" v="256"/>
          <ac:spMkLst>
            <pc:docMk/>
            <pc:sldMk cId="2376958513" sldId="260"/>
            <ac:spMk id="615" creationId="{2DF2AD14-BEBA-AFC8-BF87-CC8C01D8F41B}"/>
          </ac:spMkLst>
        </pc:spChg>
        <pc:spChg chg="mod">
          <ac:chgData name="White, Alex" userId="eff6cc8c-37d8-483b-9c6c-6b27e9afa9bc" providerId="ADAL" clId="{BF04C754-5BF4-4E83-9615-DB14FA25AF8A}" dt="2023-10-12T11:35:33.715" v="256"/>
          <ac:spMkLst>
            <pc:docMk/>
            <pc:sldMk cId="2376958513" sldId="260"/>
            <ac:spMk id="616" creationId="{82FADF0A-2F04-5D5E-710C-6F95E93FED10}"/>
          </ac:spMkLst>
        </pc:spChg>
        <pc:spChg chg="mod">
          <ac:chgData name="White, Alex" userId="eff6cc8c-37d8-483b-9c6c-6b27e9afa9bc" providerId="ADAL" clId="{BF04C754-5BF4-4E83-9615-DB14FA25AF8A}" dt="2023-10-12T11:35:33.715" v="256"/>
          <ac:spMkLst>
            <pc:docMk/>
            <pc:sldMk cId="2376958513" sldId="260"/>
            <ac:spMk id="617" creationId="{099F19EE-114C-4ECA-64AA-23B8588F1037}"/>
          </ac:spMkLst>
        </pc:spChg>
        <pc:spChg chg="mod">
          <ac:chgData name="White, Alex" userId="eff6cc8c-37d8-483b-9c6c-6b27e9afa9bc" providerId="ADAL" clId="{BF04C754-5BF4-4E83-9615-DB14FA25AF8A}" dt="2023-10-12T11:35:33.715" v="256"/>
          <ac:spMkLst>
            <pc:docMk/>
            <pc:sldMk cId="2376958513" sldId="260"/>
            <ac:spMk id="618" creationId="{314493D9-F765-28BF-C713-0278C03ADC93}"/>
          </ac:spMkLst>
        </pc:spChg>
        <pc:spChg chg="mod">
          <ac:chgData name="White, Alex" userId="eff6cc8c-37d8-483b-9c6c-6b27e9afa9bc" providerId="ADAL" clId="{BF04C754-5BF4-4E83-9615-DB14FA25AF8A}" dt="2023-10-12T11:35:33.715" v="256"/>
          <ac:spMkLst>
            <pc:docMk/>
            <pc:sldMk cId="2376958513" sldId="260"/>
            <ac:spMk id="619" creationId="{D0D9FFD8-1CEA-C3F1-602B-F2D3F31A0F5D}"/>
          </ac:spMkLst>
        </pc:spChg>
        <pc:spChg chg="mod">
          <ac:chgData name="White, Alex" userId="eff6cc8c-37d8-483b-9c6c-6b27e9afa9bc" providerId="ADAL" clId="{BF04C754-5BF4-4E83-9615-DB14FA25AF8A}" dt="2023-10-12T11:35:33.715" v="256"/>
          <ac:spMkLst>
            <pc:docMk/>
            <pc:sldMk cId="2376958513" sldId="260"/>
            <ac:spMk id="620" creationId="{8F25C7CA-3C27-CAF0-09DB-27E3DF652766}"/>
          </ac:spMkLst>
        </pc:spChg>
        <pc:spChg chg="mod">
          <ac:chgData name="White, Alex" userId="eff6cc8c-37d8-483b-9c6c-6b27e9afa9bc" providerId="ADAL" clId="{BF04C754-5BF4-4E83-9615-DB14FA25AF8A}" dt="2023-10-12T11:35:33.715" v="256"/>
          <ac:spMkLst>
            <pc:docMk/>
            <pc:sldMk cId="2376958513" sldId="260"/>
            <ac:spMk id="621" creationId="{BEB8E90D-A1AD-DE0B-D3CE-B3CD1A49585B}"/>
          </ac:spMkLst>
        </pc:spChg>
        <pc:spChg chg="mod">
          <ac:chgData name="White, Alex" userId="eff6cc8c-37d8-483b-9c6c-6b27e9afa9bc" providerId="ADAL" clId="{BF04C754-5BF4-4E83-9615-DB14FA25AF8A}" dt="2023-10-12T11:35:33.715" v="256"/>
          <ac:spMkLst>
            <pc:docMk/>
            <pc:sldMk cId="2376958513" sldId="260"/>
            <ac:spMk id="622" creationId="{29A11DCC-E665-33C6-B52C-6D0675EF83A2}"/>
          </ac:spMkLst>
        </pc:spChg>
        <pc:spChg chg="mod">
          <ac:chgData name="White, Alex" userId="eff6cc8c-37d8-483b-9c6c-6b27e9afa9bc" providerId="ADAL" clId="{BF04C754-5BF4-4E83-9615-DB14FA25AF8A}" dt="2023-10-12T11:35:33.715" v="256"/>
          <ac:spMkLst>
            <pc:docMk/>
            <pc:sldMk cId="2376958513" sldId="260"/>
            <ac:spMk id="623" creationId="{DBE340FD-9D9B-66DE-9664-F1D622157FD6}"/>
          </ac:spMkLst>
        </pc:spChg>
        <pc:spChg chg="mod">
          <ac:chgData name="White, Alex" userId="eff6cc8c-37d8-483b-9c6c-6b27e9afa9bc" providerId="ADAL" clId="{BF04C754-5BF4-4E83-9615-DB14FA25AF8A}" dt="2023-10-12T11:35:33.715" v="256"/>
          <ac:spMkLst>
            <pc:docMk/>
            <pc:sldMk cId="2376958513" sldId="260"/>
            <ac:spMk id="624" creationId="{5A2FFD9F-7D29-E02C-C63B-FA3B3F12F32E}"/>
          </ac:spMkLst>
        </pc:spChg>
        <pc:spChg chg="mod">
          <ac:chgData name="White, Alex" userId="eff6cc8c-37d8-483b-9c6c-6b27e9afa9bc" providerId="ADAL" clId="{BF04C754-5BF4-4E83-9615-DB14FA25AF8A}" dt="2023-10-12T11:35:33.715" v="256"/>
          <ac:spMkLst>
            <pc:docMk/>
            <pc:sldMk cId="2376958513" sldId="260"/>
            <ac:spMk id="625" creationId="{E2EEA078-11AE-4589-DB4C-9EA14F6F2F05}"/>
          </ac:spMkLst>
        </pc:spChg>
        <pc:spChg chg="mod">
          <ac:chgData name="White, Alex" userId="eff6cc8c-37d8-483b-9c6c-6b27e9afa9bc" providerId="ADAL" clId="{BF04C754-5BF4-4E83-9615-DB14FA25AF8A}" dt="2023-10-12T11:35:33.715" v="256"/>
          <ac:spMkLst>
            <pc:docMk/>
            <pc:sldMk cId="2376958513" sldId="260"/>
            <ac:spMk id="626" creationId="{8B29BBC5-91B8-42E2-B13B-DEB6DC02DEBD}"/>
          </ac:spMkLst>
        </pc:spChg>
        <pc:spChg chg="mod">
          <ac:chgData name="White, Alex" userId="eff6cc8c-37d8-483b-9c6c-6b27e9afa9bc" providerId="ADAL" clId="{BF04C754-5BF4-4E83-9615-DB14FA25AF8A}" dt="2023-10-12T11:35:33.715" v="256"/>
          <ac:spMkLst>
            <pc:docMk/>
            <pc:sldMk cId="2376958513" sldId="260"/>
            <ac:spMk id="627" creationId="{7713C60C-0133-9C33-6DD0-000FC39B0190}"/>
          </ac:spMkLst>
        </pc:spChg>
        <pc:spChg chg="mod">
          <ac:chgData name="White, Alex" userId="eff6cc8c-37d8-483b-9c6c-6b27e9afa9bc" providerId="ADAL" clId="{BF04C754-5BF4-4E83-9615-DB14FA25AF8A}" dt="2023-10-12T11:35:33.715" v="256"/>
          <ac:spMkLst>
            <pc:docMk/>
            <pc:sldMk cId="2376958513" sldId="260"/>
            <ac:spMk id="628" creationId="{3CE8A0A4-3CB4-3287-9BCA-D380CCB3FFE7}"/>
          </ac:spMkLst>
        </pc:spChg>
        <pc:spChg chg="mod">
          <ac:chgData name="White, Alex" userId="eff6cc8c-37d8-483b-9c6c-6b27e9afa9bc" providerId="ADAL" clId="{BF04C754-5BF4-4E83-9615-DB14FA25AF8A}" dt="2023-10-12T11:35:33.715" v="256"/>
          <ac:spMkLst>
            <pc:docMk/>
            <pc:sldMk cId="2376958513" sldId="260"/>
            <ac:spMk id="629" creationId="{E8A22919-67F7-4015-6F8D-FFA0C33CCF9B}"/>
          </ac:spMkLst>
        </pc:spChg>
        <pc:spChg chg="mod">
          <ac:chgData name="White, Alex" userId="eff6cc8c-37d8-483b-9c6c-6b27e9afa9bc" providerId="ADAL" clId="{BF04C754-5BF4-4E83-9615-DB14FA25AF8A}" dt="2023-10-12T11:35:33.715" v="256"/>
          <ac:spMkLst>
            <pc:docMk/>
            <pc:sldMk cId="2376958513" sldId="260"/>
            <ac:spMk id="630" creationId="{5A982AC9-4F5A-6868-45BE-B63534D81780}"/>
          </ac:spMkLst>
        </pc:spChg>
        <pc:spChg chg="mod">
          <ac:chgData name="White, Alex" userId="eff6cc8c-37d8-483b-9c6c-6b27e9afa9bc" providerId="ADAL" clId="{BF04C754-5BF4-4E83-9615-DB14FA25AF8A}" dt="2023-10-12T11:35:33.715" v="256"/>
          <ac:spMkLst>
            <pc:docMk/>
            <pc:sldMk cId="2376958513" sldId="260"/>
            <ac:spMk id="631" creationId="{2F7A6441-D2F4-955E-FF06-FFD2770B00B4}"/>
          </ac:spMkLst>
        </pc:spChg>
        <pc:spChg chg="mod">
          <ac:chgData name="White, Alex" userId="eff6cc8c-37d8-483b-9c6c-6b27e9afa9bc" providerId="ADAL" clId="{BF04C754-5BF4-4E83-9615-DB14FA25AF8A}" dt="2023-10-12T11:35:33.715" v="256"/>
          <ac:spMkLst>
            <pc:docMk/>
            <pc:sldMk cId="2376958513" sldId="260"/>
            <ac:spMk id="632" creationId="{AAE6F580-82EE-8909-7E19-C5971675F051}"/>
          </ac:spMkLst>
        </pc:spChg>
        <pc:spChg chg="mod">
          <ac:chgData name="White, Alex" userId="eff6cc8c-37d8-483b-9c6c-6b27e9afa9bc" providerId="ADAL" clId="{BF04C754-5BF4-4E83-9615-DB14FA25AF8A}" dt="2023-10-12T11:35:33.715" v="256"/>
          <ac:spMkLst>
            <pc:docMk/>
            <pc:sldMk cId="2376958513" sldId="260"/>
            <ac:spMk id="633" creationId="{CD8241FD-95AE-E0A5-217A-6A8E1A742DE8}"/>
          </ac:spMkLst>
        </pc:spChg>
        <pc:spChg chg="mod">
          <ac:chgData name="White, Alex" userId="eff6cc8c-37d8-483b-9c6c-6b27e9afa9bc" providerId="ADAL" clId="{BF04C754-5BF4-4E83-9615-DB14FA25AF8A}" dt="2023-10-12T11:35:33.715" v="256"/>
          <ac:spMkLst>
            <pc:docMk/>
            <pc:sldMk cId="2376958513" sldId="260"/>
            <ac:spMk id="634" creationId="{A2E18AE9-4E5A-6A92-1067-D03ECDF19C3F}"/>
          </ac:spMkLst>
        </pc:spChg>
        <pc:spChg chg="mod">
          <ac:chgData name="White, Alex" userId="eff6cc8c-37d8-483b-9c6c-6b27e9afa9bc" providerId="ADAL" clId="{BF04C754-5BF4-4E83-9615-DB14FA25AF8A}" dt="2023-10-12T11:35:33.715" v="256"/>
          <ac:spMkLst>
            <pc:docMk/>
            <pc:sldMk cId="2376958513" sldId="260"/>
            <ac:spMk id="635" creationId="{7BD56954-8C2B-C557-460C-3501427C1BCA}"/>
          </ac:spMkLst>
        </pc:spChg>
        <pc:spChg chg="mod">
          <ac:chgData name="White, Alex" userId="eff6cc8c-37d8-483b-9c6c-6b27e9afa9bc" providerId="ADAL" clId="{BF04C754-5BF4-4E83-9615-DB14FA25AF8A}" dt="2023-10-12T11:35:33.715" v="256"/>
          <ac:spMkLst>
            <pc:docMk/>
            <pc:sldMk cId="2376958513" sldId="260"/>
            <ac:spMk id="636" creationId="{0A5F326D-A447-A540-FD46-E315055863E8}"/>
          </ac:spMkLst>
        </pc:spChg>
        <pc:spChg chg="mod">
          <ac:chgData name="White, Alex" userId="eff6cc8c-37d8-483b-9c6c-6b27e9afa9bc" providerId="ADAL" clId="{BF04C754-5BF4-4E83-9615-DB14FA25AF8A}" dt="2023-10-12T11:35:33.715" v="256"/>
          <ac:spMkLst>
            <pc:docMk/>
            <pc:sldMk cId="2376958513" sldId="260"/>
            <ac:spMk id="637" creationId="{1ADC5169-9E26-EEAE-AC88-D2F07E179F6B}"/>
          </ac:spMkLst>
        </pc:spChg>
        <pc:spChg chg="mod">
          <ac:chgData name="White, Alex" userId="eff6cc8c-37d8-483b-9c6c-6b27e9afa9bc" providerId="ADAL" clId="{BF04C754-5BF4-4E83-9615-DB14FA25AF8A}" dt="2023-10-12T11:35:33.715" v="256"/>
          <ac:spMkLst>
            <pc:docMk/>
            <pc:sldMk cId="2376958513" sldId="260"/>
            <ac:spMk id="638" creationId="{9E298C2A-04F0-F27F-0E34-503BA2793064}"/>
          </ac:spMkLst>
        </pc:spChg>
        <pc:spChg chg="mod">
          <ac:chgData name="White, Alex" userId="eff6cc8c-37d8-483b-9c6c-6b27e9afa9bc" providerId="ADAL" clId="{BF04C754-5BF4-4E83-9615-DB14FA25AF8A}" dt="2023-10-12T11:35:33.715" v="256"/>
          <ac:spMkLst>
            <pc:docMk/>
            <pc:sldMk cId="2376958513" sldId="260"/>
            <ac:spMk id="639" creationId="{17CAB783-3B2F-A869-BA87-C509DC241F6C}"/>
          </ac:spMkLst>
        </pc:spChg>
        <pc:spChg chg="mod">
          <ac:chgData name="White, Alex" userId="eff6cc8c-37d8-483b-9c6c-6b27e9afa9bc" providerId="ADAL" clId="{BF04C754-5BF4-4E83-9615-DB14FA25AF8A}" dt="2023-10-12T11:35:33.715" v="256"/>
          <ac:spMkLst>
            <pc:docMk/>
            <pc:sldMk cId="2376958513" sldId="260"/>
            <ac:spMk id="640" creationId="{A715B759-5998-601F-CD9C-B6FBC0FF73FD}"/>
          </ac:spMkLst>
        </pc:spChg>
        <pc:spChg chg="mod">
          <ac:chgData name="White, Alex" userId="eff6cc8c-37d8-483b-9c6c-6b27e9afa9bc" providerId="ADAL" clId="{BF04C754-5BF4-4E83-9615-DB14FA25AF8A}" dt="2023-10-12T11:35:33.715" v="256"/>
          <ac:spMkLst>
            <pc:docMk/>
            <pc:sldMk cId="2376958513" sldId="260"/>
            <ac:spMk id="641" creationId="{F7F68980-F63C-902A-B448-B854B3145BBA}"/>
          </ac:spMkLst>
        </pc:spChg>
        <pc:spChg chg="mod">
          <ac:chgData name="White, Alex" userId="eff6cc8c-37d8-483b-9c6c-6b27e9afa9bc" providerId="ADAL" clId="{BF04C754-5BF4-4E83-9615-DB14FA25AF8A}" dt="2023-10-12T11:35:33.715" v="256"/>
          <ac:spMkLst>
            <pc:docMk/>
            <pc:sldMk cId="2376958513" sldId="260"/>
            <ac:spMk id="642" creationId="{2FE9FF88-D89E-B8FC-FAC8-CE550044AF8C}"/>
          </ac:spMkLst>
        </pc:spChg>
        <pc:spChg chg="mod">
          <ac:chgData name="White, Alex" userId="eff6cc8c-37d8-483b-9c6c-6b27e9afa9bc" providerId="ADAL" clId="{BF04C754-5BF4-4E83-9615-DB14FA25AF8A}" dt="2023-10-12T11:35:33.715" v="256"/>
          <ac:spMkLst>
            <pc:docMk/>
            <pc:sldMk cId="2376958513" sldId="260"/>
            <ac:spMk id="643" creationId="{544BD300-4EB5-51B6-366C-7B6C9F9E69DB}"/>
          </ac:spMkLst>
        </pc:spChg>
        <pc:spChg chg="mod">
          <ac:chgData name="White, Alex" userId="eff6cc8c-37d8-483b-9c6c-6b27e9afa9bc" providerId="ADAL" clId="{BF04C754-5BF4-4E83-9615-DB14FA25AF8A}" dt="2023-10-12T11:35:33.715" v="256"/>
          <ac:spMkLst>
            <pc:docMk/>
            <pc:sldMk cId="2376958513" sldId="260"/>
            <ac:spMk id="644" creationId="{C0E68F4B-97B6-2C04-30AD-6D3AA034A07A}"/>
          </ac:spMkLst>
        </pc:spChg>
        <pc:spChg chg="mod">
          <ac:chgData name="White, Alex" userId="eff6cc8c-37d8-483b-9c6c-6b27e9afa9bc" providerId="ADAL" clId="{BF04C754-5BF4-4E83-9615-DB14FA25AF8A}" dt="2023-10-12T11:35:33.715" v="256"/>
          <ac:spMkLst>
            <pc:docMk/>
            <pc:sldMk cId="2376958513" sldId="260"/>
            <ac:spMk id="645" creationId="{BF6B9FD2-1790-CFD8-3651-A637107A20CC}"/>
          </ac:spMkLst>
        </pc:spChg>
        <pc:spChg chg="mod">
          <ac:chgData name="White, Alex" userId="eff6cc8c-37d8-483b-9c6c-6b27e9afa9bc" providerId="ADAL" clId="{BF04C754-5BF4-4E83-9615-DB14FA25AF8A}" dt="2023-10-12T11:35:33.715" v="256"/>
          <ac:spMkLst>
            <pc:docMk/>
            <pc:sldMk cId="2376958513" sldId="260"/>
            <ac:spMk id="646" creationId="{90F4CBBD-964F-3E9E-E98E-42DDA8D5E90E}"/>
          </ac:spMkLst>
        </pc:spChg>
        <pc:spChg chg="mod">
          <ac:chgData name="White, Alex" userId="eff6cc8c-37d8-483b-9c6c-6b27e9afa9bc" providerId="ADAL" clId="{BF04C754-5BF4-4E83-9615-DB14FA25AF8A}" dt="2023-10-12T11:35:33.715" v="256"/>
          <ac:spMkLst>
            <pc:docMk/>
            <pc:sldMk cId="2376958513" sldId="260"/>
            <ac:spMk id="647" creationId="{DDBF4640-A69A-C897-7B1B-797B8085E3E3}"/>
          </ac:spMkLst>
        </pc:spChg>
        <pc:spChg chg="mod">
          <ac:chgData name="White, Alex" userId="eff6cc8c-37d8-483b-9c6c-6b27e9afa9bc" providerId="ADAL" clId="{BF04C754-5BF4-4E83-9615-DB14FA25AF8A}" dt="2023-10-12T11:35:33.715" v="256"/>
          <ac:spMkLst>
            <pc:docMk/>
            <pc:sldMk cId="2376958513" sldId="260"/>
            <ac:spMk id="648" creationId="{BF3CD079-5CA1-F1A8-DB93-6305D67C519C}"/>
          </ac:spMkLst>
        </pc:spChg>
        <pc:spChg chg="mod">
          <ac:chgData name="White, Alex" userId="eff6cc8c-37d8-483b-9c6c-6b27e9afa9bc" providerId="ADAL" clId="{BF04C754-5BF4-4E83-9615-DB14FA25AF8A}" dt="2023-10-12T11:35:33.715" v="256"/>
          <ac:spMkLst>
            <pc:docMk/>
            <pc:sldMk cId="2376958513" sldId="260"/>
            <ac:spMk id="649" creationId="{75A41122-8737-12DA-B4BB-63DB4A806989}"/>
          </ac:spMkLst>
        </pc:spChg>
        <pc:spChg chg="mod">
          <ac:chgData name="White, Alex" userId="eff6cc8c-37d8-483b-9c6c-6b27e9afa9bc" providerId="ADAL" clId="{BF04C754-5BF4-4E83-9615-DB14FA25AF8A}" dt="2023-10-12T11:35:33.715" v="256"/>
          <ac:spMkLst>
            <pc:docMk/>
            <pc:sldMk cId="2376958513" sldId="260"/>
            <ac:spMk id="650" creationId="{EAF503C4-CE14-D484-1ACF-72D42845E688}"/>
          </ac:spMkLst>
        </pc:spChg>
        <pc:spChg chg="mod">
          <ac:chgData name="White, Alex" userId="eff6cc8c-37d8-483b-9c6c-6b27e9afa9bc" providerId="ADAL" clId="{BF04C754-5BF4-4E83-9615-DB14FA25AF8A}" dt="2023-10-12T11:35:33.715" v="256"/>
          <ac:spMkLst>
            <pc:docMk/>
            <pc:sldMk cId="2376958513" sldId="260"/>
            <ac:spMk id="651" creationId="{FEA7DA01-DC9E-A441-BC42-5C58AC30CB16}"/>
          </ac:spMkLst>
        </pc:spChg>
        <pc:spChg chg="mod">
          <ac:chgData name="White, Alex" userId="eff6cc8c-37d8-483b-9c6c-6b27e9afa9bc" providerId="ADAL" clId="{BF04C754-5BF4-4E83-9615-DB14FA25AF8A}" dt="2023-10-12T11:35:33.715" v="256"/>
          <ac:spMkLst>
            <pc:docMk/>
            <pc:sldMk cId="2376958513" sldId="260"/>
            <ac:spMk id="652" creationId="{23DD425D-C253-8A96-18C0-8CF1306D4924}"/>
          </ac:spMkLst>
        </pc:spChg>
        <pc:spChg chg="mod">
          <ac:chgData name="White, Alex" userId="eff6cc8c-37d8-483b-9c6c-6b27e9afa9bc" providerId="ADAL" clId="{BF04C754-5BF4-4E83-9615-DB14FA25AF8A}" dt="2023-10-12T11:35:33.715" v="256"/>
          <ac:spMkLst>
            <pc:docMk/>
            <pc:sldMk cId="2376958513" sldId="260"/>
            <ac:spMk id="653" creationId="{C6DFD2A9-3EE9-77E8-0E3A-C7108B9F36C4}"/>
          </ac:spMkLst>
        </pc:spChg>
        <pc:spChg chg="mod">
          <ac:chgData name="White, Alex" userId="eff6cc8c-37d8-483b-9c6c-6b27e9afa9bc" providerId="ADAL" clId="{BF04C754-5BF4-4E83-9615-DB14FA25AF8A}" dt="2023-10-12T11:35:33.715" v="256"/>
          <ac:spMkLst>
            <pc:docMk/>
            <pc:sldMk cId="2376958513" sldId="260"/>
            <ac:spMk id="654" creationId="{A3682C75-FD8A-E828-219B-96541412AA20}"/>
          </ac:spMkLst>
        </pc:spChg>
        <pc:spChg chg="mod">
          <ac:chgData name="White, Alex" userId="eff6cc8c-37d8-483b-9c6c-6b27e9afa9bc" providerId="ADAL" clId="{BF04C754-5BF4-4E83-9615-DB14FA25AF8A}" dt="2023-10-12T11:35:33.715" v="256"/>
          <ac:spMkLst>
            <pc:docMk/>
            <pc:sldMk cId="2376958513" sldId="260"/>
            <ac:spMk id="655" creationId="{9497EAEA-12C0-1458-0B35-58D6F40ACAF1}"/>
          </ac:spMkLst>
        </pc:spChg>
        <pc:spChg chg="mod">
          <ac:chgData name="White, Alex" userId="eff6cc8c-37d8-483b-9c6c-6b27e9afa9bc" providerId="ADAL" clId="{BF04C754-5BF4-4E83-9615-DB14FA25AF8A}" dt="2023-10-12T11:35:33.715" v="256"/>
          <ac:spMkLst>
            <pc:docMk/>
            <pc:sldMk cId="2376958513" sldId="260"/>
            <ac:spMk id="656" creationId="{76113172-0C4B-BB64-7FEE-3C134E9AA8AE}"/>
          </ac:spMkLst>
        </pc:spChg>
        <pc:spChg chg="mod">
          <ac:chgData name="White, Alex" userId="eff6cc8c-37d8-483b-9c6c-6b27e9afa9bc" providerId="ADAL" clId="{BF04C754-5BF4-4E83-9615-DB14FA25AF8A}" dt="2023-10-12T11:35:33.715" v="256"/>
          <ac:spMkLst>
            <pc:docMk/>
            <pc:sldMk cId="2376958513" sldId="260"/>
            <ac:spMk id="657" creationId="{1934D6D0-9D22-EDDA-BD67-CAB476A7B5BE}"/>
          </ac:spMkLst>
        </pc:spChg>
        <pc:spChg chg="mod">
          <ac:chgData name="White, Alex" userId="eff6cc8c-37d8-483b-9c6c-6b27e9afa9bc" providerId="ADAL" clId="{BF04C754-5BF4-4E83-9615-DB14FA25AF8A}" dt="2023-10-12T11:35:33.715" v="256"/>
          <ac:spMkLst>
            <pc:docMk/>
            <pc:sldMk cId="2376958513" sldId="260"/>
            <ac:spMk id="658" creationId="{9FCF8C63-B0DF-CAFF-88A8-398BF1B3756C}"/>
          </ac:spMkLst>
        </pc:spChg>
        <pc:spChg chg="mod">
          <ac:chgData name="White, Alex" userId="eff6cc8c-37d8-483b-9c6c-6b27e9afa9bc" providerId="ADAL" clId="{BF04C754-5BF4-4E83-9615-DB14FA25AF8A}" dt="2023-10-12T11:35:33.715" v="256"/>
          <ac:spMkLst>
            <pc:docMk/>
            <pc:sldMk cId="2376958513" sldId="260"/>
            <ac:spMk id="659" creationId="{5521111B-3725-DA51-C760-FC10DB62261D}"/>
          </ac:spMkLst>
        </pc:spChg>
        <pc:spChg chg="mod">
          <ac:chgData name="White, Alex" userId="eff6cc8c-37d8-483b-9c6c-6b27e9afa9bc" providerId="ADAL" clId="{BF04C754-5BF4-4E83-9615-DB14FA25AF8A}" dt="2023-10-12T11:35:33.715" v="256"/>
          <ac:spMkLst>
            <pc:docMk/>
            <pc:sldMk cId="2376958513" sldId="260"/>
            <ac:spMk id="660" creationId="{99E10507-92F9-B62B-8B09-37F705526A72}"/>
          </ac:spMkLst>
        </pc:spChg>
        <pc:spChg chg="mod">
          <ac:chgData name="White, Alex" userId="eff6cc8c-37d8-483b-9c6c-6b27e9afa9bc" providerId="ADAL" clId="{BF04C754-5BF4-4E83-9615-DB14FA25AF8A}" dt="2023-10-12T11:35:33.715" v="256"/>
          <ac:spMkLst>
            <pc:docMk/>
            <pc:sldMk cId="2376958513" sldId="260"/>
            <ac:spMk id="661" creationId="{3D24C49D-3956-1B46-315E-068822B315BF}"/>
          </ac:spMkLst>
        </pc:spChg>
        <pc:spChg chg="mod">
          <ac:chgData name="White, Alex" userId="eff6cc8c-37d8-483b-9c6c-6b27e9afa9bc" providerId="ADAL" clId="{BF04C754-5BF4-4E83-9615-DB14FA25AF8A}" dt="2023-10-12T11:35:33.715" v="256"/>
          <ac:spMkLst>
            <pc:docMk/>
            <pc:sldMk cId="2376958513" sldId="260"/>
            <ac:spMk id="662" creationId="{AF936122-AE91-1B5D-07AD-DFB68B83AF7F}"/>
          </ac:spMkLst>
        </pc:spChg>
        <pc:spChg chg="mod">
          <ac:chgData name="White, Alex" userId="eff6cc8c-37d8-483b-9c6c-6b27e9afa9bc" providerId="ADAL" clId="{BF04C754-5BF4-4E83-9615-DB14FA25AF8A}" dt="2023-10-12T11:35:33.715" v="256"/>
          <ac:spMkLst>
            <pc:docMk/>
            <pc:sldMk cId="2376958513" sldId="260"/>
            <ac:spMk id="663" creationId="{AE816E90-C557-C3E2-374B-924C9D817175}"/>
          </ac:spMkLst>
        </pc:spChg>
        <pc:spChg chg="mod">
          <ac:chgData name="White, Alex" userId="eff6cc8c-37d8-483b-9c6c-6b27e9afa9bc" providerId="ADAL" clId="{BF04C754-5BF4-4E83-9615-DB14FA25AF8A}" dt="2023-10-12T11:35:33.715" v="256"/>
          <ac:spMkLst>
            <pc:docMk/>
            <pc:sldMk cId="2376958513" sldId="260"/>
            <ac:spMk id="664" creationId="{5706F812-2034-815F-F110-F8DAEFD1A203}"/>
          </ac:spMkLst>
        </pc:spChg>
        <pc:spChg chg="mod">
          <ac:chgData name="White, Alex" userId="eff6cc8c-37d8-483b-9c6c-6b27e9afa9bc" providerId="ADAL" clId="{BF04C754-5BF4-4E83-9615-DB14FA25AF8A}" dt="2023-10-12T11:35:33.715" v="256"/>
          <ac:spMkLst>
            <pc:docMk/>
            <pc:sldMk cId="2376958513" sldId="260"/>
            <ac:spMk id="665" creationId="{75B0B31C-E34F-049C-6322-5087F6B1C659}"/>
          </ac:spMkLst>
        </pc:spChg>
        <pc:spChg chg="mod">
          <ac:chgData name="White, Alex" userId="eff6cc8c-37d8-483b-9c6c-6b27e9afa9bc" providerId="ADAL" clId="{BF04C754-5BF4-4E83-9615-DB14FA25AF8A}" dt="2023-10-12T11:35:33.715" v="256"/>
          <ac:spMkLst>
            <pc:docMk/>
            <pc:sldMk cId="2376958513" sldId="260"/>
            <ac:spMk id="666" creationId="{0D506356-60E9-063F-DCC1-0D537738209E}"/>
          </ac:spMkLst>
        </pc:spChg>
        <pc:spChg chg="add del mod">
          <ac:chgData name="White, Alex" userId="eff6cc8c-37d8-483b-9c6c-6b27e9afa9bc" providerId="ADAL" clId="{BF04C754-5BF4-4E83-9615-DB14FA25AF8A}" dt="2023-10-12T11:36:36.870" v="270"/>
          <ac:spMkLst>
            <pc:docMk/>
            <pc:sldMk cId="2376958513" sldId="260"/>
            <ac:spMk id="667" creationId="{C376032B-7E00-6ADB-86E3-A481229D3B6A}"/>
          </ac:spMkLst>
        </pc:spChg>
        <pc:spChg chg="mod">
          <ac:chgData name="White, Alex" userId="eff6cc8c-37d8-483b-9c6c-6b27e9afa9bc" providerId="ADAL" clId="{BF04C754-5BF4-4E83-9615-DB14FA25AF8A}" dt="2023-10-12T11:36:41.386" v="271"/>
          <ac:spMkLst>
            <pc:docMk/>
            <pc:sldMk cId="2376958513" sldId="260"/>
            <ac:spMk id="669" creationId="{75BD92A5-BCC0-CB11-05D6-418D5D441D43}"/>
          </ac:spMkLst>
        </pc:spChg>
        <pc:spChg chg="mod">
          <ac:chgData name="White, Alex" userId="eff6cc8c-37d8-483b-9c6c-6b27e9afa9bc" providerId="ADAL" clId="{BF04C754-5BF4-4E83-9615-DB14FA25AF8A}" dt="2023-10-12T11:36:41.386" v="271"/>
          <ac:spMkLst>
            <pc:docMk/>
            <pc:sldMk cId="2376958513" sldId="260"/>
            <ac:spMk id="670" creationId="{2EE0EAD0-CB1B-B82D-F5EB-7E2601A6F721}"/>
          </ac:spMkLst>
        </pc:spChg>
        <pc:spChg chg="mod">
          <ac:chgData name="White, Alex" userId="eff6cc8c-37d8-483b-9c6c-6b27e9afa9bc" providerId="ADAL" clId="{BF04C754-5BF4-4E83-9615-DB14FA25AF8A}" dt="2023-10-12T11:36:41.386" v="271"/>
          <ac:spMkLst>
            <pc:docMk/>
            <pc:sldMk cId="2376958513" sldId="260"/>
            <ac:spMk id="671" creationId="{30C7FC9B-2D83-117D-EAE0-1A6D41ECF247}"/>
          </ac:spMkLst>
        </pc:spChg>
        <pc:spChg chg="mod">
          <ac:chgData name="White, Alex" userId="eff6cc8c-37d8-483b-9c6c-6b27e9afa9bc" providerId="ADAL" clId="{BF04C754-5BF4-4E83-9615-DB14FA25AF8A}" dt="2023-10-12T11:36:41.386" v="271"/>
          <ac:spMkLst>
            <pc:docMk/>
            <pc:sldMk cId="2376958513" sldId="260"/>
            <ac:spMk id="672" creationId="{1944A6F3-05CF-A0A0-0891-5644F0F34570}"/>
          </ac:spMkLst>
        </pc:spChg>
        <pc:spChg chg="mod">
          <ac:chgData name="White, Alex" userId="eff6cc8c-37d8-483b-9c6c-6b27e9afa9bc" providerId="ADAL" clId="{BF04C754-5BF4-4E83-9615-DB14FA25AF8A}" dt="2023-10-12T11:36:41.386" v="271"/>
          <ac:spMkLst>
            <pc:docMk/>
            <pc:sldMk cId="2376958513" sldId="260"/>
            <ac:spMk id="673" creationId="{08BE19A1-8686-5515-1E00-822D3C68C599}"/>
          </ac:spMkLst>
        </pc:spChg>
        <pc:spChg chg="mod">
          <ac:chgData name="White, Alex" userId="eff6cc8c-37d8-483b-9c6c-6b27e9afa9bc" providerId="ADAL" clId="{BF04C754-5BF4-4E83-9615-DB14FA25AF8A}" dt="2023-10-12T11:36:41.386" v="271"/>
          <ac:spMkLst>
            <pc:docMk/>
            <pc:sldMk cId="2376958513" sldId="260"/>
            <ac:spMk id="674" creationId="{B5A8DFF2-6BC9-8AD7-EC94-DC9FD5CF06F6}"/>
          </ac:spMkLst>
        </pc:spChg>
        <pc:spChg chg="mod">
          <ac:chgData name="White, Alex" userId="eff6cc8c-37d8-483b-9c6c-6b27e9afa9bc" providerId="ADAL" clId="{BF04C754-5BF4-4E83-9615-DB14FA25AF8A}" dt="2023-10-12T11:36:41.386" v="271"/>
          <ac:spMkLst>
            <pc:docMk/>
            <pc:sldMk cId="2376958513" sldId="260"/>
            <ac:spMk id="675" creationId="{4476340D-D9B5-3EF1-AD39-062533C7FA84}"/>
          </ac:spMkLst>
        </pc:spChg>
        <pc:spChg chg="mod">
          <ac:chgData name="White, Alex" userId="eff6cc8c-37d8-483b-9c6c-6b27e9afa9bc" providerId="ADAL" clId="{BF04C754-5BF4-4E83-9615-DB14FA25AF8A}" dt="2023-10-12T11:36:41.386" v="271"/>
          <ac:spMkLst>
            <pc:docMk/>
            <pc:sldMk cId="2376958513" sldId="260"/>
            <ac:spMk id="676" creationId="{1B88C76A-4750-4794-5B88-15D0711E0F61}"/>
          </ac:spMkLst>
        </pc:spChg>
        <pc:spChg chg="mod">
          <ac:chgData name="White, Alex" userId="eff6cc8c-37d8-483b-9c6c-6b27e9afa9bc" providerId="ADAL" clId="{BF04C754-5BF4-4E83-9615-DB14FA25AF8A}" dt="2023-10-12T11:36:41.386" v="271"/>
          <ac:spMkLst>
            <pc:docMk/>
            <pc:sldMk cId="2376958513" sldId="260"/>
            <ac:spMk id="677" creationId="{061DAFBE-2EEC-C6B8-AB76-DDF34D9EAE03}"/>
          </ac:spMkLst>
        </pc:spChg>
        <pc:spChg chg="mod">
          <ac:chgData name="White, Alex" userId="eff6cc8c-37d8-483b-9c6c-6b27e9afa9bc" providerId="ADAL" clId="{BF04C754-5BF4-4E83-9615-DB14FA25AF8A}" dt="2023-10-12T11:36:41.386" v="271"/>
          <ac:spMkLst>
            <pc:docMk/>
            <pc:sldMk cId="2376958513" sldId="260"/>
            <ac:spMk id="678" creationId="{2B076F61-4B68-68FA-6548-7EEBF397FAB3}"/>
          </ac:spMkLst>
        </pc:spChg>
        <pc:spChg chg="mod">
          <ac:chgData name="White, Alex" userId="eff6cc8c-37d8-483b-9c6c-6b27e9afa9bc" providerId="ADAL" clId="{BF04C754-5BF4-4E83-9615-DB14FA25AF8A}" dt="2023-10-12T11:36:41.386" v="271"/>
          <ac:spMkLst>
            <pc:docMk/>
            <pc:sldMk cId="2376958513" sldId="260"/>
            <ac:spMk id="679" creationId="{205C9FAB-8B39-4EEB-3B55-B5FA00C1C2E6}"/>
          </ac:spMkLst>
        </pc:spChg>
        <pc:spChg chg="mod">
          <ac:chgData name="White, Alex" userId="eff6cc8c-37d8-483b-9c6c-6b27e9afa9bc" providerId="ADAL" clId="{BF04C754-5BF4-4E83-9615-DB14FA25AF8A}" dt="2023-10-12T11:36:41.386" v="271"/>
          <ac:spMkLst>
            <pc:docMk/>
            <pc:sldMk cId="2376958513" sldId="260"/>
            <ac:spMk id="680" creationId="{A35129F8-D081-693E-8A14-5F8785518379}"/>
          </ac:spMkLst>
        </pc:spChg>
        <pc:spChg chg="mod">
          <ac:chgData name="White, Alex" userId="eff6cc8c-37d8-483b-9c6c-6b27e9afa9bc" providerId="ADAL" clId="{BF04C754-5BF4-4E83-9615-DB14FA25AF8A}" dt="2023-10-12T11:36:41.386" v="271"/>
          <ac:spMkLst>
            <pc:docMk/>
            <pc:sldMk cId="2376958513" sldId="260"/>
            <ac:spMk id="681" creationId="{241C84C6-3720-3402-C3CB-83E49180F2EF}"/>
          </ac:spMkLst>
        </pc:spChg>
        <pc:spChg chg="mod">
          <ac:chgData name="White, Alex" userId="eff6cc8c-37d8-483b-9c6c-6b27e9afa9bc" providerId="ADAL" clId="{BF04C754-5BF4-4E83-9615-DB14FA25AF8A}" dt="2023-10-12T11:36:41.386" v="271"/>
          <ac:spMkLst>
            <pc:docMk/>
            <pc:sldMk cId="2376958513" sldId="260"/>
            <ac:spMk id="682" creationId="{0FFDAB36-E163-428A-FA46-70C5573BC54A}"/>
          </ac:spMkLst>
        </pc:spChg>
        <pc:spChg chg="mod">
          <ac:chgData name="White, Alex" userId="eff6cc8c-37d8-483b-9c6c-6b27e9afa9bc" providerId="ADAL" clId="{BF04C754-5BF4-4E83-9615-DB14FA25AF8A}" dt="2023-10-12T11:36:41.386" v="271"/>
          <ac:spMkLst>
            <pc:docMk/>
            <pc:sldMk cId="2376958513" sldId="260"/>
            <ac:spMk id="683" creationId="{05D6D629-1DA8-1F7E-18A4-EC1919F23DE7}"/>
          </ac:spMkLst>
        </pc:spChg>
        <pc:spChg chg="mod">
          <ac:chgData name="White, Alex" userId="eff6cc8c-37d8-483b-9c6c-6b27e9afa9bc" providerId="ADAL" clId="{BF04C754-5BF4-4E83-9615-DB14FA25AF8A}" dt="2023-10-12T11:36:41.386" v="271"/>
          <ac:spMkLst>
            <pc:docMk/>
            <pc:sldMk cId="2376958513" sldId="260"/>
            <ac:spMk id="684" creationId="{89ECFEBD-B59C-024F-CB87-F6580A563896}"/>
          </ac:spMkLst>
        </pc:spChg>
        <pc:spChg chg="mod">
          <ac:chgData name="White, Alex" userId="eff6cc8c-37d8-483b-9c6c-6b27e9afa9bc" providerId="ADAL" clId="{BF04C754-5BF4-4E83-9615-DB14FA25AF8A}" dt="2023-10-12T11:36:41.386" v="271"/>
          <ac:spMkLst>
            <pc:docMk/>
            <pc:sldMk cId="2376958513" sldId="260"/>
            <ac:spMk id="685" creationId="{572B32B1-C768-3FAE-1EEB-D47475988080}"/>
          </ac:spMkLst>
        </pc:spChg>
        <pc:spChg chg="mod">
          <ac:chgData name="White, Alex" userId="eff6cc8c-37d8-483b-9c6c-6b27e9afa9bc" providerId="ADAL" clId="{BF04C754-5BF4-4E83-9615-DB14FA25AF8A}" dt="2023-10-12T11:36:41.386" v="271"/>
          <ac:spMkLst>
            <pc:docMk/>
            <pc:sldMk cId="2376958513" sldId="260"/>
            <ac:spMk id="686" creationId="{8172F614-66CB-D523-4F4F-FF96EE17C951}"/>
          </ac:spMkLst>
        </pc:spChg>
        <pc:spChg chg="mod">
          <ac:chgData name="White, Alex" userId="eff6cc8c-37d8-483b-9c6c-6b27e9afa9bc" providerId="ADAL" clId="{BF04C754-5BF4-4E83-9615-DB14FA25AF8A}" dt="2023-10-12T11:36:41.386" v="271"/>
          <ac:spMkLst>
            <pc:docMk/>
            <pc:sldMk cId="2376958513" sldId="260"/>
            <ac:spMk id="687" creationId="{1FEA1262-870D-3D96-2D46-0767D384B82F}"/>
          </ac:spMkLst>
        </pc:spChg>
        <pc:spChg chg="mod">
          <ac:chgData name="White, Alex" userId="eff6cc8c-37d8-483b-9c6c-6b27e9afa9bc" providerId="ADAL" clId="{BF04C754-5BF4-4E83-9615-DB14FA25AF8A}" dt="2023-10-12T11:36:41.386" v="271"/>
          <ac:spMkLst>
            <pc:docMk/>
            <pc:sldMk cId="2376958513" sldId="260"/>
            <ac:spMk id="688" creationId="{36767684-15F9-0F4E-90EC-8E85DF23CDE1}"/>
          </ac:spMkLst>
        </pc:spChg>
        <pc:spChg chg="mod">
          <ac:chgData name="White, Alex" userId="eff6cc8c-37d8-483b-9c6c-6b27e9afa9bc" providerId="ADAL" clId="{BF04C754-5BF4-4E83-9615-DB14FA25AF8A}" dt="2023-10-12T11:36:41.386" v="271"/>
          <ac:spMkLst>
            <pc:docMk/>
            <pc:sldMk cId="2376958513" sldId="260"/>
            <ac:spMk id="689" creationId="{4E50066E-20E1-4B94-A1E1-C7249D5F6A35}"/>
          </ac:spMkLst>
        </pc:spChg>
        <pc:spChg chg="mod">
          <ac:chgData name="White, Alex" userId="eff6cc8c-37d8-483b-9c6c-6b27e9afa9bc" providerId="ADAL" clId="{BF04C754-5BF4-4E83-9615-DB14FA25AF8A}" dt="2023-10-12T11:36:41.386" v="271"/>
          <ac:spMkLst>
            <pc:docMk/>
            <pc:sldMk cId="2376958513" sldId="260"/>
            <ac:spMk id="690" creationId="{B44DBBB4-D376-6932-F5DE-6F40C35BF95F}"/>
          </ac:spMkLst>
        </pc:spChg>
        <pc:spChg chg="mod">
          <ac:chgData name="White, Alex" userId="eff6cc8c-37d8-483b-9c6c-6b27e9afa9bc" providerId="ADAL" clId="{BF04C754-5BF4-4E83-9615-DB14FA25AF8A}" dt="2023-10-12T11:36:41.386" v="271"/>
          <ac:spMkLst>
            <pc:docMk/>
            <pc:sldMk cId="2376958513" sldId="260"/>
            <ac:spMk id="691" creationId="{3F9933B9-601B-8B52-1C3B-2E5CC7384783}"/>
          </ac:spMkLst>
        </pc:spChg>
        <pc:spChg chg="mod">
          <ac:chgData name="White, Alex" userId="eff6cc8c-37d8-483b-9c6c-6b27e9afa9bc" providerId="ADAL" clId="{BF04C754-5BF4-4E83-9615-DB14FA25AF8A}" dt="2023-10-12T11:36:41.386" v="271"/>
          <ac:spMkLst>
            <pc:docMk/>
            <pc:sldMk cId="2376958513" sldId="260"/>
            <ac:spMk id="692" creationId="{B2D8EFF4-379D-1FE6-726C-5B69874F82FB}"/>
          </ac:spMkLst>
        </pc:spChg>
        <pc:spChg chg="mod">
          <ac:chgData name="White, Alex" userId="eff6cc8c-37d8-483b-9c6c-6b27e9afa9bc" providerId="ADAL" clId="{BF04C754-5BF4-4E83-9615-DB14FA25AF8A}" dt="2023-10-12T11:36:41.386" v="271"/>
          <ac:spMkLst>
            <pc:docMk/>
            <pc:sldMk cId="2376958513" sldId="260"/>
            <ac:spMk id="693" creationId="{C2BD4ABD-069E-6C88-D4DA-41E91D15FCE4}"/>
          </ac:spMkLst>
        </pc:spChg>
        <pc:spChg chg="mod">
          <ac:chgData name="White, Alex" userId="eff6cc8c-37d8-483b-9c6c-6b27e9afa9bc" providerId="ADAL" clId="{BF04C754-5BF4-4E83-9615-DB14FA25AF8A}" dt="2023-10-12T11:36:41.386" v="271"/>
          <ac:spMkLst>
            <pc:docMk/>
            <pc:sldMk cId="2376958513" sldId="260"/>
            <ac:spMk id="694" creationId="{747396AA-22D3-BFC8-B9EA-96FF1A74617A}"/>
          </ac:spMkLst>
        </pc:spChg>
        <pc:spChg chg="mod">
          <ac:chgData name="White, Alex" userId="eff6cc8c-37d8-483b-9c6c-6b27e9afa9bc" providerId="ADAL" clId="{BF04C754-5BF4-4E83-9615-DB14FA25AF8A}" dt="2023-10-12T11:36:41.386" v="271"/>
          <ac:spMkLst>
            <pc:docMk/>
            <pc:sldMk cId="2376958513" sldId="260"/>
            <ac:spMk id="695" creationId="{88D9D582-4BFF-5E7A-7BA0-2F19803BAFEB}"/>
          </ac:spMkLst>
        </pc:spChg>
        <pc:spChg chg="mod">
          <ac:chgData name="White, Alex" userId="eff6cc8c-37d8-483b-9c6c-6b27e9afa9bc" providerId="ADAL" clId="{BF04C754-5BF4-4E83-9615-DB14FA25AF8A}" dt="2023-10-12T11:36:41.386" v="271"/>
          <ac:spMkLst>
            <pc:docMk/>
            <pc:sldMk cId="2376958513" sldId="260"/>
            <ac:spMk id="696" creationId="{F43D20F5-7B47-E00C-1B2B-1243B37F0DD4}"/>
          </ac:spMkLst>
        </pc:spChg>
        <pc:spChg chg="mod">
          <ac:chgData name="White, Alex" userId="eff6cc8c-37d8-483b-9c6c-6b27e9afa9bc" providerId="ADAL" clId="{BF04C754-5BF4-4E83-9615-DB14FA25AF8A}" dt="2023-10-12T11:36:41.386" v="271"/>
          <ac:spMkLst>
            <pc:docMk/>
            <pc:sldMk cId="2376958513" sldId="260"/>
            <ac:spMk id="697" creationId="{030D82F8-7D4D-5CFA-012B-1F95E90D0AE2}"/>
          </ac:spMkLst>
        </pc:spChg>
        <pc:spChg chg="mod">
          <ac:chgData name="White, Alex" userId="eff6cc8c-37d8-483b-9c6c-6b27e9afa9bc" providerId="ADAL" clId="{BF04C754-5BF4-4E83-9615-DB14FA25AF8A}" dt="2023-10-12T11:36:41.386" v="271"/>
          <ac:spMkLst>
            <pc:docMk/>
            <pc:sldMk cId="2376958513" sldId="260"/>
            <ac:spMk id="698" creationId="{6F6ADC2A-6BE1-347F-DF8D-7EC0AAA5AA20}"/>
          </ac:spMkLst>
        </pc:spChg>
        <pc:spChg chg="mod">
          <ac:chgData name="White, Alex" userId="eff6cc8c-37d8-483b-9c6c-6b27e9afa9bc" providerId="ADAL" clId="{BF04C754-5BF4-4E83-9615-DB14FA25AF8A}" dt="2023-10-12T11:36:41.386" v="271"/>
          <ac:spMkLst>
            <pc:docMk/>
            <pc:sldMk cId="2376958513" sldId="260"/>
            <ac:spMk id="699" creationId="{DE704769-4E88-2AB5-6287-E2F6788590F9}"/>
          </ac:spMkLst>
        </pc:spChg>
        <pc:spChg chg="mod">
          <ac:chgData name="White, Alex" userId="eff6cc8c-37d8-483b-9c6c-6b27e9afa9bc" providerId="ADAL" clId="{BF04C754-5BF4-4E83-9615-DB14FA25AF8A}" dt="2023-10-12T11:36:41.386" v="271"/>
          <ac:spMkLst>
            <pc:docMk/>
            <pc:sldMk cId="2376958513" sldId="260"/>
            <ac:spMk id="700" creationId="{952126C8-0818-E2E4-D2EB-540A41B9DBC5}"/>
          </ac:spMkLst>
        </pc:spChg>
        <pc:spChg chg="mod">
          <ac:chgData name="White, Alex" userId="eff6cc8c-37d8-483b-9c6c-6b27e9afa9bc" providerId="ADAL" clId="{BF04C754-5BF4-4E83-9615-DB14FA25AF8A}" dt="2023-10-12T11:36:41.386" v="271"/>
          <ac:spMkLst>
            <pc:docMk/>
            <pc:sldMk cId="2376958513" sldId="260"/>
            <ac:spMk id="701" creationId="{98C9BCCF-BD1C-45AB-E488-D23DCAD145D3}"/>
          </ac:spMkLst>
        </pc:spChg>
        <pc:spChg chg="mod">
          <ac:chgData name="White, Alex" userId="eff6cc8c-37d8-483b-9c6c-6b27e9afa9bc" providerId="ADAL" clId="{BF04C754-5BF4-4E83-9615-DB14FA25AF8A}" dt="2023-10-12T11:36:41.386" v="271"/>
          <ac:spMkLst>
            <pc:docMk/>
            <pc:sldMk cId="2376958513" sldId="260"/>
            <ac:spMk id="702" creationId="{84F678D5-676A-6509-9B51-51828495DD72}"/>
          </ac:spMkLst>
        </pc:spChg>
        <pc:spChg chg="mod">
          <ac:chgData name="White, Alex" userId="eff6cc8c-37d8-483b-9c6c-6b27e9afa9bc" providerId="ADAL" clId="{BF04C754-5BF4-4E83-9615-DB14FA25AF8A}" dt="2023-10-12T11:36:41.386" v="271"/>
          <ac:spMkLst>
            <pc:docMk/>
            <pc:sldMk cId="2376958513" sldId="260"/>
            <ac:spMk id="703" creationId="{367CE641-F2A0-271D-F053-1E409530B522}"/>
          </ac:spMkLst>
        </pc:spChg>
        <pc:spChg chg="mod">
          <ac:chgData name="White, Alex" userId="eff6cc8c-37d8-483b-9c6c-6b27e9afa9bc" providerId="ADAL" clId="{BF04C754-5BF4-4E83-9615-DB14FA25AF8A}" dt="2023-10-12T11:36:41.386" v="271"/>
          <ac:spMkLst>
            <pc:docMk/>
            <pc:sldMk cId="2376958513" sldId="260"/>
            <ac:spMk id="704" creationId="{DCE2D3CC-095F-CBA6-87AE-4FF0DE9C6E7B}"/>
          </ac:spMkLst>
        </pc:spChg>
        <pc:spChg chg="mod">
          <ac:chgData name="White, Alex" userId="eff6cc8c-37d8-483b-9c6c-6b27e9afa9bc" providerId="ADAL" clId="{BF04C754-5BF4-4E83-9615-DB14FA25AF8A}" dt="2023-10-12T11:36:41.386" v="271"/>
          <ac:spMkLst>
            <pc:docMk/>
            <pc:sldMk cId="2376958513" sldId="260"/>
            <ac:spMk id="705" creationId="{41FC8C6E-0652-768C-B14B-E02EC8A7B829}"/>
          </ac:spMkLst>
        </pc:spChg>
        <pc:spChg chg="mod">
          <ac:chgData name="White, Alex" userId="eff6cc8c-37d8-483b-9c6c-6b27e9afa9bc" providerId="ADAL" clId="{BF04C754-5BF4-4E83-9615-DB14FA25AF8A}" dt="2023-10-12T11:36:41.386" v="271"/>
          <ac:spMkLst>
            <pc:docMk/>
            <pc:sldMk cId="2376958513" sldId="260"/>
            <ac:spMk id="706" creationId="{1403F3FE-DA47-576B-3DE3-CB042DFE17C4}"/>
          </ac:spMkLst>
        </pc:spChg>
        <pc:spChg chg="mod">
          <ac:chgData name="White, Alex" userId="eff6cc8c-37d8-483b-9c6c-6b27e9afa9bc" providerId="ADAL" clId="{BF04C754-5BF4-4E83-9615-DB14FA25AF8A}" dt="2023-10-12T11:36:41.386" v="271"/>
          <ac:spMkLst>
            <pc:docMk/>
            <pc:sldMk cId="2376958513" sldId="260"/>
            <ac:spMk id="707" creationId="{1DD82613-1C68-DE87-DDCD-C47669E64E47}"/>
          </ac:spMkLst>
        </pc:spChg>
        <pc:spChg chg="mod">
          <ac:chgData name="White, Alex" userId="eff6cc8c-37d8-483b-9c6c-6b27e9afa9bc" providerId="ADAL" clId="{BF04C754-5BF4-4E83-9615-DB14FA25AF8A}" dt="2023-10-12T11:36:41.386" v="271"/>
          <ac:spMkLst>
            <pc:docMk/>
            <pc:sldMk cId="2376958513" sldId="260"/>
            <ac:spMk id="708" creationId="{6D834C49-827A-6C3F-12AC-5364F44207AF}"/>
          </ac:spMkLst>
        </pc:spChg>
        <pc:spChg chg="mod">
          <ac:chgData name="White, Alex" userId="eff6cc8c-37d8-483b-9c6c-6b27e9afa9bc" providerId="ADAL" clId="{BF04C754-5BF4-4E83-9615-DB14FA25AF8A}" dt="2023-10-12T11:36:41.386" v="271"/>
          <ac:spMkLst>
            <pc:docMk/>
            <pc:sldMk cId="2376958513" sldId="260"/>
            <ac:spMk id="709" creationId="{E3FBA9E1-A80C-FA61-CBD3-862519907AED}"/>
          </ac:spMkLst>
        </pc:spChg>
        <pc:spChg chg="mod">
          <ac:chgData name="White, Alex" userId="eff6cc8c-37d8-483b-9c6c-6b27e9afa9bc" providerId="ADAL" clId="{BF04C754-5BF4-4E83-9615-DB14FA25AF8A}" dt="2023-10-12T11:36:41.386" v="271"/>
          <ac:spMkLst>
            <pc:docMk/>
            <pc:sldMk cId="2376958513" sldId="260"/>
            <ac:spMk id="710" creationId="{77029C43-56F3-FC9A-AF0D-89D7AA0D5218}"/>
          </ac:spMkLst>
        </pc:spChg>
        <pc:spChg chg="mod">
          <ac:chgData name="White, Alex" userId="eff6cc8c-37d8-483b-9c6c-6b27e9afa9bc" providerId="ADAL" clId="{BF04C754-5BF4-4E83-9615-DB14FA25AF8A}" dt="2023-10-12T11:36:41.386" v="271"/>
          <ac:spMkLst>
            <pc:docMk/>
            <pc:sldMk cId="2376958513" sldId="260"/>
            <ac:spMk id="711" creationId="{0DCCF6F8-CFEF-80A8-036F-B8D15259EB81}"/>
          </ac:spMkLst>
        </pc:spChg>
        <pc:spChg chg="mod">
          <ac:chgData name="White, Alex" userId="eff6cc8c-37d8-483b-9c6c-6b27e9afa9bc" providerId="ADAL" clId="{BF04C754-5BF4-4E83-9615-DB14FA25AF8A}" dt="2023-10-12T11:36:41.386" v="271"/>
          <ac:spMkLst>
            <pc:docMk/>
            <pc:sldMk cId="2376958513" sldId="260"/>
            <ac:spMk id="712" creationId="{824AF81D-ED17-7149-75F7-5D55952F7084}"/>
          </ac:spMkLst>
        </pc:spChg>
        <pc:spChg chg="mod">
          <ac:chgData name="White, Alex" userId="eff6cc8c-37d8-483b-9c6c-6b27e9afa9bc" providerId="ADAL" clId="{BF04C754-5BF4-4E83-9615-DB14FA25AF8A}" dt="2023-10-12T11:36:41.386" v="271"/>
          <ac:spMkLst>
            <pc:docMk/>
            <pc:sldMk cId="2376958513" sldId="260"/>
            <ac:spMk id="713" creationId="{FCF398FF-188B-7065-96E4-7F5D487C2F78}"/>
          </ac:spMkLst>
        </pc:spChg>
        <pc:spChg chg="mod">
          <ac:chgData name="White, Alex" userId="eff6cc8c-37d8-483b-9c6c-6b27e9afa9bc" providerId="ADAL" clId="{BF04C754-5BF4-4E83-9615-DB14FA25AF8A}" dt="2023-10-12T11:36:41.386" v="271"/>
          <ac:spMkLst>
            <pc:docMk/>
            <pc:sldMk cId="2376958513" sldId="260"/>
            <ac:spMk id="714" creationId="{CF0E8204-DF69-7B37-FA39-D49917EF7799}"/>
          </ac:spMkLst>
        </pc:spChg>
        <pc:spChg chg="mod">
          <ac:chgData name="White, Alex" userId="eff6cc8c-37d8-483b-9c6c-6b27e9afa9bc" providerId="ADAL" clId="{BF04C754-5BF4-4E83-9615-DB14FA25AF8A}" dt="2023-10-12T11:36:41.386" v="271"/>
          <ac:spMkLst>
            <pc:docMk/>
            <pc:sldMk cId="2376958513" sldId="260"/>
            <ac:spMk id="715" creationId="{CB7EAB68-F3CE-9355-9C70-AA22A93851AA}"/>
          </ac:spMkLst>
        </pc:spChg>
        <pc:spChg chg="mod">
          <ac:chgData name="White, Alex" userId="eff6cc8c-37d8-483b-9c6c-6b27e9afa9bc" providerId="ADAL" clId="{BF04C754-5BF4-4E83-9615-DB14FA25AF8A}" dt="2023-10-12T11:36:41.386" v="271"/>
          <ac:spMkLst>
            <pc:docMk/>
            <pc:sldMk cId="2376958513" sldId="260"/>
            <ac:spMk id="716" creationId="{681419B7-7D48-568B-A1FE-282BBF992265}"/>
          </ac:spMkLst>
        </pc:spChg>
        <pc:spChg chg="mod">
          <ac:chgData name="White, Alex" userId="eff6cc8c-37d8-483b-9c6c-6b27e9afa9bc" providerId="ADAL" clId="{BF04C754-5BF4-4E83-9615-DB14FA25AF8A}" dt="2023-10-12T11:36:41.386" v="271"/>
          <ac:spMkLst>
            <pc:docMk/>
            <pc:sldMk cId="2376958513" sldId="260"/>
            <ac:spMk id="717" creationId="{321925CA-679F-D57A-F114-136C8C2CA044}"/>
          </ac:spMkLst>
        </pc:spChg>
        <pc:spChg chg="mod">
          <ac:chgData name="White, Alex" userId="eff6cc8c-37d8-483b-9c6c-6b27e9afa9bc" providerId="ADAL" clId="{BF04C754-5BF4-4E83-9615-DB14FA25AF8A}" dt="2023-10-12T11:36:41.386" v="271"/>
          <ac:spMkLst>
            <pc:docMk/>
            <pc:sldMk cId="2376958513" sldId="260"/>
            <ac:spMk id="718" creationId="{A7C1AA25-FC86-2848-2D75-1AB1FEC8F931}"/>
          </ac:spMkLst>
        </pc:spChg>
        <pc:spChg chg="mod">
          <ac:chgData name="White, Alex" userId="eff6cc8c-37d8-483b-9c6c-6b27e9afa9bc" providerId="ADAL" clId="{BF04C754-5BF4-4E83-9615-DB14FA25AF8A}" dt="2023-10-12T11:36:41.386" v="271"/>
          <ac:spMkLst>
            <pc:docMk/>
            <pc:sldMk cId="2376958513" sldId="260"/>
            <ac:spMk id="719" creationId="{61758705-C901-35DE-22CA-2839ADF9EAA8}"/>
          </ac:spMkLst>
        </pc:spChg>
        <pc:spChg chg="mod">
          <ac:chgData name="White, Alex" userId="eff6cc8c-37d8-483b-9c6c-6b27e9afa9bc" providerId="ADAL" clId="{BF04C754-5BF4-4E83-9615-DB14FA25AF8A}" dt="2023-10-12T11:36:41.386" v="271"/>
          <ac:spMkLst>
            <pc:docMk/>
            <pc:sldMk cId="2376958513" sldId="260"/>
            <ac:spMk id="720" creationId="{CF4CC618-EF6C-47DA-D345-685436723848}"/>
          </ac:spMkLst>
        </pc:spChg>
        <pc:spChg chg="mod">
          <ac:chgData name="White, Alex" userId="eff6cc8c-37d8-483b-9c6c-6b27e9afa9bc" providerId="ADAL" clId="{BF04C754-5BF4-4E83-9615-DB14FA25AF8A}" dt="2023-10-12T11:36:41.386" v="271"/>
          <ac:spMkLst>
            <pc:docMk/>
            <pc:sldMk cId="2376958513" sldId="260"/>
            <ac:spMk id="721" creationId="{A56F1765-5829-C8D2-79A7-A6FB91052231}"/>
          </ac:spMkLst>
        </pc:spChg>
        <pc:spChg chg="mod">
          <ac:chgData name="White, Alex" userId="eff6cc8c-37d8-483b-9c6c-6b27e9afa9bc" providerId="ADAL" clId="{BF04C754-5BF4-4E83-9615-DB14FA25AF8A}" dt="2023-10-12T11:36:41.386" v="271"/>
          <ac:spMkLst>
            <pc:docMk/>
            <pc:sldMk cId="2376958513" sldId="260"/>
            <ac:spMk id="722" creationId="{7EE9BB1D-6883-7CB7-6164-199DCE95CBA8}"/>
          </ac:spMkLst>
        </pc:spChg>
        <pc:spChg chg="mod">
          <ac:chgData name="White, Alex" userId="eff6cc8c-37d8-483b-9c6c-6b27e9afa9bc" providerId="ADAL" clId="{BF04C754-5BF4-4E83-9615-DB14FA25AF8A}" dt="2023-10-12T11:36:41.386" v="271"/>
          <ac:spMkLst>
            <pc:docMk/>
            <pc:sldMk cId="2376958513" sldId="260"/>
            <ac:spMk id="723" creationId="{DA77DDB2-3FE2-15C1-C55B-192F0AB641FF}"/>
          </ac:spMkLst>
        </pc:spChg>
        <pc:spChg chg="mod">
          <ac:chgData name="White, Alex" userId="eff6cc8c-37d8-483b-9c6c-6b27e9afa9bc" providerId="ADAL" clId="{BF04C754-5BF4-4E83-9615-DB14FA25AF8A}" dt="2023-10-12T11:36:41.386" v="271"/>
          <ac:spMkLst>
            <pc:docMk/>
            <pc:sldMk cId="2376958513" sldId="260"/>
            <ac:spMk id="724" creationId="{0A585CA1-C6AD-5D59-A860-A6BAD632294C}"/>
          </ac:spMkLst>
        </pc:spChg>
        <pc:spChg chg="mod">
          <ac:chgData name="White, Alex" userId="eff6cc8c-37d8-483b-9c6c-6b27e9afa9bc" providerId="ADAL" clId="{BF04C754-5BF4-4E83-9615-DB14FA25AF8A}" dt="2023-10-12T11:36:41.386" v="271"/>
          <ac:spMkLst>
            <pc:docMk/>
            <pc:sldMk cId="2376958513" sldId="260"/>
            <ac:spMk id="725" creationId="{6390F555-22B5-D033-9E94-83FC31BE2124}"/>
          </ac:spMkLst>
        </pc:spChg>
        <pc:spChg chg="mod">
          <ac:chgData name="White, Alex" userId="eff6cc8c-37d8-483b-9c6c-6b27e9afa9bc" providerId="ADAL" clId="{BF04C754-5BF4-4E83-9615-DB14FA25AF8A}" dt="2023-10-12T11:36:41.386" v="271"/>
          <ac:spMkLst>
            <pc:docMk/>
            <pc:sldMk cId="2376958513" sldId="260"/>
            <ac:spMk id="726" creationId="{5DB452A1-0DA7-B8BF-355A-75A932335726}"/>
          </ac:spMkLst>
        </pc:spChg>
        <pc:spChg chg="mod">
          <ac:chgData name="White, Alex" userId="eff6cc8c-37d8-483b-9c6c-6b27e9afa9bc" providerId="ADAL" clId="{BF04C754-5BF4-4E83-9615-DB14FA25AF8A}" dt="2023-10-12T11:36:41.386" v="271"/>
          <ac:spMkLst>
            <pc:docMk/>
            <pc:sldMk cId="2376958513" sldId="260"/>
            <ac:spMk id="727" creationId="{BF82D792-BE03-44C6-7DA6-55B140132FE7}"/>
          </ac:spMkLst>
        </pc:spChg>
        <pc:spChg chg="mod">
          <ac:chgData name="White, Alex" userId="eff6cc8c-37d8-483b-9c6c-6b27e9afa9bc" providerId="ADAL" clId="{BF04C754-5BF4-4E83-9615-DB14FA25AF8A}" dt="2023-10-12T11:36:41.386" v="271"/>
          <ac:spMkLst>
            <pc:docMk/>
            <pc:sldMk cId="2376958513" sldId="260"/>
            <ac:spMk id="728" creationId="{645B9386-8AE5-5EAD-AC3D-C74A788D97B2}"/>
          </ac:spMkLst>
        </pc:spChg>
        <pc:spChg chg="mod">
          <ac:chgData name="White, Alex" userId="eff6cc8c-37d8-483b-9c6c-6b27e9afa9bc" providerId="ADAL" clId="{BF04C754-5BF4-4E83-9615-DB14FA25AF8A}" dt="2023-10-12T11:36:41.386" v="271"/>
          <ac:spMkLst>
            <pc:docMk/>
            <pc:sldMk cId="2376958513" sldId="260"/>
            <ac:spMk id="729" creationId="{E092BBB2-E79A-E82D-EE9B-B40FBDC46FC4}"/>
          </ac:spMkLst>
        </pc:spChg>
        <pc:spChg chg="mod">
          <ac:chgData name="White, Alex" userId="eff6cc8c-37d8-483b-9c6c-6b27e9afa9bc" providerId="ADAL" clId="{BF04C754-5BF4-4E83-9615-DB14FA25AF8A}" dt="2023-10-12T11:36:41.386" v="271"/>
          <ac:spMkLst>
            <pc:docMk/>
            <pc:sldMk cId="2376958513" sldId="260"/>
            <ac:spMk id="730" creationId="{B9DBFBFE-F82C-B4ED-615D-3D615C72B9EC}"/>
          </ac:spMkLst>
        </pc:spChg>
        <pc:spChg chg="mod">
          <ac:chgData name="White, Alex" userId="eff6cc8c-37d8-483b-9c6c-6b27e9afa9bc" providerId="ADAL" clId="{BF04C754-5BF4-4E83-9615-DB14FA25AF8A}" dt="2023-10-12T11:36:41.386" v="271"/>
          <ac:spMkLst>
            <pc:docMk/>
            <pc:sldMk cId="2376958513" sldId="260"/>
            <ac:spMk id="731" creationId="{B62F43DA-28CB-C894-1F7E-E07545B68FB8}"/>
          </ac:spMkLst>
        </pc:spChg>
        <pc:spChg chg="mod">
          <ac:chgData name="White, Alex" userId="eff6cc8c-37d8-483b-9c6c-6b27e9afa9bc" providerId="ADAL" clId="{BF04C754-5BF4-4E83-9615-DB14FA25AF8A}" dt="2023-10-12T11:36:41.386" v="271"/>
          <ac:spMkLst>
            <pc:docMk/>
            <pc:sldMk cId="2376958513" sldId="260"/>
            <ac:spMk id="732" creationId="{B93590A9-8C72-F314-C4C6-3075E11845C2}"/>
          </ac:spMkLst>
        </pc:spChg>
        <pc:spChg chg="mod">
          <ac:chgData name="White, Alex" userId="eff6cc8c-37d8-483b-9c6c-6b27e9afa9bc" providerId="ADAL" clId="{BF04C754-5BF4-4E83-9615-DB14FA25AF8A}" dt="2023-10-12T11:36:41.386" v="271"/>
          <ac:spMkLst>
            <pc:docMk/>
            <pc:sldMk cId="2376958513" sldId="260"/>
            <ac:spMk id="733" creationId="{64010A07-3A3F-12F9-FCF6-3F0F2F558A8A}"/>
          </ac:spMkLst>
        </pc:spChg>
        <pc:spChg chg="mod">
          <ac:chgData name="White, Alex" userId="eff6cc8c-37d8-483b-9c6c-6b27e9afa9bc" providerId="ADAL" clId="{BF04C754-5BF4-4E83-9615-DB14FA25AF8A}" dt="2023-10-12T11:36:41.386" v="271"/>
          <ac:spMkLst>
            <pc:docMk/>
            <pc:sldMk cId="2376958513" sldId="260"/>
            <ac:spMk id="734" creationId="{37588FCD-6864-B9E0-B627-712FD2155B14}"/>
          </ac:spMkLst>
        </pc:spChg>
        <pc:spChg chg="mod">
          <ac:chgData name="White, Alex" userId="eff6cc8c-37d8-483b-9c6c-6b27e9afa9bc" providerId="ADAL" clId="{BF04C754-5BF4-4E83-9615-DB14FA25AF8A}" dt="2023-10-12T11:36:41.386" v="271"/>
          <ac:spMkLst>
            <pc:docMk/>
            <pc:sldMk cId="2376958513" sldId="260"/>
            <ac:spMk id="735" creationId="{484B6248-D6CE-F2CA-5348-97F43CE64AC4}"/>
          </ac:spMkLst>
        </pc:spChg>
        <pc:spChg chg="mod">
          <ac:chgData name="White, Alex" userId="eff6cc8c-37d8-483b-9c6c-6b27e9afa9bc" providerId="ADAL" clId="{BF04C754-5BF4-4E83-9615-DB14FA25AF8A}" dt="2023-10-12T11:36:41.386" v="271"/>
          <ac:spMkLst>
            <pc:docMk/>
            <pc:sldMk cId="2376958513" sldId="260"/>
            <ac:spMk id="736" creationId="{4379DE25-8D85-087B-7A72-A611C17E98D1}"/>
          </ac:spMkLst>
        </pc:spChg>
        <pc:spChg chg="mod">
          <ac:chgData name="White, Alex" userId="eff6cc8c-37d8-483b-9c6c-6b27e9afa9bc" providerId="ADAL" clId="{BF04C754-5BF4-4E83-9615-DB14FA25AF8A}" dt="2023-10-12T11:36:41.386" v="271"/>
          <ac:spMkLst>
            <pc:docMk/>
            <pc:sldMk cId="2376958513" sldId="260"/>
            <ac:spMk id="737" creationId="{E45601A4-D844-1F69-EFF2-571117937E5C}"/>
          </ac:spMkLst>
        </pc:spChg>
        <pc:spChg chg="mod">
          <ac:chgData name="White, Alex" userId="eff6cc8c-37d8-483b-9c6c-6b27e9afa9bc" providerId="ADAL" clId="{BF04C754-5BF4-4E83-9615-DB14FA25AF8A}" dt="2023-10-12T11:36:41.386" v="271"/>
          <ac:spMkLst>
            <pc:docMk/>
            <pc:sldMk cId="2376958513" sldId="260"/>
            <ac:spMk id="738" creationId="{64001599-D2EF-3153-8C3B-8CF305C48162}"/>
          </ac:spMkLst>
        </pc:spChg>
        <pc:spChg chg="mod">
          <ac:chgData name="White, Alex" userId="eff6cc8c-37d8-483b-9c6c-6b27e9afa9bc" providerId="ADAL" clId="{BF04C754-5BF4-4E83-9615-DB14FA25AF8A}" dt="2023-10-12T11:36:41.386" v="271"/>
          <ac:spMkLst>
            <pc:docMk/>
            <pc:sldMk cId="2376958513" sldId="260"/>
            <ac:spMk id="739" creationId="{9388F5A1-0050-3032-D3CF-9DC33B225F2D}"/>
          </ac:spMkLst>
        </pc:spChg>
        <pc:spChg chg="mod">
          <ac:chgData name="White, Alex" userId="eff6cc8c-37d8-483b-9c6c-6b27e9afa9bc" providerId="ADAL" clId="{BF04C754-5BF4-4E83-9615-DB14FA25AF8A}" dt="2023-10-12T11:36:41.386" v="271"/>
          <ac:spMkLst>
            <pc:docMk/>
            <pc:sldMk cId="2376958513" sldId="260"/>
            <ac:spMk id="740" creationId="{F63CD025-4E36-D249-546A-CB0EFE9E66AB}"/>
          </ac:spMkLst>
        </pc:spChg>
        <pc:spChg chg="mod">
          <ac:chgData name="White, Alex" userId="eff6cc8c-37d8-483b-9c6c-6b27e9afa9bc" providerId="ADAL" clId="{BF04C754-5BF4-4E83-9615-DB14FA25AF8A}" dt="2023-10-12T11:36:41.386" v="271"/>
          <ac:spMkLst>
            <pc:docMk/>
            <pc:sldMk cId="2376958513" sldId="260"/>
            <ac:spMk id="741" creationId="{516FB413-75A0-1127-618B-7DDE47E80575}"/>
          </ac:spMkLst>
        </pc:spChg>
        <pc:spChg chg="mod">
          <ac:chgData name="White, Alex" userId="eff6cc8c-37d8-483b-9c6c-6b27e9afa9bc" providerId="ADAL" clId="{BF04C754-5BF4-4E83-9615-DB14FA25AF8A}" dt="2023-10-12T11:36:41.386" v="271"/>
          <ac:spMkLst>
            <pc:docMk/>
            <pc:sldMk cId="2376958513" sldId="260"/>
            <ac:spMk id="742" creationId="{FD41E354-C15A-677F-0193-308306BAAB9F}"/>
          </ac:spMkLst>
        </pc:spChg>
        <pc:spChg chg="mod">
          <ac:chgData name="White, Alex" userId="eff6cc8c-37d8-483b-9c6c-6b27e9afa9bc" providerId="ADAL" clId="{BF04C754-5BF4-4E83-9615-DB14FA25AF8A}" dt="2023-10-12T11:36:41.386" v="271"/>
          <ac:spMkLst>
            <pc:docMk/>
            <pc:sldMk cId="2376958513" sldId="260"/>
            <ac:spMk id="743" creationId="{D637DD2F-5AF1-0A29-D5D8-8A0C21C79DF5}"/>
          </ac:spMkLst>
        </pc:spChg>
        <pc:spChg chg="mod">
          <ac:chgData name="White, Alex" userId="eff6cc8c-37d8-483b-9c6c-6b27e9afa9bc" providerId="ADAL" clId="{BF04C754-5BF4-4E83-9615-DB14FA25AF8A}" dt="2023-10-12T11:36:41.386" v="271"/>
          <ac:spMkLst>
            <pc:docMk/>
            <pc:sldMk cId="2376958513" sldId="260"/>
            <ac:spMk id="744" creationId="{1E3F52C2-8F95-C2CB-2FBF-01B951C7DD32}"/>
          </ac:spMkLst>
        </pc:spChg>
        <pc:spChg chg="mod">
          <ac:chgData name="White, Alex" userId="eff6cc8c-37d8-483b-9c6c-6b27e9afa9bc" providerId="ADAL" clId="{BF04C754-5BF4-4E83-9615-DB14FA25AF8A}" dt="2023-10-12T11:36:41.386" v="271"/>
          <ac:spMkLst>
            <pc:docMk/>
            <pc:sldMk cId="2376958513" sldId="260"/>
            <ac:spMk id="745" creationId="{5EF655FA-BB84-C537-A345-89FB85901549}"/>
          </ac:spMkLst>
        </pc:spChg>
        <pc:spChg chg="mod">
          <ac:chgData name="White, Alex" userId="eff6cc8c-37d8-483b-9c6c-6b27e9afa9bc" providerId="ADAL" clId="{BF04C754-5BF4-4E83-9615-DB14FA25AF8A}" dt="2023-10-12T11:36:41.386" v="271"/>
          <ac:spMkLst>
            <pc:docMk/>
            <pc:sldMk cId="2376958513" sldId="260"/>
            <ac:spMk id="746" creationId="{873920E3-DBCA-9B00-DCED-AE48D9F5DCD2}"/>
          </ac:spMkLst>
        </pc:spChg>
        <pc:spChg chg="mod">
          <ac:chgData name="White, Alex" userId="eff6cc8c-37d8-483b-9c6c-6b27e9afa9bc" providerId="ADAL" clId="{BF04C754-5BF4-4E83-9615-DB14FA25AF8A}" dt="2023-10-12T11:36:41.386" v="271"/>
          <ac:spMkLst>
            <pc:docMk/>
            <pc:sldMk cId="2376958513" sldId="260"/>
            <ac:spMk id="747" creationId="{8F684F14-E1D6-9FCB-4D2B-34E2DAE6483C}"/>
          </ac:spMkLst>
        </pc:spChg>
        <pc:spChg chg="mod">
          <ac:chgData name="White, Alex" userId="eff6cc8c-37d8-483b-9c6c-6b27e9afa9bc" providerId="ADAL" clId="{BF04C754-5BF4-4E83-9615-DB14FA25AF8A}" dt="2023-10-12T11:36:41.386" v="271"/>
          <ac:spMkLst>
            <pc:docMk/>
            <pc:sldMk cId="2376958513" sldId="260"/>
            <ac:spMk id="748" creationId="{BC3FEBA2-9B14-79A4-C703-3AB3ACED9A33}"/>
          </ac:spMkLst>
        </pc:spChg>
        <pc:spChg chg="mod">
          <ac:chgData name="White, Alex" userId="eff6cc8c-37d8-483b-9c6c-6b27e9afa9bc" providerId="ADAL" clId="{BF04C754-5BF4-4E83-9615-DB14FA25AF8A}" dt="2023-10-12T11:36:41.386" v="271"/>
          <ac:spMkLst>
            <pc:docMk/>
            <pc:sldMk cId="2376958513" sldId="260"/>
            <ac:spMk id="749" creationId="{29BA1ADE-C215-D41B-486D-5F318E6DCD86}"/>
          </ac:spMkLst>
        </pc:spChg>
        <pc:spChg chg="mod">
          <ac:chgData name="White, Alex" userId="eff6cc8c-37d8-483b-9c6c-6b27e9afa9bc" providerId="ADAL" clId="{BF04C754-5BF4-4E83-9615-DB14FA25AF8A}" dt="2023-10-12T11:36:41.386" v="271"/>
          <ac:spMkLst>
            <pc:docMk/>
            <pc:sldMk cId="2376958513" sldId="260"/>
            <ac:spMk id="750" creationId="{7473EEC5-D369-E375-B7AD-686BEBE74983}"/>
          </ac:spMkLst>
        </pc:spChg>
        <pc:spChg chg="mod">
          <ac:chgData name="White, Alex" userId="eff6cc8c-37d8-483b-9c6c-6b27e9afa9bc" providerId="ADAL" clId="{BF04C754-5BF4-4E83-9615-DB14FA25AF8A}" dt="2023-10-12T11:36:41.386" v="271"/>
          <ac:spMkLst>
            <pc:docMk/>
            <pc:sldMk cId="2376958513" sldId="260"/>
            <ac:spMk id="751" creationId="{F5593F39-2064-4417-9FF5-84ADFB7B07C9}"/>
          </ac:spMkLst>
        </pc:spChg>
        <pc:spChg chg="mod">
          <ac:chgData name="White, Alex" userId="eff6cc8c-37d8-483b-9c6c-6b27e9afa9bc" providerId="ADAL" clId="{BF04C754-5BF4-4E83-9615-DB14FA25AF8A}" dt="2023-10-12T11:36:41.386" v="271"/>
          <ac:spMkLst>
            <pc:docMk/>
            <pc:sldMk cId="2376958513" sldId="260"/>
            <ac:spMk id="752" creationId="{F8CB15A3-871A-D264-7094-0A3A1E8F034D}"/>
          </ac:spMkLst>
        </pc:spChg>
        <pc:spChg chg="mod">
          <ac:chgData name="White, Alex" userId="eff6cc8c-37d8-483b-9c6c-6b27e9afa9bc" providerId="ADAL" clId="{BF04C754-5BF4-4E83-9615-DB14FA25AF8A}" dt="2023-10-12T11:36:41.386" v="271"/>
          <ac:spMkLst>
            <pc:docMk/>
            <pc:sldMk cId="2376958513" sldId="260"/>
            <ac:spMk id="753" creationId="{9B0E42F0-766B-41C9-9B4E-1589D52900C1}"/>
          </ac:spMkLst>
        </pc:spChg>
        <pc:spChg chg="mod">
          <ac:chgData name="White, Alex" userId="eff6cc8c-37d8-483b-9c6c-6b27e9afa9bc" providerId="ADAL" clId="{BF04C754-5BF4-4E83-9615-DB14FA25AF8A}" dt="2023-10-12T11:36:41.386" v="271"/>
          <ac:spMkLst>
            <pc:docMk/>
            <pc:sldMk cId="2376958513" sldId="260"/>
            <ac:spMk id="754" creationId="{A8DC71E3-147B-86AD-E61B-22DE32EBF64C}"/>
          </ac:spMkLst>
        </pc:spChg>
        <pc:spChg chg="mod">
          <ac:chgData name="White, Alex" userId="eff6cc8c-37d8-483b-9c6c-6b27e9afa9bc" providerId="ADAL" clId="{BF04C754-5BF4-4E83-9615-DB14FA25AF8A}" dt="2023-10-12T11:36:41.386" v="271"/>
          <ac:spMkLst>
            <pc:docMk/>
            <pc:sldMk cId="2376958513" sldId="260"/>
            <ac:spMk id="755" creationId="{F3B4579B-6F90-3395-FBB4-B348003E42A5}"/>
          </ac:spMkLst>
        </pc:spChg>
        <pc:spChg chg="mod">
          <ac:chgData name="White, Alex" userId="eff6cc8c-37d8-483b-9c6c-6b27e9afa9bc" providerId="ADAL" clId="{BF04C754-5BF4-4E83-9615-DB14FA25AF8A}" dt="2023-10-12T11:36:41.386" v="271"/>
          <ac:spMkLst>
            <pc:docMk/>
            <pc:sldMk cId="2376958513" sldId="260"/>
            <ac:spMk id="756" creationId="{F43FB2E7-7521-5704-8ACE-ADC2FCD3C4E4}"/>
          </ac:spMkLst>
        </pc:spChg>
        <pc:spChg chg="mod">
          <ac:chgData name="White, Alex" userId="eff6cc8c-37d8-483b-9c6c-6b27e9afa9bc" providerId="ADAL" clId="{BF04C754-5BF4-4E83-9615-DB14FA25AF8A}" dt="2023-10-12T11:36:41.386" v="271"/>
          <ac:spMkLst>
            <pc:docMk/>
            <pc:sldMk cId="2376958513" sldId="260"/>
            <ac:spMk id="757" creationId="{CB07C4E8-BB4F-CF84-0F35-687BA8D19DEE}"/>
          </ac:spMkLst>
        </pc:spChg>
        <pc:spChg chg="mod">
          <ac:chgData name="White, Alex" userId="eff6cc8c-37d8-483b-9c6c-6b27e9afa9bc" providerId="ADAL" clId="{BF04C754-5BF4-4E83-9615-DB14FA25AF8A}" dt="2023-10-12T11:36:41.386" v="271"/>
          <ac:spMkLst>
            <pc:docMk/>
            <pc:sldMk cId="2376958513" sldId="260"/>
            <ac:spMk id="758" creationId="{5F91A720-A3E2-C04B-75EB-573B9DF4B2DB}"/>
          </ac:spMkLst>
        </pc:spChg>
        <pc:spChg chg="mod">
          <ac:chgData name="White, Alex" userId="eff6cc8c-37d8-483b-9c6c-6b27e9afa9bc" providerId="ADAL" clId="{BF04C754-5BF4-4E83-9615-DB14FA25AF8A}" dt="2023-10-12T11:36:41.386" v="271"/>
          <ac:spMkLst>
            <pc:docMk/>
            <pc:sldMk cId="2376958513" sldId="260"/>
            <ac:spMk id="759" creationId="{3575989F-6FCE-87D5-3ED1-26661D5A6823}"/>
          </ac:spMkLst>
        </pc:spChg>
        <pc:spChg chg="mod">
          <ac:chgData name="White, Alex" userId="eff6cc8c-37d8-483b-9c6c-6b27e9afa9bc" providerId="ADAL" clId="{BF04C754-5BF4-4E83-9615-DB14FA25AF8A}" dt="2023-10-12T11:36:41.386" v="271"/>
          <ac:spMkLst>
            <pc:docMk/>
            <pc:sldMk cId="2376958513" sldId="260"/>
            <ac:spMk id="760" creationId="{88B687F8-FC74-9B12-9843-BF42117DDA50}"/>
          </ac:spMkLst>
        </pc:spChg>
        <pc:spChg chg="mod">
          <ac:chgData name="White, Alex" userId="eff6cc8c-37d8-483b-9c6c-6b27e9afa9bc" providerId="ADAL" clId="{BF04C754-5BF4-4E83-9615-DB14FA25AF8A}" dt="2023-10-12T11:36:41.386" v="271"/>
          <ac:spMkLst>
            <pc:docMk/>
            <pc:sldMk cId="2376958513" sldId="260"/>
            <ac:spMk id="761" creationId="{AB091B54-7ACD-D149-C64A-8D4473841470}"/>
          </ac:spMkLst>
        </pc:spChg>
        <pc:spChg chg="mod">
          <ac:chgData name="White, Alex" userId="eff6cc8c-37d8-483b-9c6c-6b27e9afa9bc" providerId="ADAL" clId="{BF04C754-5BF4-4E83-9615-DB14FA25AF8A}" dt="2023-10-12T11:36:41.386" v="271"/>
          <ac:spMkLst>
            <pc:docMk/>
            <pc:sldMk cId="2376958513" sldId="260"/>
            <ac:spMk id="762" creationId="{4E270CAB-B771-DC10-E38E-DCC2FC81691E}"/>
          </ac:spMkLst>
        </pc:spChg>
        <pc:spChg chg="mod">
          <ac:chgData name="White, Alex" userId="eff6cc8c-37d8-483b-9c6c-6b27e9afa9bc" providerId="ADAL" clId="{BF04C754-5BF4-4E83-9615-DB14FA25AF8A}" dt="2023-10-12T11:36:41.386" v="271"/>
          <ac:spMkLst>
            <pc:docMk/>
            <pc:sldMk cId="2376958513" sldId="260"/>
            <ac:spMk id="763" creationId="{7FAE94E1-5127-F9F1-5E3C-823DED700FDC}"/>
          </ac:spMkLst>
        </pc:spChg>
        <pc:spChg chg="mod">
          <ac:chgData name="White, Alex" userId="eff6cc8c-37d8-483b-9c6c-6b27e9afa9bc" providerId="ADAL" clId="{BF04C754-5BF4-4E83-9615-DB14FA25AF8A}" dt="2023-10-12T11:36:41.386" v="271"/>
          <ac:spMkLst>
            <pc:docMk/>
            <pc:sldMk cId="2376958513" sldId="260"/>
            <ac:spMk id="764" creationId="{66745CFE-1B81-EE9A-70ED-EEDB04065AC7}"/>
          </ac:spMkLst>
        </pc:spChg>
        <pc:spChg chg="mod">
          <ac:chgData name="White, Alex" userId="eff6cc8c-37d8-483b-9c6c-6b27e9afa9bc" providerId="ADAL" clId="{BF04C754-5BF4-4E83-9615-DB14FA25AF8A}" dt="2023-10-12T11:36:41.386" v="271"/>
          <ac:spMkLst>
            <pc:docMk/>
            <pc:sldMk cId="2376958513" sldId="260"/>
            <ac:spMk id="765" creationId="{759EDE1F-151C-3754-8F2B-E94D58C17498}"/>
          </ac:spMkLst>
        </pc:spChg>
        <pc:spChg chg="mod">
          <ac:chgData name="White, Alex" userId="eff6cc8c-37d8-483b-9c6c-6b27e9afa9bc" providerId="ADAL" clId="{BF04C754-5BF4-4E83-9615-DB14FA25AF8A}" dt="2023-10-12T11:36:41.386" v="271"/>
          <ac:spMkLst>
            <pc:docMk/>
            <pc:sldMk cId="2376958513" sldId="260"/>
            <ac:spMk id="766" creationId="{2BB2D260-A5DD-FB9C-3757-B52F250BA836}"/>
          </ac:spMkLst>
        </pc:spChg>
        <pc:spChg chg="mod">
          <ac:chgData name="White, Alex" userId="eff6cc8c-37d8-483b-9c6c-6b27e9afa9bc" providerId="ADAL" clId="{BF04C754-5BF4-4E83-9615-DB14FA25AF8A}" dt="2023-10-12T11:36:41.386" v="271"/>
          <ac:spMkLst>
            <pc:docMk/>
            <pc:sldMk cId="2376958513" sldId="260"/>
            <ac:spMk id="767" creationId="{25CED433-DD71-9B97-E8F7-8E49F1CAE2AB}"/>
          </ac:spMkLst>
        </pc:spChg>
        <pc:spChg chg="mod">
          <ac:chgData name="White, Alex" userId="eff6cc8c-37d8-483b-9c6c-6b27e9afa9bc" providerId="ADAL" clId="{BF04C754-5BF4-4E83-9615-DB14FA25AF8A}" dt="2023-10-12T11:36:41.386" v="271"/>
          <ac:spMkLst>
            <pc:docMk/>
            <pc:sldMk cId="2376958513" sldId="260"/>
            <ac:spMk id="768" creationId="{14B5B201-9124-3994-734D-0412D09EE2CA}"/>
          </ac:spMkLst>
        </pc:spChg>
        <pc:spChg chg="mod">
          <ac:chgData name="White, Alex" userId="eff6cc8c-37d8-483b-9c6c-6b27e9afa9bc" providerId="ADAL" clId="{BF04C754-5BF4-4E83-9615-DB14FA25AF8A}" dt="2023-10-12T11:36:56.881" v="274"/>
          <ac:spMkLst>
            <pc:docMk/>
            <pc:sldMk cId="2376958513" sldId="260"/>
            <ac:spMk id="770" creationId="{BBF0D876-8D9C-3329-7523-B38015D97784}"/>
          </ac:spMkLst>
        </pc:spChg>
        <pc:spChg chg="mod">
          <ac:chgData name="White, Alex" userId="eff6cc8c-37d8-483b-9c6c-6b27e9afa9bc" providerId="ADAL" clId="{BF04C754-5BF4-4E83-9615-DB14FA25AF8A}" dt="2023-10-12T11:36:56.881" v="274"/>
          <ac:spMkLst>
            <pc:docMk/>
            <pc:sldMk cId="2376958513" sldId="260"/>
            <ac:spMk id="771" creationId="{C8EF302E-A9F4-26DE-E898-D25E146A8373}"/>
          </ac:spMkLst>
        </pc:spChg>
        <pc:spChg chg="mod">
          <ac:chgData name="White, Alex" userId="eff6cc8c-37d8-483b-9c6c-6b27e9afa9bc" providerId="ADAL" clId="{BF04C754-5BF4-4E83-9615-DB14FA25AF8A}" dt="2023-10-12T11:36:56.881" v="274"/>
          <ac:spMkLst>
            <pc:docMk/>
            <pc:sldMk cId="2376958513" sldId="260"/>
            <ac:spMk id="772" creationId="{EDEF1A0A-B73B-8FD8-12F6-F83F4364B034}"/>
          </ac:spMkLst>
        </pc:spChg>
        <pc:spChg chg="mod">
          <ac:chgData name="White, Alex" userId="eff6cc8c-37d8-483b-9c6c-6b27e9afa9bc" providerId="ADAL" clId="{BF04C754-5BF4-4E83-9615-DB14FA25AF8A}" dt="2023-10-12T11:36:56.881" v="274"/>
          <ac:spMkLst>
            <pc:docMk/>
            <pc:sldMk cId="2376958513" sldId="260"/>
            <ac:spMk id="773" creationId="{9D7865E7-4F81-9131-C60C-2626AC8E4F10}"/>
          </ac:spMkLst>
        </pc:spChg>
        <pc:spChg chg="mod">
          <ac:chgData name="White, Alex" userId="eff6cc8c-37d8-483b-9c6c-6b27e9afa9bc" providerId="ADAL" clId="{BF04C754-5BF4-4E83-9615-DB14FA25AF8A}" dt="2023-10-12T11:36:56.881" v="274"/>
          <ac:spMkLst>
            <pc:docMk/>
            <pc:sldMk cId="2376958513" sldId="260"/>
            <ac:spMk id="774" creationId="{BE3748E0-B055-6B81-2FE3-94C03747A789}"/>
          </ac:spMkLst>
        </pc:spChg>
        <pc:spChg chg="mod">
          <ac:chgData name="White, Alex" userId="eff6cc8c-37d8-483b-9c6c-6b27e9afa9bc" providerId="ADAL" clId="{BF04C754-5BF4-4E83-9615-DB14FA25AF8A}" dt="2023-10-12T11:36:56.881" v="274"/>
          <ac:spMkLst>
            <pc:docMk/>
            <pc:sldMk cId="2376958513" sldId="260"/>
            <ac:spMk id="775" creationId="{261CE10A-3537-481F-7236-80B1B34B4BAC}"/>
          </ac:spMkLst>
        </pc:spChg>
        <pc:spChg chg="mod">
          <ac:chgData name="White, Alex" userId="eff6cc8c-37d8-483b-9c6c-6b27e9afa9bc" providerId="ADAL" clId="{BF04C754-5BF4-4E83-9615-DB14FA25AF8A}" dt="2023-10-12T11:36:56.881" v="274"/>
          <ac:spMkLst>
            <pc:docMk/>
            <pc:sldMk cId="2376958513" sldId="260"/>
            <ac:spMk id="776" creationId="{6CCDDFA4-AB92-F477-3D38-8F6394370F2C}"/>
          </ac:spMkLst>
        </pc:spChg>
        <pc:spChg chg="mod">
          <ac:chgData name="White, Alex" userId="eff6cc8c-37d8-483b-9c6c-6b27e9afa9bc" providerId="ADAL" clId="{BF04C754-5BF4-4E83-9615-DB14FA25AF8A}" dt="2023-10-12T11:36:56.881" v="274"/>
          <ac:spMkLst>
            <pc:docMk/>
            <pc:sldMk cId="2376958513" sldId="260"/>
            <ac:spMk id="777" creationId="{C9529E53-9230-19BE-D455-5BB4AC7637D3}"/>
          </ac:spMkLst>
        </pc:spChg>
        <pc:spChg chg="mod">
          <ac:chgData name="White, Alex" userId="eff6cc8c-37d8-483b-9c6c-6b27e9afa9bc" providerId="ADAL" clId="{BF04C754-5BF4-4E83-9615-DB14FA25AF8A}" dt="2023-10-12T11:36:56.881" v="274"/>
          <ac:spMkLst>
            <pc:docMk/>
            <pc:sldMk cId="2376958513" sldId="260"/>
            <ac:spMk id="778" creationId="{FABBC911-C15F-40D8-B595-547E023A3821}"/>
          </ac:spMkLst>
        </pc:spChg>
        <pc:spChg chg="mod">
          <ac:chgData name="White, Alex" userId="eff6cc8c-37d8-483b-9c6c-6b27e9afa9bc" providerId="ADAL" clId="{BF04C754-5BF4-4E83-9615-DB14FA25AF8A}" dt="2023-10-12T11:36:56.881" v="274"/>
          <ac:spMkLst>
            <pc:docMk/>
            <pc:sldMk cId="2376958513" sldId="260"/>
            <ac:spMk id="779" creationId="{909F7B83-A7F9-F082-3634-119D4FBEF64A}"/>
          </ac:spMkLst>
        </pc:spChg>
        <pc:spChg chg="mod">
          <ac:chgData name="White, Alex" userId="eff6cc8c-37d8-483b-9c6c-6b27e9afa9bc" providerId="ADAL" clId="{BF04C754-5BF4-4E83-9615-DB14FA25AF8A}" dt="2023-10-12T11:36:56.881" v="274"/>
          <ac:spMkLst>
            <pc:docMk/>
            <pc:sldMk cId="2376958513" sldId="260"/>
            <ac:spMk id="780" creationId="{925B625D-A8EF-1D89-2CE7-C5DC1072C81A}"/>
          </ac:spMkLst>
        </pc:spChg>
        <pc:spChg chg="mod">
          <ac:chgData name="White, Alex" userId="eff6cc8c-37d8-483b-9c6c-6b27e9afa9bc" providerId="ADAL" clId="{BF04C754-5BF4-4E83-9615-DB14FA25AF8A}" dt="2023-10-12T11:36:56.881" v="274"/>
          <ac:spMkLst>
            <pc:docMk/>
            <pc:sldMk cId="2376958513" sldId="260"/>
            <ac:spMk id="781" creationId="{874270CF-2AAA-8A8F-CF4F-494BE2C255BA}"/>
          </ac:spMkLst>
        </pc:spChg>
        <pc:spChg chg="mod">
          <ac:chgData name="White, Alex" userId="eff6cc8c-37d8-483b-9c6c-6b27e9afa9bc" providerId="ADAL" clId="{BF04C754-5BF4-4E83-9615-DB14FA25AF8A}" dt="2023-10-12T11:36:56.881" v="274"/>
          <ac:spMkLst>
            <pc:docMk/>
            <pc:sldMk cId="2376958513" sldId="260"/>
            <ac:spMk id="782" creationId="{F57262AF-709D-896F-3D55-BCF70499E8B7}"/>
          </ac:spMkLst>
        </pc:spChg>
        <pc:spChg chg="mod">
          <ac:chgData name="White, Alex" userId="eff6cc8c-37d8-483b-9c6c-6b27e9afa9bc" providerId="ADAL" clId="{BF04C754-5BF4-4E83-9615-DB14FA25AF8A}" dt="2023-10-12T11:36:56.881" v="274"/>
          <ac:spMkLst>
            <pc:docMk/>
            <pc:sldMk cId="2376958513" sldId="260"/>
            <ac:spMk id="783" creationId="{33E9F822-C772-F157-E9EE-CC2A8A0A7A6B}"/>
          </ac:spMkLst>
        </pc:spChg>
        <pc:spChg chg="mod">
          <ac:chgData name="White, Alex" userId="eff6cc8c-37d8-483b-9c6c-6b27e9afa9bc" providerId="ADAL" clId="{BF04C754-5BF4-4E83-9615-DB14FA25AF8A}" dt="2023-10-12T11:36:56.881" v="274"/>
          <ac:spMkLst>
            <pc:docMk/>
            <pc:sldMk cId="2376958513" sldId="260"/>
            <ac:spMk id="784" creationId="{0DA151A3-D50B-8795-6741-091475A4BEA9}"/>
          </ac:spMkLst>
        </pc:spChg>
        <pc:spChg chg="mod">
          <ac:chgData name="White, Alex" userId="eff6cc8c-37d8-483b-9c6c-6b27e9afa9bc" providerId="ADAL" clId="{BF04C754-5BF4-4E83-9615-DB14FA25AF8A}" dt="2023-10-12T11:36:56.881" v="274"/>
          <ac:spMkLst>
            <pc:docMk/>
            <pc:sldMk cId="2376958513" sldId="260"/>
            <ac:spMk id="785" creationId="{A9EFDD86-BFC5-1231-D6C4-7BC6143CFBE3}"/>
          </ac:spMkLst>
        </pc:spChg>
        <pc:spChg chg="mod">
          <ac:chgData name="White, Alex" userId="eff6cc8c-37d8-483b-9c6c-6b27e9afa9bc" providerId="ADAL" clId="{BF04C754-5BF4-4E83-9615-DB14FA25AF8A}" dt="2023-10-12T11:36:56.881" v="274"/>
          <ac:spMkLst>
            <pc:docMk/>
            <pc:sldMk cId="2376958513" sldId="260"/>
            <ac:spMk id="786" creationId="{BF278366-1506-2D45-9F36-FDD7883B669F}"/>
          </ac:spMkLst>
        </pc:spChg>
        <pc:spChg chg="mod">
          <ac:chgData name="White, Alex" userId="eff6cc8c-37d8-483b-9c6c-6b27e9afa9bc" providerId="ADAL" clId="{BF04C754-5BF4-4E83-9615-DB14FA25AF8A}" dt="2023-10-12T11:36:56.881" v="274"/>
          <ac:spMkLst>
            <pc:docMk/>
            <pc:sldMk cId="2376958513" sldId="260"/>
            <ac:spMk id="787" creationId="{1426E6B1-485E-BABD-8694-7FEF6462E54C}"/>
          </ac:spMkLst>
        </pc:spChg>
        <pc:spChg chg="mod">
          <ac:chgData name="White, Alex" userId="eff6cc8c-37d8-483b-9c6c-6b27e9afa9bc" providerId="ADAL" clId="{BF04C754-5BF4-4E83-9615-DB14FA25AF8A}" dt="2023-10-12T11:36:56.881" v="274"/>
          <ac:spMkLst>
            <pc:docMk/>
            <pc:sldMk cId="2376958513" sldId="260"/>
            <ac:spMk id="788" creationId="{D46F3957-BD40-9BEC-8808-6A3178A9A988}"/>
          </ac:spMkLst>
        </pc:spChg>
        <pc:spChg chg="mod">
          <ac:chgData name="White, Alex" userId="eff6cc8c-37d8-483b-9c6c-6b27e9afa9bc" providerId="ADAL" clId="{BF04C754-5BF4-4E83-9615-DB14FA25AF8A}" dt="2023-10-12T11:36:56.881" v="274"/>
          <ac:spMkLst>
            <pc:docMk/>
            <pc:sldMk cId="2376958513" sldId="260"/>
            <ac:spMk id="789" creationId="{99200F05-4D24-2C77-402B-D55832C90AAA}"/>
          </ac:spMkLst>
        </pc:spChg>
        <pc:spChg chg="mod">
          <ac:chgData name="White, Alex" userId="eff6cc8c-37d8-483b-9c6c-6b27e9afa9bc" providerId="ADAL" clId="{BF04C754-5BF4-4E83-9615-DB14FA25AF8A}" dt="2023-10-12T11:36:56.881" v="274"/>
          <ac:spMkLst>
            <pc:docMk/>
            <pc:sldMk cId="2376958513" sldId="260"/>
            <ac:spMk id="790" creationId="{20A520A2-734E-C1F9-8A2A-05D2BCBBE8C5}"/>
          </ac:spMkLst>
        </pc:spChg>
        <pc:spChg chg="mod">
          <ac:chgData name="White, Alex" userId="eff6cc8c-37d8-483b-9c6c-6b27e9afa9bc" providerId="ADAL" clId="{BF04C754-5BF4-4E83-9615-DB14FA25AF8A}" dt="2023-10-12T11:36:56.881" v="274"/>
          <ac:spMkLst>
            <pc:docMk/>
            <pc:sldMk cId="2376958513" sldId="260"/>
            <ac:spMk id="791" creationId="{6DF5462C-BE0E-2C81-EE17-8C8BE57A5790}"/>
          </ac:spMkLst>
        </pc:spChg>
        <pc:spChg chg="mod">
          <ac:chgData name="White, Alex" userId="eff6cc8c-37d8-483b-9c6c-6b27e9afa9bc" providerId="ADAL" clId="{BF04C754-5BF4-4E83-9615-DB14FA25AF8A}" dt="2023-10-12T11:36:56.881" v="274"/>
          <ac:spMkLst>
            <pc:docMk/>
            <pc:sldMk cId="2376958513" sldId="260"/>
            <ac:spMk id="792" creationId="{7C741A06-75FB-4964-7877-75BB52D975B0}"/>
          </ac:spMkLst>
        </pc:spChg>
        <pc:spChg chg="mod">
          <ac:chgData name="White, Alex" userId="eff6cc8c-37d8-483b-9c6c-6b27e9afa9bc" providerId="ADAL" clId="{BF04C754-5BF4-4E83-9615-DB14FA25AF8A}" dt="2023-10-12T11:36:56.881" v="274"/>
          <ac:spMkLst>
            <pc:docMk/>
            <pc:sldMk cId="2376958513" sldId="260"/>
            <ac:spMk id="793" creationId="{F1D1738C-F37F-8515-CF1D-7B1571A01AF1}"/>
          </ac:spMkLst>
        </pc:spChg>
        <pc:spChg chg="mod">
          <ac:chgData name="White, Alex" userId="eff6cc8c-37d8-483b-9c6c-6b27e9afa9bc" providerId="ADAL" clId="{BF04C754-5BF4-4E83-9615-DB14FA25AF8A}" dt="2023-10-12T11:36:56.881" v="274"/>
          <ac:spMkLst>
            <pc:docMk/>
            <pc:sldMk cId="2376958513" sldId="260"/>
            <ac:spMk id="794" creationId="{73C2B804-8112-5DAF-937E-51401B969457}"/>
          </ac:spMkLst>
        </pc:spChg>
        <pc:spChg chg="mod">
          <ac:chgData name="White, Alex" userId="eff6cc8c-37d8-483b-9c6c-6b27e9afa9bc" providerId="ADAL" clId="{BF04C754-5BF4-4E83-9615-DB14FA25AF8A}" dt="2023-10-12T11:36:56.881" v="274"/>
          <ac:spMkLst>
            <pc:docMk/>
            <pc:sldMk cId="2376958513" sldId="260"/>
            <ac:spMk id="795" creationId="{BFD99723-2C8F-CB99-CC7D-C2EA699DC4E3}"/>
          </ac:spMkLst>
        </pc:spChg>
        <pc:spChg chg="mod">
          <ac:chgData name="White, Alex" userId="eff6cc8c-37d8-483b-9c6c-6b27e9afa9bc" providerId="ADAL" clId="{BF04C754-5BF4-4E83-9615-DB14FA25AF8A}" dt="2023-10-12T11:36:56.881" v="274"/>
          <ac:spMkLst>
            <pc:docMk/>
            <pc:sldMk cId="2376958513" sldId="260"/>
            <ac:spMk id="796" creationId="{3E5295A4-E8CE-AA64-0358-6F5DD055D0B9}"/>
          </ac:spMkLst>
        </pc:spChg>
        <pc:spChg chg="mod">
          <ac:chgData name="White, Alex" userId="eff6cc8c-37d8-483b-9c6c-6b27e9afa9bc" providerId="ADAL" clId="{BF04C754-5BF4-4E83-9615-DB14FA25AF8A}" dt="2023-10-12T11:36:56.881" v="274"/>
          <ac:spMkLst>
            <pc:docMk/>
            <pc:sldMk cId="2376958513" sldId="260"/>
            <ac:spMk id="797" creationId="{B144616E-CF55-2FD3-D40D-701446DB2D34}"/>
          </ac:spMkLst>
        </pc:spChg>
        <pc:spChg chg="mod">
          <ac:chgData name="White, Alex" userId="eff6cc8c-37d8-483b-9c6c-6b27e9afa9bc" providerId="ADAL" clId="{BF04C754-5BF4-4E83-9615-DB14FA25AF8A}" dt="2023-10-12T11:36:56.881" v="274"/>
          <ac:spMkLst>
            <pc:docMk/>
            <pc:sldMk cId="2376958513" sldId="260"/>
            <ac:spMk id="798" creationId="{9682E0DF-369E-F83F-BE76-4DFD8F63FA8C}"/>
          </ac:spMkLst>
        </pc:spChg>
        <pc:spChg chg="mod">
          <ac:chgData name="White, Alex" userId="eff6cc8c-37d8-483b-9c6c-6b27e9afa9bc" providerId="ADAL" clId="{BF04C754-5BF4-4E83-9615-DB14FA25AF8A}" dt="2023-10-12T11:36:56.881" v="274"/>
          <ac:spMkLst>
            <pc:docMk/>
            <pc:sldMk cId="2376958513" sldId="260"/>
            <ac:spMk id="799" creationId="{3152F67A-D093-3D4A-2A99-FE97A8AB85FC}"/>
          </ac:spMkLst>
        </pc:spChg>
        <pc:spChg chg="mod">
          <ac:chgData name="White, Alex" userId="eff6cc8c-37d8-483b-9c6c-6b27e9afa9bc" providerId="ADAL" clId="{BF04C754-5BF4-4E83-9615-DB14FA25AF8A}" dt="2023-10-12T11:36:56.881" v="274"/>
          <ac:spMkLst>
            <pc:docMk/>
            <pc:sldMk cId="2376958513" sldId="260"/>
            <ac:spMk id="800" creationId="{BC7092C3-AB8C-B20B-32E4-0ADD7514157F}"/>
          </ac:spMkLst>
        </pc:spChg>
        <pc:spChg chg="mod">
          <ac:chgData name="White, Alex" userId="eff6cc8c-37d8-483b-9c6c-6b27e9afa9bc" providerId="ADAL" clId="{BF04C754-5BF4-4E83-9615-DB14FA25AF8A}" dt="2023-10-12T11:36:56.881" v="274"/>
          <ac:spMkLst>
            <pc:docMk/>
            <pc:sldMk cId="2376958513" sldId="260"/>
            <ac:spMk id="801" creationId="{5A2C589B-6023-2A48-AE0E-44B3B6829D79}"/>
          </ac:spMkLst>
        </pc:spChg>
        <pc:spChg chg="mod">
          <ac:chgData name="White, Alex" userId="eff6cc8c-37d8-483b-9c6c-6b27e9afa9bc" providerId="ADAL" clId="{BF04C754-5BF4-4E83-9615-DB14FA25AF8A}" dt="2023-10-12T11:36:56.881" v="274"/>
          <ac:spMkLst>
            <pc:docMk/>
            <pc:sldMk cId="2376958513" sldId="260"/>
            <ac:spMk id="802" creationId="{992F82AB-3CB8-C3D3-62DB-C0311C0CF04D}"/>
          </ac:spMkLst>
        </pc:spChg>
        <pc:spChg chg="mod">
          <ac:chgData name="White, Alex" userId="eff6cc8c-37d8-483b-9c6c-6b27e9afa9bc" providerId="ADAL" clId="{BF04C754-5BF4-4E83-9615-DB14FA25AF8A}" dt="2023-10-12T11:36:56.881" v="274"/>
          <ac:spMkLst>
            <pc:docMk/>
            <pc:sldMk cId="2376958513" sldId="260"/>
            <ac:spMk id="803" creationId="{086F2F71-A35C-32B5-837B-4B44344178CC}"/>
          </ac:spMkLst>
        </pc:spChg>
        <pc:spChg chg="mod">
          <ac:chgData name="White, Alex" userId="eff6cc8c-37d8-483b-9c6c-6b27e9afa9bc" providerId="ADAL" clId="{BF04C754-5BF4-4E83-9615-DB14FA25AF8A}" dt="2023-10-12T11:36:56.881" v="274"/>
          <ac:spMkLst>
            <pc:docMk/>
            <pc:sldMk cId="2376958513" sldId="260"/>
            <ac:spMk id="804" creationId="{70C1D7B4-7079-5E13-B266-EF300B6BCB92}"/>
          </ac:spMkLst>
        </pc:spChg>
        <pc:spChg chg="mod">
          <ac:chgData name="White, Alex" userId="eff6cc8c-37d8-483b-9c6c-6b27e9afa9bc" providerId="ADAL" clId="{BF04C754-5BF4-4E83-9615-DB14FA25AF8A}" dt="2023-10-12T11:36:56.881" v="274"/>
          <ac:spMkLst>
            <pc:docMk/>
            <pc:sldMk cId="2376958513" sldId="260"/>
            <ac:spMk id="805" creationId="{401BADA4-FEBC-3FC8-2AC9-A2A6A0F8DE0D}"/>
          </ac:spMkLst>
        </pc:spChg>
        <pc:spChg chg="mod">
          <ac:chgData name="White, Alex" userId="eff6cc8c-37d8-483b-9c6c-6b27e9afa9bc" providerId="ADAL" clId="{BF04C754-5BF4-4E83-9615-DB14FA25AF8A}" dt="2023-10-12T11:36:56.881" v="274"/>
          <ac:spMkLst>
            <pc:docMk/>
            <pc:sldMk cId="2376958513" sldId="260"/>
            <ac:spMk id="806" creationId="{3BDC61B3-FF21-1632-F1D7-201B393D9E3A}"/>
          </ac:spMkLst>
        </pc:spChg>
        <pc:spChg chg="mod">
          <ac:chgData name="White, Alex" userId="eff6cc8c-37d8-483b-9c6c-6b27e9afa9bc" providerId="ADAL" clId="{BF04C754-5BF4-4E83-9615-DB14FA25AF8A}" dt="2023-10-12T11:36:56.881" v="274"/>
          <ac:spMkLst>
            <pc:docMk/>
            <pc:sldMk cId="2376958513" sldId="260"/>
            <ac:spMk id="807" creationId="{BD1ABB30-BCC9-66BD-3A52-A1273501971E}"/>
          </ac:spMkLst>
        </pc:spChg>
        <pc:spChg chg="mod">
          <ac:chgData name="White, Alex" userId="eff6cc8c-37d8-483b-9c6c-6b27e9afa9bc" providerId="ADAL" clId="{BF04C754-5BF4-4E83-9615-DB14FA25AF8A}" dt="2023-10-12T11:36:56.881" v="274"/>
          <ac:spMkLst>
            <pc:docMk/>
            <pc:sldMk cId="2376958513" sldId="260"/>
            <ac:spMk id="808" creationId="{5CB7AF4D-B945-9D16-60AB-FEDC8323CAAC}"/>
          </ac:spMkLst>
        </pc:spChg>
        <pc:spChg chg="mod">
          <ac:chgData name="White, Alex" userId="eff6cc8c-37d8-483b-9c6c-6b27e9afa9bc" providerId="ADAL" clId="{BF04C754-5BF4-4E83-9615-DB14FA25AF8A}" dt="2023-10-12T11:36:56.881" v="274"/>
          <ac:spMkLst>
            <pc:docMk/>
            <pc:sldMk cId="2376958513" sldId="260"/>
            <ac:spMk id="809" creationId="{4080BF12-7EAC-0971-9C98-EEBEB5CDA218}"/>
          </ac:spMkLst>
        </pc:spChg>
        <pc:spChg chg="mod">
          <ac:chgData name="White, Alex" userId="eff6cc8c-37d8-483b-9c6c-6b27e9afa9bc" providerId="ADAL" clId="{BF04C754-5BF4-4E83-9615-DB14FA25AF8A}" dt="2023-10-12T11:36:56.881" v="274"/>
          <ac:spMkLst>
            <pc:docMk/>
            <pc:sldMk cId="2376958513" sldId="260"/>
            <ac:spMk id="810" creationId="{2791528B-41CA-E903-4672-8095E7A2C4BF}"/>
          </ac:spMkLst>
        </pc:spChg>
        <pc:spChg chg="mod">
          <ac:chgData name="White, Alex" userId="eff6cc8c-37d8-483b-9c6c-6b27e9afa9bc" providerId="ADAL" clId="{BF04C754-5BF4-4E83-9615-DB14FA25AF8A}" dt="2023-10-12T11:36:56.881" v="274"/>
          <ac:spMkLst>
            <pc:docMk/>
            <pc:sldMk cId="2376958513" sldId="260"/>
            <ac:spMk id="811" creationId="{353749A9-A60F-9433-DE3B-7E8A7299164D}"/>
          </ac:spMkLst>
        </pc:spChg>
        <pc:spChg chg="mod">
          <ac:chgData name="White, Alex" userId="eff6cc8c-37d8-483b-9c6c-6b27e9afa9bc" providerId="ADAL" clId="{BF04C754-5BF4-4E83-9615-DB14FA25AF8A}" dt="2023-10-12T11:36:56.881" v="274"/>
          <ac:spMkLst>
            <pc:docMk/>
            <pc:sldMk cId="2376958513" sldId="260"/>
            <ac:spMk id="812" creationId="{CB0DA3D7-4996-CC92-1E3F-01A6A700E6AA}"/>
          </ac:spMkLst>
        </pc:spChg>
        <pc:spChg chg="mod">
          <ac:chgData name="White, Alex" userId="eff6cc8c-37d8-483b-9c6c-6b27e9afa9bc" providerId="ADAL" clId="{BF04C754-5BF4-4E83-9615-DB14FA25AF8A}" dt="2023-10-12T11:36:56.881" v="274"/>
          <ac:spMkLst>
            <pc:docMk/>
            <pc:sldMk cId="2376958513" sldId="260"/>
            <ac:spMk id="813" creationId="{F8524806-4B21-D21A-5830-44C582E7704C}"/>
          </ac:spMkLst>
        </pc:spChg>
        <pc:spChg chg="mod">
          <ac:chgData name="White, Alex" userId="eff6cc8c-37d8-483b-9c6c-6b27e9afa9bc" providerId="ADAL" clId="{BF04C754-5BF4-4E83-9615-DB14FA25AF8A}" dt="2023-10-12T11:36:56.881" v="274"/>
          <ac:spMkLst>
            <pc:docMk/>
            <pc:sldMk cId="2376958513" sldId="260"/>
            <ac:spMk id="814" creationId="{67158279-8D7B-C84D-FFA3-A2D34C617456}"/>
          </ac:spMkLst>
        </pc:spChg>
        <pc:spChg chg="mod">
          <ac:chgData name="White, Alex" userId="eff6cc8c-37d8-483b-9c6c-6b27e9afa9bc" providerId="ADAL" clId="{BF04C754-5BF4-4E83-9615-DB14FA25AF8A}" dt="2023-10-12T11:36:56.881" v="274"/>
          <ac:spMkLst>
            <pc:docMk/>
            <pc:sldMk cId="2376958513" sldId="260"/>
            <ac:spMk id="815" creationId="{FB6E8139-F1A2-290F-04B8-035EC8AAA605}"/>
          </ac:spMkLst>
        </pc:spChg>
        <pc:spChg chg="mod">
          <ac:chgData name="White, Alex" userId="eff6cc8c-37d8-483b-9c6c-6b27e9afa9bc" providerId="ADAL" clId="{BF04C754-5BF4-4E83-9615-DB14FA25AF8A}" dt="2023-10-12T11:36:56.881" v="274"/>
          <ac:spMkLst>
            <pc:docMk/>
            <pc:sldMk cId="2376958513" sldId="260"/>
            <ac:spMk id="816" creationId="{87363C8A-0059-56EB-6CE1-4964F3964B82}"/>
          </ac:spMkLst>
        </pc:spChg>
        <pc:spChg chg="mod">
          <ac:chgData name="White, Alex" userId="eff6cc8c-37d8-483b-9c6c-6b27e9afa9bc" providerId="ADAL" clId="{BF04C754-5BF4-4E83-9615-DB14FA25AF8A}" dt="2023-10-12T11:36:56.881" v="274"/>
          <ac:spMkLst>
            <pc:docMk/>
            <pc:sldMk cId="2376958513" sldId="260"/>
            <ac:spMk id="817" creationId="{0A549FAC-7F2E-5A4F-8E3E-4F2CF876D8B8}"/>
          </ac:spMkLst>
        </pc:spChg>
        <pc:spChg chg="mod">
          <ac:chgData name="White, Alex" userId="eff6cc8c-37d8-483b-9c6c-6b27e9afa9bc" providerId="ADAL" clId="{BF04C754-5BF4-4E83-9615-DB14FA25AF8A}" dt="2023-10-12T11:36:56.881" v="274"/>
          <ac:spMkLst>
            <pc:docMk/>
            <pc:sldMk cId="2376958513" sldId="260"/>
            <ac:spMk id="818" creationId="{0DE70E3F-46B7-6CA0-5A48-F136C39D1767}"/>
          </ac:spMkLst>
        </pc:spChg>
        <pc:spChg chg="mod">
          <ac:chgData name="White, Alex" userId="eff6cc8c-37d8-483b-9c6c-6b27e9afa9bc" providerId="ADAL" clId="{BF04C754-5BF4-4E83-9615-DB14FA25AF8A}" dt="2023-10-12T11:36:56.881" v="274"/>
          <ac:spMkLst>
            <pc:docMk/>
            <pc:sldMk cId="2376958513" sldId="260"/>
            <ac:spMk id="819" creationId="{8BC42B94-F517-4266-F23B-2BF280891F95}"/>
          </ac:spMkLst>
        </pc:spChg>
        <pc:spChg chg="mod">
          <ac:chgData name="White, Alex" userId="eff6cc8c-37d8-483b-9c6c-6b27e9afa9bc" providerId="ADAL" clId="{BF04C754-5BF4-4E83-9615-DB14FA25AF8A}" dt="2023-10-12T11:36:56.881" v="274"/>
          <ac:spMkLst>
            <pc:docMk/>
            <pc:sldMk cId="2376958513" sldId="260"/>
            <ac:spMk id="820" creationId="{9E61A3F0-7D95-CEFE-3F60-5EDD739FC706}"/>
          </ac:spMkLst>
        </pc:spChg>
        <pc:spChg chg="mod">
          <ac:chgData name="White, Alex" userId="eff6cc8c-37d8-483b-9c6c-6b27e9afa9bc" providerId="ADAL" clId="{BF04C754-5BF4-4E83-9615-DB14FA25AF8A}" dt="2023-10-12T11:36:56.881" v="274"/>
          <ac:spMkLst>
            <pc:docMk/>
            <pc:sldMk cId="2376958513" sldId="260"/>
            <ac:spMk id="821" creationId="{668CE1A3-448F-6F86-EE5B-5987EC34AA44}"/>
          </ac:spMkLst>
        </pc:spChg>
        <pc:spChg chg="mod">
          <ac:chgData name="White, Alex" userId="eff6cc8c-37d8-483b-9c6c-6b27e9afa9bc" providerId="ADAL" clId="{BF04C754-5BF4-4E83-9615-DB14FA25AF8A}" dt="2023-10-12T11:36:56.881" v="274"/>
          <ac:spMkLst>
            <pc:docMk/>
            <pc:sldMk cId="2376958513" sldId="260"/>
            <ac:spMk id="822" creationId="{3C46BCD4-FBBE-2985-9819-3630B1CD2D86}"/>
          </ac:spMkLst>
        </pc:spChg>
        <pc:spChg chg="mod">
          <ac:chgData name="White, Alex" userId="eff6cc8c-37d8-483b-9c6c-6b27e9afa9bc" providerId="ADAL" clId="{BF04C754-5BF4-4E83-9615-DB14FA25AF8A}" dt="2023-10-12T11:36:56.881" v="274"/>
          <ac:spMkLst>
            <pc:docMk/>
            <pc:sldMk cId="2376958513" sldId="260"/>
            <ac:spMk id="823" creationId="{7E7DEFD7-2FE0-E534-7B09-F10FC9833137}"/>
          </ac:spMkLst>
        </pc:spChg>
        <pc:spChg chg="mod">
          <ac:chgData name="White, Alex" userId="eff6cc8c-37d8-483b-9c6c-6b27e9afa9bc" providerId="ADAL" clId="{BF04C754-5BF4-4E83-9615-DB14FA25AF8A}" dt="2023-10-12T11:36:56.881" v="274"/>
          <ac:spMkLst>
            <pc:docMk/>
            <pc:sldMk cId="2376958513" sldId="260"/>
            <ac:spMk id="824" creationId="{0698EEBA-905B-3612-6331-8B20E5F998FF}"/>
          </ac:spMkLst>
        </pc:spChg>
        <pc:spChg chg="mod">
          <ac:chgData name="White, Alex" userId="eff6cc8c-37d8-483b-9c6c-6b27e9afa9bc" providerId="ADAL" clId="{BF04C754-5BF4-4E83-9615-DB14FA25AF8A}" dt="2023-10-12T11:36:56.881" v="274"/>
          <ac:spMkLst>
            <pc:docMk/>
            <pc:sldMk cId="2376958513" sldId="260"/>
            <ac:spMk id="825" creationId="{2B31EC45-AED7-F442-BB09-BFDA222ED709}"/>
          </ac:spMkLst>
        </pc:spChg>
        <pc:spChg chg="mod">
          <ac:chgData name="White, Alex" userId="eff6cc8c-37d8-483b-9c6c-6b27e9afa9bc" providerId="ADAL" clId="{BF04C754-5BF4-4E83-9615-DB14FA25AF8A}" dt="2023-10-12T11:36:56.881" v="274"/>
          <ac:spMkLst>
            <pc:docMk/>
            <pc:sldMk cId="2376958513" sldId="260"/>
            <ac:spMk id="826" creationId="{28BEE66D-25B3-7700-32B8-201D4471B51C}"/>
          </ac:spMkLst>
        </pc:spChg>
        <pc:spChg chg="mod">
          <ac:chgData name="White, Alex" userId="eff6cc8c-37d8-483b-9c6c-6b27e9afa9bc" providerId="ADAL" clId="{BF04C754-5BF4-4E83-9615-DB14FA25AF8A}" dt="2023-10-12T11:36:56.881" v="274"/>
          <ac:spMkLst>
            <pc:docMk/>
            <pc:sldMk cId="2376958513" sldId="260"/>
            <ac:spMk id="827" creationId="{E39F4278-B171-3993-D84D-F670366A43C5}"/>
          </ac:spMkLst>
        </pc:spChg>
        <pc:spChg chg="mod">
          <ac:chgData name="White, Alex" userId="eff6cc8c-37d8-483b-9c6c-6b27e9afa9bc" providerId="ADAL" clId="{BF04C754-5BF4-4E83-9615-DB14FA25AF8A}" dt="2023-10-12T11:36:56.881" v="274"/>
          <ac:spMkLst>
            <pc:docMk/>
            <pc:sldMk cId="2376958513" sldId="260"/>
            <ac:spMk id="828" creationId="{31650572-64EE-885A-97A8-EB4F6D252B45}"/>
          </ac:spMkLst>
        </pc:spChg>
        <pc:spChg chg="mod">
          <ac:chgData name="White, Alex" userId="eff6cc8c-37d8-483b-9c6c-6b27e9afa9bc" providerId="ADAL" clId="{BF04C754-5BF4-4E83-9615-DB14FA25AF8A}" dt="2023-10-12T11:36:56.881" v="274"/>
          <ac:spMkLst>
            <pc:docMk/>
            <pc:sldMk cId="2376958513" sldId="260"/>
            <ac:spMk id="829" creationId="{47F00308-8054-303D-04FB-07CDB1F6028F}"/>
          </ac:spMkLst>
        </pc:spChg>
        <pc:spChg chg="mod">
          <ac:chgData name="White, Alex" userId="eff6cc8c-37d8-483b-9c6c-6b27e9afa9bc" providerId="ADAL" clId="{BF04C754-5BF4-4E83-9615-DB14FA25AF8A}" dt="2023-10-12T11:36:56.881" v="274"/>
          <ac:spMkLst>
            <pc:docMk/>
            <pc:sldMk cId="2376958513" sldId="260"/>
            <ac:spMk id="830" creationId="{D702FA43-B638-0312-AF82-B26406151D44}"/>
          </ac:spMkLst>
        </pc:spChg>
        <pc:spChg chg="mod">
          <ac:chgData name="White, Alex" userId="eff6cc8c-37d8-483b-9c6c-6b27e9afa9bc" providerId="ADAL" clId="{BF04C754-5BF4-4E83-9615-DB14FA25AF8A}" dt="2023-10-12T11:36:56.881" v="274"/>
          <ac:spMkLst>
            <pc:docMk/>
            <pc:sldMk cId="2376958513" sldId="260"/>
            <ac:spMk id="831" creationId="{3F1BF3EC-F2ED-78B7-62C1-6D31A4BA7772}"/>
          </ac:spMkLst>
        </pc:spChg>
        <pc:spChg chg="mod">
          <ac:chgData name="White, Alex" userId="eff6cc8c-37d8-483b-9c6c-6b27e9afa9bc" providerId="ADAL" clId="{BF04C754-5BF4-4E83-9615-DB14FA25AF8A}" dt="2023-10-12T11:36:56.881" v="274"/>
          <ac:spMkLst>
            <pc:docMk/>
            <pc:sldMk cId="2376958513" sldId="260"/>
            <ac:spMk id="832" creationId="{1EA61624-389A-D9B4-AEC5-0A329B28B72C}"/>
          </ac:spMkLst>
        </pc:spChg>
        <pc:spChg chg="mod">
          <ac:chgData name="White, Alex" userId="eff6cc8c-37d8-483b-9c6c-6b27e9afa9bc" providerId="ADAL" clId="{BF04C754-5BF4-4E83-9615-DB14FA25AF8A}" dt="2023-10-12T11:36:56.881" v="274"/>
          <ac:spMkLst>
            <pc:docMk/>
            <pc:sldMk cId="2376958513" sldId="260"/>
            <ac:spMk id="833" creationId="{FAC1718D-535A-C33D-1EA0-22217E0FB692}"/>
          </ac:spMkLst>
        </pc:spChg>
        <pc:spChg chg="mod">
          <ac:chgData name="White, Alex" userId="eff6cc8c-37d8-483b-9c6c-6b27e9afa9bc" providerId="ADAL" clId="{BF04C754-5BF4-4E83-9615-DB14FA25AF8A}" dt="2023-10-12T11:36:56.881" v="274"/>
          <ac:spMkLst>
            <pc:docMk/>
            <pc:sldMk cId="2376958513" sldId="260"/>
            <ac:spMk id="834" creationId="{2BF74CE3-4253-48FC-F417-70CDB188AEE2}"/>
          </ac:spMkLst>
        </pc:spChg>
        <pc:spChg chg="mod">
          <ac:chgData name="White, Alex" userId="eff6cc8c-37d8-483b-9c6c-6b27e9afa9bc" providerId="ADAL" clId="{BF04C754-5BF4-4E83-9615-DB14FA25AF8A}" dt="2023-10-12T11:36:56.881" v="274"/>
          <ac:spMkLst>
            <pc:docMk/>
            <pc:sldMk cId="2376958513" sldId="260"/>
            <ac:spMk id="835" creationId="{E4B34784-747A-074F-25AD-4D4D06079A31}"/>
          </ac:spMkLst>
        </pc:spChg>
        <pc:spChg chg="mod">
          <ac:chgData name="White, Alex" userId="eff6cc8c-37d8-483b-9c6c-6b27e9afa9bc" providerId="ADAL" clId="{BF04C754-5BF4-4E83-9615-DB14FA25AF8A}" dt="2023-10-12T11:36:56.881" v="274"/>
          <ac:spMkLst>
            <pc:docMk/>
            <pc:sldMk cId="2376958513" sldId="260"/>
            <ac:spMk id="836" creationId="{652C9E21-F826-A197-F113-81E4A25FE131}"/>
          </ac:spMkLst>
        </pc:spChg>
        <pc:spChg chg="mod">
          <ac:chgData name="White, Alex" userId="eff6cc8c-37d8-483b-9c6c-6b27e9afa9bc" providerId="ADAL" clId="{BF04C754-5BF4-4E83-9615-DB14FA25AF8A}" dt="2023-10-12T11:36:56.881" v="274"/>
          <ac:spMkLst>
            <pc:docMk/>
            <pc:sldMk cId="2376958513" sldId="260"/>
            <ac:spMk id="837" creationId="{375E9B02-CB9F-0859-DC7C-D88DD9181B74}"/>
          </ac:spMkLst>
        </pc:spChg>
        <pc:spChg chg="mod">
          <ac:chgData name="White, Alex" userId="eff6cc8c-37d8-483b-9c6c-6b27e9afa9bc" providerId="ADAL" clId="{BF04C754-5BF4-4E83-9615-DB14FA25AF8A}" dt="2023-10-12T11:36:56.881" v="274"/>
          <ac:spMkLst>
            <pc:docMk/>
            <pc:sldMk cId="2376958513" sldId="260"/>
            <ac:spMk id="838" creationId="{2D9FA260-01A4-5ED7-93E0-363F6515D199}"/>
          </ac:spMkLst>
        </pc:spChg>
        <pc:spChg chg="mod">
          <ac:chgData name="White, Alex" userId="eff6cc8c-37d8-483b-9c6c-6b27e9afa9bc" providerId="ADAL" clId="{BF04C754-5BF4-4E83-9615-DB14FA25AF8A}" dt="2023-10-12T11:36:56.881" v="274"/>
          <ac:spMkLst>
            <pc:docMk/>
            <pc:sldMk cId="2376958513" sldId="260"/>
            <ac:spMk id="839" creationId="{F458CDA0-724B-A4AE-9DA7-8DD08CAB1988}"/>
          </ac:spMkLst>
        </pc:spChg>
        <pc:spChg chg="mod">
          <ac:chgData name="White, Alex" userId="eff6cc8c-37d8-483b-9c6c-6b27e9afa9bc" providerId="ADAL" clId="{BF04C754-5BF4-4E83-9615-DB14FA25AF8A}" dt="2023-10-12T11:36:56.881" v="274"/>
          <ac:spMkLst>
            <pc:docMk/>
            <pc:sldMk cId="2376958513" sldId="260"/>
            <ac:spMk id="840" creationId="{FA675787-21E7-2436-9D4F-729F0D0400F5}"/>
          </ac:spMkLst>
        </pc:spChg>
        <pc:spChg chg="mod">
          <ac:chgData name="White, Alex" userId="eff6cc8c-37d8-483b-9c6c-6b27e9afa9bc" providerId="ADAL" clId="{BF04C754-5BF4-4E83-9615-DB14FA25AF8A}" dt="2023-10-12T11:36:56.881" v="274"/>
          <ac:spMkLst>
            <pc:docMk/>
            <pc:sldMk cId="2376958513" sldId="260"/>
            <ac:spMk id="841" creationId="{C59D807E-FBD8-5CC6-413B-70D37D76D7CC}"/>
          </ac:spMkLst>
        </pc:spChg>
        <pc:spChg chg="mod">
          <ac:chgData name="White, Alex" userId="eff6cc8c-37d8-483b-9c6c-6b27e9afa9bc" providerId="ADAL" clId="{BF04C754-5BF4-4E83-9615-DB14FA25AF8A}" dt="2023-10-12T11:36:56.881" v="274"/>
          <ac:spMkLst>
            <pc:docMk/>
            <pc:sldMk cId="2376958513" sldId="260"/>
            <ac:spMk id="842" creationId="{3A0BF843-B1BB-8F79-A5DE-196EB62F3884}"/>
          </ac:spMkLst>
        </pc:spChg>
        <pc:spChg chg="mod">
          <ac:chgData name="White, Alex" userId="eff6cc8c-37d8-483b-9c6c-6b27e9afa9bc" providerId="ADAL" clId="{BF04C754-5BF4-4E83-9615-DB14FA25AF8A}" dt="2023-10-12T11:36:56.881" v="274"/>
          <ac:spMkLst>
            <pc:docMk/>
            <pc:sldMk cId="2376958513" sldId="260"/>
            <ac:spMk id="843" creationId="{A65E5095-05A5-0675-5F51-6C156D8767DF}"/>
          </ac:spMkLst>
        </pc:spChg>
        <pc:spChg chg="mod">
          <ac:chgData name="White, Alex" userId="eff6cc8c-37d8-483b-9c6c-6b27e9afa9bc" providerId="ADAL" clId="{BF04C754-5BF4-4E83-9615-DB14FA25AF8A}" dt="2023-10-12T11:36:56.881" v="274"/>
          <ac:spMkLst>
            <pc:docMk/>
            <pc:sldMk cId="2376958513" sldId="260"/>
            <ac:spMk id="844" creationId="{E6627AE4-6986-330F-DBE6-3905F6D0440C}"/>
          </ac:spMkLst>
        </pc:spChg>
        <pc:spChg chg="mod">
          <ac:chgData name="White, Alex" userId="eff6cc8c-37d8-483b-9c6c-6b27e9afa9bc" providerId="ADAL" clId="{BF04C754-5BF4-4E83-9615-DB14FA25AF8A}" dt="2023-10-12T11:36:56.881" v="274"/>
          <ac:spMkLst>
            <pc:docMk/>
            <pc:sldMk cId="2376958513" sldId="260"/>
            <ac:spMk id="845" creationId="{D1F12D7C-9441-4C71-AF96-DDA9BACCF48E}"/>
          </ac:spMkLst>
        </pc:spChg>
        <pc:spChg chg="mod">
          <ac:chgData name="White, Alex" userId="eff6cc8c-37d8-483b-9c6c-6b27e9afa9bc" providerId="ADAL" clId="{BF04C754-5BF4-4E83-9615-DB14FA25AF8A}" dt="2023-10-12T11:36:56.881" v="274"/>
          <ac:spMkLst>
            <pc:docMk/>
            <pc:sldMk cId="2376958513" sldId="260"/>
            <ac:spMk id="846" creationId="{DFB32E7A-BFCB-4E26-B88C-739C77C42BFE}"/>
          </ac:spMkLst>
        </pc:spChg>
        <pc:spChg chg="mod">
          <ac:chgData name="White, Alex" userId="eff6cc8c-37d8-483b-9c6c-6b27e9afa9bc" providerId="ADAL" clId="{BF04C754-5BF4-4E83-9615-DB14FA25AF8A}" dt="2023-10-12T11:36:56.881" v="274"/>
          <ac:spMkLst>
            <pc:docMk/>
            <pc:sldMk cId="2376958513" sldId="260"/>
            <ac:spMk id="847" creationId="{99FE3901-98D6-0E09-A352-A3DA9A2B00B6}"/>
          </ac:spMkLst>
        </pc:spChg>
        <pc:spChg chg="mod">
          <ac:chgData name="White, Alex" userId="eff6cc8c-37d8-483b-9c6c-6b27e9afa9bc" providerId="ADAL" clId="{BF04C754-5BF4-4E83-9615-DB14FA25AF8A}" dt="2023-10-12T11:36:56.881" v="274"/>
          <ac:spMkLst>
            <pc:docMk/>
            <pc:sldMk cId="2376958513" sldId="260"/>
            <ac:spMk id="848" creationId="{CBF1AE7B-0E16-C32B-4305-4141C60FA77D}"/>
          </ac:spMkLst>
        </pc:spChg>
        <pc:spChg chg="mod">
          <ac:chgData name="White, Alex" userId="eff6cc8c-37d8-483b-9c6c-6b27e9afa9bc" providerId="ADAL" clId="{BF04C754-5BF4-4E83-9615-DB14FA25AF8A}" dt="2023-10-12T11:36:56.881" v="274"/>
          <ac:spMkLst>
            <pc:docMk/>
            <pc:sldMk cId="2376958513" sldId="260"/>
            <ac:spMk id="849" creationId="{643B3E40-D865-53EA-DFE5-F50A2FF51D53}"/>
          </ac:spMkLst>
        </pc:spChg>
        <pc:spChg chg="mod">
          <ac:chgData name="White, Alex" userId="eff6cc8c-37d8-483b-9c6c-6b27e9afa9bc" providerId="ADAL" clId="{BF04C754-5BF4-4E83-9615-DB14FA25AF8A}" dt="2023-10-12T11:36:56.881" v="274"/>
          <ac:spMkLst>
            <pc:docMk/>
            <pc:sldMk cId="2376958513" sldId="260"/>
            <ac:spMk id="850" creationId="{AE702BA4-FEB9-4C2C-45E2-1E4F593FCDD1}"/>
          </ac:spMkLst>
        </pc:spChg>
        <pc:spChg chg="mod">
          <ac:chgData name="White, Alex" userId="eff6cc8c-37d8-483b-9c6c-6b27e9afa9bc" providerId="ADAL" clId="{BF04C754-5BF4-4E83-9615-DB14FA25AF8A}" dt="2023-10-12T11:36:56.881" v="274"/>
          <ac:spMkLst>
            <pc:docMk/>
            <pc:sldMk cId="2376958513" sldId="260"/>
            <ac:spMk id="851" creationId="{425B40C4-D30A-EA77-CB96-F6CDCA7F4514}"/>
          </ac:spMkLst>
        </pc:spChg>
        <pc:spChg chg="mod">
          <ac:chgData name="White, Alex" userId="eff6cc8c-37d8-483b-9c6c-6b27e9afa9bc" providerId="ADAL" clId="{BF04C754-5BF4-4E83-9615-DB14FA25AF8A}" dt="2023-10-12T11:36:56.881" v="274"/>
          <ac:spMkLst>
            <pc:docMk/>
            <pc:sldMk cId="2376958513" sldId="260"/>
            <ac:spMk id="852" creationId="{F757DEA9-E676-B292-F9BA-5F615AEAB304}"/>
          </ac:spMkLst>
        </pc:spChg>
        <pc:spChg chg="mod">
          <ac:chgData name="White, Alex" userId="eff6cc8c-37d8-483b-9c6c-6b27e9afa9bc" providerId="ADAL" clId="{BF04C754-5BF4-4E83-9615-DB14FA25AF8A}" dt="2023-10-12T11:36:56.881" v="274"/>
          <ac:spMkLst>
            <pc:docMk/>
            <pc:sldMk cId="2376958513" sldId="260"/>
            <ac:spMk id="853" creationId="{976B2059-C73F-4660-50D3-5A5329286DC4}"/>
          </ac:spMkLst>
        </pc:spChg>
        <pc:spChg chg="mod">
          <ac:chgData name="White, Alex" userId="eff6cc8c-37d8-483b-9c6c-6b27e9afa9bc" providerId="ADAL" clId="{BF04C754-5BF4-4E83-9615-DB14FA25AF8A}" dt="2023-10-12T11:36:56.881" v="274"/>
          <ac:spMkLst>
            <pc:docMk/>
            <pc:sldMk cId="2376958513" sldId="260"/>
            <ac:spMk id="854" creationId="{1F939A37-D2C2-6FD1-2882-FF81FD475373}"/>
          </ac:spMkLst>
        </pc:spChg>
        <pc:spChg chg="mod">
          <ac:chgData name="White, Alex" userId="eff6cc8c-37d8-483b-9c6c-6b27e9afa9bc" providerId="ADAL" clId="{BF04C754-5BF4-4E83-9615-DB14FA25AF8A}" dt="2023-10-12T11:36:56.881" v="274"/>
          <ac:spMkLst>
            <pc:docMk/>
            <pc:sldMk cId="2376958513" sldId="260"/>
            <ac:spMk id="855" creationId="{DB2121A1-B954-5934-7566-AC7361A2C394}"/>
          </ac:spMkLst>
        </pc:spChg>
        <pc:spChg chg="mod">
          <ac:chgData name="White, Alex" userId="eff6cc8c-37d8-483b-9c6c-6b27e9afa9bc" providerId="ADAL" clId="{BF04C754-5BF4-4E83-9615-DB14FA25AF8A}" dt="2023-10-12T11:36:56.881" v="274"/>
          <ac:spMkLst>
            <pc:docMk/>
            <pc:sldMk cId="2376958513" sldId="260"/>
            <ac:spMk id="856" creationId="{7C024AF6-6270-F872-D8BA-E0535A2BBD26}"/>
          </ac:spMkLst>
        </pc:spChg>
        <pc:spChg chg="mod">
          <ac:chgData name="White, Alex" userId="eff6cc8c-37d8-483b-9c6c-6b27e9afa9bc" providerId="ADAL" clId="{BF04C754-5BF4-4E83-9615-DB14FA25AF8A}" dt="2023-10-12T11:36:56.881" v="274"/>
          <ac:spMkLst>
            <pc:docMk/>
            <pc:sldMk cId="2376958513" sldId="260"/>
            <ac:spMk id="857" creationId="{7D416A9A-2191-9801-8744-466C48DFDCD9}"/>
          </ac:spMkLst>
        </pc:spChg>
        <pc:spChg chg="mod">
          <ac:chgData name="White, Alex" userId="eff6cc8c-37d8-483b-9c6c-6b27e9afa9bc" providerId="ADAL" clId="{BF04C754-5BF4-4E83-9615-DB14FA25AF8A}" dt="2023-10-12T11:36:56.881" v="274"/>
          <ac:spMkLst>
            <pc:docMk/>
            <pc:sldMk cId="2376958513" sldId="260"/>
            <ac:spMk id="858" creationId="{EE79D6C8-A85D-01FB-374A-0A49E2443AAD}"/>
          </ac:spMkLst>
        </pc:spChg>
        <pc:spChg chg="mod">
          <ac:chgData name="White, Alex" userId="eff6cc8c-37d8-483b-9c6c-6b27e9afa9bc" providerId="ADAL" clId="{BF04C754-5BF4-4E83-9615-DB14FA25AF8A}" dt="2023-10-12T11:36:56.881" v="274"/>
          <ac:spMkLst>
            <pc:docMk/>
            <pc:sldMk cId="2376958513" sldId="260"/>
            <ac:spMk id="859" creationId="{D192BF49-212C-97ED-8D19-6CF9BA290A35}"/>
          </ac:spMkLst>
        </pc:spChg>
        <pc:spChg chg="mod">
          <ac:chgData name="White, Alex" userId="eff6cc8c-37d8-483b-9c6c-6b27e9afa9bc" providerId="ADAL" clId="{BF04C754-5BF4-4E83-9615-DB14FA25AF8A}" dt="2023-10-12T11:36:56.881" v="274"/>
          <ac:spMkLst>
            <pc:docMk/>
            <pc:sldMk cId="2376958513" sldId="260"/>
            <ac:spMk id="860" creationId="{98153C90-9623-0749-D64A-4B1B59F1AB24}"/>
          </ac:spMkLst>
        </pc:spChg>
        <pc:spChg chg="mod">
          <ac:chgData name="White, Alex" userId="eff6cc8c-37d8-483b-9c6c-6b27e9afa9bc" providerId="ADAL" clId="{BF04C754-5BF4-4E83-9615-DB14FA25AF8A}" dt="2023-10-12T11:36:56.881" v="274"/>
          <ac:spMkLst>
            <pc:docMk/>
            <pc:sldMk cId="2376958513" sldId="260"/>
            <ac:spMk id="861" creationId="{D0624F2F-C601-519B-CC0D-45A0F9694BEC}"/>
          </ac:spMkLst>
        </pc:spChg>
        <pc:spChg chg="mod">
          <ac:chgData name="White, Alex" userId="eff6cc8c-37d8-483b-9c6c-6b27e9afa9bc" providerId="ADAL" clId="{BF04C754-5BF4-4E83-9615-DB14FA25AF8A}" dt="2023-10-12T11:36:56.881" v="274"/>
          <ac:spMkLst>
            <pc:docMk/>
            <pc:sldMk cId="2376958513" sldId="260"/>
            <ac:spMk id="862" creationId="{A418B1FB-7928-2C10-9BDC-D100C7DBF002}"/>
          </ac:spMkLst>
        </pc:spChg>
        <pc:spChg chg="mod">
          <ac:chgData name="White, Alex" userId="eff6cc8c-37d8-483b-9c6c-6b27e9afa9bc" providerId="ADAL" clId="{BF04C754-5BF4-4E83-9615-DB14FA25AF8A}" dt="2023-10-12T11:36:56.881" v="274"/>
          <ac:spMkLst>
            <pc:docMk/>
            <pc:sldMk cId="2376958513" sldId="260"/>
            <ac:spMk id="863" creationId="{645CCB21-2233-5E21-399A-3395B458E1E1}"/>
          </ac:spMkLst>
        </pc:spChg>
        <pc:spChg chg="mod">
          <ac:chgData name="White, Alex" userId="eff6cc8c-37d8-483b-9c6c-6b27e9afa9bc" providerId="ADAL" clId="{BF04C754-5BF4-4E83-9615-DB14FA25AF8A}" dt="2023-10-12T11:36:56.881" v="274"/>
          <ac:spMkLst>
            <pc:docMk/>
            <pc:sldMk cId="2376958513" sldId="260"/>
            <ac:spMk id="864" creationId="{203E2915-5BDD-354F-87C1-2963BF9B87B0}"/>
          </ac:spMkLst>
        </pc:spChg>
        <pc:spChg chg="mod">
          <ac:chgData name="White, Alex" userId="eff6cc8c-37d8-483b-9c6c-6b27e9afa9bc" providerId="ADAL" clId="{BF04C754-5BF4-4E83-9615-DB14FA25AF8A}" dt="2023-10-12T11:36:56.881" v="274"/>
          <ac:spMkLst>
            <pc:docMk/>
            <pc:sldMk cId="2376958513" sldId="260"/>
            <ac:spMk id="865" creationId="{06FAD2B1-3ECD-A224-B932-DD1326BC60F8}"/>
          </ac:spMkLst>
        </pc:spChg>
        <pc:spChg chg="mod">
          <ac:chgData name="White, Alex" userId="eff6cc8c-37d8-483b-9c6c-6b27e9afa9bc" providerId="ADAL" clId="{BF04C754-5BF4-4E83-9615-DB14FA25AF8A}" dt="2023-10-12T11:36:56.881" v="274"/>
          <ac:spMkLst>
            <pc:docMk/>
            <pc:sldMk cId="2376958513" sldId="260"/>
            <ac:spMk id="866" creationId="{741B1A24-3F17-F341-76F9-1821048A6788}"/>
          </ac:spMkLst>
        </pc:spChg>
        <pc:spChg chg="mod">
          <ac:chgData name="White, Alex" userId="eff6cc8c-37d8-483b-9c6c-6b27e9afa9bc" providerId="ADAL" clId="{BF04C754-5BF4-4E83-9615-DB14FA25AF8A}" dt="2023-10-12T11:36:56.881" v="274"/>
          <ac:spMkLst>
            <pc:docMk/>
            <pc:sldMk cId="2376958513" sldId="260"/>
            <ac:spMk id="867" creationId="{97FF4074-50EC-961D-707D-CEA1D220D213}"/>
          </ac:spMkLst>
        </pc:spChg>
        <pc:spChg chg="mod">
          <ac:chgData name="White, Alex" userId="eff6cc8c-37d8-483b-9c6c-6b27e9afa9bc" providerId="ADAL" clId="{BF04C754-5BF4-4E83-9615-DB14FA25AF8A}" dt="2023-10-12T11:36:56.881" v="274"/>
          <ac:spMkLst>
            <pc:docMk/>
            <pc:sldMk cId="2376958513" sldId="260"/>
            <ac:spMk id="868" creationId="{8E742AD2-3575-7A4D-6C09-69C66316D970}"/>
          </ac:spMkLst>
        </pc:spChg>
        <pc:spChg chg="mod">
          <ac:chgData name="White, Alex" userId="eff6cc8c-37d8-483b-9c6c-6b27e9afa9bc" providerId="ADAL" clId="{BF04C754-5BF4-4E83-9615-DB14FA25AF8A}" dt="2023-10-12T11:36:56.881" v="274"/>
          <ac:spMkLst>
            <pc:docMk/>
            <pc:sldMk cId="2376958513" sldId="260"/>
            <ac:spMk id="869" creationId="{C413DE9C-1867-2661-9748-EFE559ADAA06}"/>
          </ac:spMkLst>
        </pc:spChg>
        <pc:spChg chg="mod">
          <ac:chgData name="White, Alex" userId="eff6cc8c-37d8-483b-9c6c-6b27e9afa9bc" providerId="ADAL" clId="{BF04C754-5BF4-4E83-9615-DB14FA25AF8A}" dt="2023-10-12T11:36:56.881" v="274"/>
          <ac:spMkLst>
            <pc:docMk/>
            <pc:sldMk cId="2376958513" sldId="260"/>
            <ac:spMk id="871" creationId="{B823D650-F0BF-FBA3-BA13-06D9B0B6AC2E}"/>
          </ac:spMkLst>
        </pc:spChg>
        <pc:spChg chg="mod">
          <ac:chgData name="White, Alex" userId="eff6cc8c-37d8-483b-9c6c-6b27e9afa9bc" providerId="ADAL" clId="{BF04C754-5BF4-4E83-9615-DB14FA25AF8A}" dt="2023-10-12T11:36:56.881" v="274"/>
          <ac:spMkLst>
            <pc:docMk/>
            <pc:sldMk cId="2376958513" sldId="260"/>
            <ac:spMk id="872" creationId="{CFD5E69C-3108-0522-D651-FF906BF65205}"/>
          </ac:spMkLst>
        </pc:spChg>
        <pc:spChg chg="mod">
          <ac:chgData name="White, Alex" userId="eff6cc8c-37d8-483b-9c6c-6b27e9afa9bc" providerId="ADAL" clId="{BF04C754-5BF4-4E83-9615-DB14FA25AF8A}" dt="2023-10-12T11:36:56.881" v="274"/>
          <ac:spMkLst>
            <pc:docMk/>
            <pc:sldMk cId="2376958513" sldId="260"/>
            <ac:spMk id="873" creationId="{52F4D206-9A68-3A52-88CF-E704CAD11E9A}"/>
          </ac:spMkLst>
        </pc:spChg>
        <pc:spChg chg="mod">
          <ac:chgData name="White, Alex" userId="eff6cc8c-37d8-483b-9c6c-6b27e9afa9bc" providerId="ADAL" clId="{BF04C754-5BF4-4E83-9615-DB14FA25AF8A}" dt="2023-10-12T11:36:56.881" v="274"/>
          <ac:spMkLst>
            <pc:docMk/>
            <pc:sldMk cId="2376958513" sldId="260"/>
            <ac:spMk id="874" creationId="{73DCB524-048F-B508-BDD9-CD6508E10336}"/>
          </ac:spMkLst>
        </pc:spChg>
        <pc:spChg chg="mod">
          <ac:chgData name="White, Alex" userId="eff6cc8c-37d8-483b-9c6c-6b27e9afa9bc" providerId="ADAL" clId="{BF04C754-5BF4-4E83-9615-DB14FA25AF8A}" dt="2023-10-12T11:36:56.881" v="274"/>
          <ac:spMkLst>
            <pc:docMk/>
            <pc:sldMk cId="2376958513" sldId="260"/>
            <ac:spMk id="875" creationId="{31967DF8-529F-B860-85E4-5F4C14A6BE66}"/>
          </ac:spMkLst>
        </pc:spChg>
        <pc:spChg chg="mod">
          <ac:chgData name="White, Alex" userId="eff6cc8c-37d8-483b-9c6c-6b27e9afa9bc" providerId="ADAL" clId="{BF04C754-5BF4-4E83-9615-DB14FA25AF8A}" dt="2023-10-12T11:36:56.881" v="274"/>
          <ac:spMkLst>
            <pc:docMk/>
            <pc:sldMk cId="2376958513" sldId="260"/>
            <ac:spMk id="876" creationId="{4492B227-8411-964B-390E-56C15290AD2D}"/>
          </ac:spMkLst>
        </pc:spChg>
        <pc:spChg chg="mod">
          <ac:chgData name="White, Alex" userId="eff6cc8c-37d8-483b-9c6c-6b27e9afa9bc" providerId="ADAL" clId="{BF04C754-5BF4-4E83-9615-DB14FA25AF8A}" dt="2023-10-12T11:36:56.881" v="274"/>
          <ac:spMkLst>
            <pc:docMk/>
            <pc:sldMk cId="2376958513" sldId="260"/>
            <ac:spMk id="877" creationId="{B37AE175-5C3D-A65F-BD5E-D0FCC9D63254}"/>
          </ac:spMkLst>
        </pc:spChg>
        <pc:spChg chg="mod">
          <ac:chgData name="White, Alex" userId="eff6cc8c-37d8-483b-9c6c-6b27e9afa9bc" providerId="ADAL" clId="{BF04C754-5BF4-4E83-9615-DB14FA25AF8A}" dt="2023-10-12T11:36:56.881" v="274"/>
          <ac:spMkLst>
            <pc:docMk/>
            <pc:sldMk cId="2376958513" sldId="260"/>
            <ac:spMk id="878" creationId="{0355326D-4F9D-7B5B-390B-6114D1B32804}"/>
          </ac:spMkLst>
        </pc:spChg>
        <pc:spChg chg="mod">
          <ac:chgData name="White, Alex" userId="eff6cc8c-37d8-483b-9c6c-6b27e9afa9bc" providerId="ADAL" clId="{BF04C754-5BF4-4E83-9615-DB14FA25AF8A}" dt="2023-10-12T11:36:56.881" v="274"/>
          <ac:spMkLst>
            <pc:docMk/>
            <pc:sldMk cId="2376958513" sldId="260"/>
            <ac:spMk id="879" creationId="{5B13E65C-158B-8A06-7862-5537A4A3D334}"/>
          </ac:spMkLst>
        </pc:spChg>
        <pc:spChg chg="mod">
          <ac:chgData name="White, Alex" userId="eff6cc8c-37d8-483b-9c6c-6b27e9afa9bc" providerId="ADAL" clId="{BF04C754-5BF4-4E83-9615-DB14FA25AF8A}" dt="2023-10-12T11:36:56.881" v="274"/>
          <ac:spMkLst>
            <pc:docMk/>
            <pc:sldMk cId="2376958513" sldId="260"/>
            <ac:spMk id="880" creationId="{E490042A-6605-1047-03CA-72B7069D2F88}"/>
          </ac:spMkLst>
        </pc:spChg>
        <pc:spChg chg="mod">
          <ac:chgData name="White, Alex" userId="eff6cc8c-37d8-483b-9c6c-6b27e9afa9bc" providerId="ADAL" clId="{BF04C754-5BF4-4E83-9615-DB14FA25AF8A}" dt="2023-10-12T11:36:56.881" v="274"/>
          <ac:spMkLst>
            <pc:docMk/>
            <pc:sldMk cId="2376958513" sldId="260"/>
            <ac:spMk id="881" creationId="{278737D8-8BB4-AF42-A8F1-D2304F449222}"/>
          </ac:spMkLst>
        </pc:spChg>
        <pc:spChg chg="mod">
          <ac:chgData name="White, Alex" userId="eff6cc8c-37d8-483b-9c6c-6b27e9afa9bc" providerId="ADAL" clId="{BF04C754-5BF4-4E83-9615-DB14FA25AF8A}" dt="2023-10-12T11:36:56.881" v="274"/>
          <ac:spMkLst>
            <pc:docMk/>
            <pc:sldMk cId="2376958513" sldId="260"/>
            <ac:spMk id="882" creationId="{F78E472E-F99E-AEA5-6E1C-396ABF517B18}"/>
          </ac:spMkLst>
        </pc:spChg>
        <pc:spChg chg="mod">
          <ac:chgData name="White, Alex" userId="eff6cc8c-37d8-483b-9c6c-6b27e9afa9bc" providerId="ADAL" clId="{BF04C754-5BF4-4E83-9615-DB14FA25AF8A}" dt="2023-10-12T11:36:56.881" v="274"/>
          <ac:spMkLst>
            <pc:docMk/>
            <pc:sldMk cId="2376958513" sldId="260"/>
            <ac:spMk id="883" creationId="{5CD74DED-B40D-E499-2240-B48AEE05E3AC}"/>
          </ac:spMkLst>
        </pc:spChg>
        <pc:spChg chg="mod">
          <ac:chgData name="White, Alex" userId="eff6cc8c-37d8-483b-9c6c-6b27e9afa9bc" providerId="ADAL" clId="{BF04C754-5BF4-4E83-9615-DB14FA25AF8A}" dt="2023-10-12T11:36:56.881" v="274"/>
          <ac:spMkLst>
            <pc:docMk/>
            <pc:sldMk cId="2376958513" sldId="260"/>
            <ac:spMk id="884" creationId="{6295B08F-F6FC-6F62-5341-F75E36EB1BCF}"/>
          </ac:spMkLst>
        </pc:spChg>
        <pc:spChg chg="mod">
          <ac:chgData name="White, Alex" userId="eff6cc8c-37d8-483b-9c6c-6b27e9afa9bc" providerId="ADAL" clId="{BF04C754-5BF4-4E83-9615-DB14FA25AF8A}" dt="2023-10-12T11:36:56.881" v="274"/>
          <ac:spMkLst>
            <pc:docMk/>
            <pc:sldMk cId="2376958513" sldId="260"/>
            <ac:spMk id="885" creationId="{1E77FEC6-A48F-7E2E-96D5-D03F12AB9E81}"/>
          </ac:spMkLst>
        </pc:spChg>
        <pc:spChg chg="mod">
          <ac:chgData name="White, Alex" userId="eff6cc8c-37d8-483b-9c6c-6b27e9afa9bc" providerId="ADAL" clId="{BF04C754-5BF4-4E83-9615-DB14FA25AF8A}" dt="2023-10-12T11:36:56.881" v="274"/>
          <ac:spMkLst>
            <pc:docMk/>
            <pc:sldMk cId="2376958513" sldId="260"/>
            <ac:spMk id="886" creationId="{C84D1ED3-CD6F-623F-92CD-339BF06210FC}"/>
          </ac:spMkLst>
        </pc:spChg>
        <pc:spChg chg="mod">
          <ac:chgData name="White, Alex" userId="eff6cc8c-37d8-483b-9c6c-6b27e9afa9bc" providerId="ADAL" clId="{BF04C754-5BF4-4E83-9615-DB14FA25AF8A}" dt="2023-10-12T11:36:56.881" v="274"/>
          <ac:spMkLst>
            <pc:docMk/>
            <pc:sldMk cId="2376958513" sldId="260"/>
            <ac:spMk id="887" creationId="{38380DDF-73CC-8C35-1FAC-4017F79E2555}"/>
          </ac:spMkLst>
        </pc:spChg>
        <pc:spChg chg="mod">
          <ac:chgData name="White, Alex" userId="eff6cc8c-37d8-483b-9c6c-6b27e9afa9bc" providerId="ADAL" clId="{BF04C754-5BF4-4E83-9615-DB14FA25AF8A}" dt="2023-10-12T11:36:56.881" v="274"/>
          <ac:spMkLst>
            <pc:docMk/>
            <pc:sldMk cId="2376958513" sldId="260"/>
            <ac:spMk id="888" creationId="{756CD6C9-655B-C866-A864-84580C568462}"/>
          </ac:spMkLst>
        </pc:spChg>
        <pc:spChg chg="mod">
          <ac:chgData name="White, Alex" userId="eff6cc8c-37d8-483b-9c6c-6b27e9afa9bc" providerId="ADAL" clId="{BF04C754-5BF4-4E83-9615-DB14FA25AF8A}" dt="2023-10-12T11:36:56.881" v="274"/>
          <ac:spMkLst>
            <pc:docMk/>
            <pc:sldMk cId="2376958513" sldId="260"/>
            <ac:spMk id="889" creationId="{89C4E6A6-6F02-B793-3E48-F53DE3ED7CB0}"/>
          </ac:spMkLst>
        </pc:spChg>
        <pc:spChg chg="mod">
          <ac:chgData name="White, Alex" userId="eff6cc8c-37d8-483b-9c6c-6b27e9afa9bc" providerId="ADAL" clId="{BF04C754-5BF4-4E83-9615-DB14FA25AF8A}" dt="2023-10-12T11:36:56.881" v="274"/>
          <ac:spMkLst>
            <pc:docMk/>
            <pc:sldMk cId="2376958513" sldId="260"/>
            <ac:spMk id="890" creationId="{A0943CB6-34DA-5FD2-DE8C-F535F3B5F342}"/>
          </ac:spMkLst>
        </pc:spChg>
        <pc:spChg chg="mod">
          <ac:chgData name="White, Alex" userId="eff6cc8c-37d8-483b-9c6c-6b27e9afa9bc" providerId="ADAL" clId="{BF04C754-5BF4-4E83-9615-DB14FA25AF8A}" dt="2023-10-12T11:36:56.881" v="274"/>
          <ac:spMkLst>
            <pc:docMk/>
            <pc:sldMk cId="2376958513" sldId="260"/>
            <ac:spMk id="891" creationId="{DC117EE2-3D9E-71B7-268B-8307001FBB48}"/>
          </ac:spMkLst>
        </pc:spChg>
        <pc:spChg chg="mod">
          <ac:chgData name="White, Alex" userId="eff6cc8c-37d8-483b-9c6c-6b27e9afa9bc" providerId="ADAL" clId="{BF04C754-5BF4-4E83-9615-DB14FA25AF8A}" dt="2023-10-12T11:36:56.881" v="274"/>
          <ac:spMkLst>
            <pc:docMk/>
            <pc:sldMk cId="2376958513" sldId="260"/>
            <ac:spMk id="892" creationId="{E27FD504-DA08-347F-9BBD-100ADF264DA9}"/>
          </ac:spMkLst>
        </pc:spChg>
        <pc:spChg chg="mod">
          <ac:chgData name="White, Alex" userId="eff6cc8c-37d8-483b-9c6c-6b27e9afa9bc" providerId="ADAL" clId="{BF04C754-5BF4-4E83-9615-DB14FA25AF8A}" dt="2023-10-12T11:36:56.881" v="274"/>
          <ac:spMkLst>
            <pc:docMk/>
            <pc:sldMk cId="2376958513" sldId="260"/>
            <ac:spMk id="893" creationId="{64818882-458E-AD5F-BCA9-5749438A5ADA}"/>
          </ac:spMkLst>
        </pc:spChg>
        <pc:spChg chg="mod">
          <ac:chgData name="White, Alex" userId="eff6cc8c-37d8-483b-9c6c-6b27e9afa9bc" providerId="ADAL" clId="{BF04C754-5BF4-4E83-9615-DB14FA25AF8A}" dt="2023-10-12T11:36:56.881" v="274"/>
          <ac:spMkLst>
            <pc:docMk/>
            <pc:sldMk cId="2376958513" sldId="260"/>
            <ac:spMk id="894" creationId="{BEB1022B-4488-740D-9751-0C9DDA7E6333}"/>
          </ac:spMkLst>
        </pc:spChg>
        <pc:spChg chg="mod">
          <ac:chgData name="White, Alex" userId="eff6cc8c-37d8-483b-9c6c-6b27e9afa9bc" providerId="ADAL" clId="{BF04C754-5BF4-4E83-9615-DB14FA25AF8A}" dt="2023-10-12T11:36:56.881" v="274"/>
          <ac:spMkLst>
            <pc:docMk/>
            <pc:sldMk cId="2376958513" sldId="260"/>
            <ac:spMk id="895" creationId="{39BFF227-8EF6-0912-B7EE-5B5C65C31C4D}"/>
          </ac:spMkLst>
        </pc:spChg>
        <pc:spChg chg="mod">
          <ac:chgData name="White, Alex" userId="eff6cc8c-37d8-483b-9c6c-6b27e9afa9bc" providerId="ADAL" clId="{BF04C754-5BF4-4E83-9615-DB14FA25AF8A}" dt="2023-10-12T11:36:56.881" v="274"/>
          <ac:spMkLst>
            <pc:docMk/>
            <pc:sldMk cId="2376958513" sldId="260"/>
            <ac:spMk id="896" creationId="{834590F5-B4D4-DA9C-13A3-7D9F4FC3D4B4}"/>
          </ac:spMkLst>
        </pc:spChg>
        <pc:spChg chg="mod">
          <ac:chgData name="White, Alex" userId="eff6cc8c-37d8-483b-9c6c-6b27e9afa9bc" providerId="ADAL" clId="{BF04C754-5BF4-4E83-9615-DB14FA25AF8A}" dt="2023-10-12T11:36:56.881" v="274"/>
          <ac:spMkLst>
            <pc:docMk/>
            <pc:sldMk cId="2376958513" sldId="260"/>
            <ac:spMk id="897" creationId="{19300851-46CC-4273-4F72-3509D8B25672}"/>
          </ac:spMkLst>
        </pc:spChg>
        <pc:spChg chg="mod">
          <ac:chgData name="White, Alex" userId="eff6cc8c-37d8-483b-9c6c-6b27e9afa9bc" providerId="ADAL" clId="{BF04C754-5BF4-4E83-9615-DB14FA25AF8A}" dt="2023-10-12T11:36:56.881" v="274"/>
          <ac:spMkLst>
            <pc:docMk/>
            <pc:sldMk cId="2376958513" sldId="260"/>
            <ac:spMk id="898" creationId="{8D1E6AE2-4A53-B828-1F9E-9C315A7BCB46}"/>
          </ac:spMkLst>
        </pc:spChg>
        <pc:spChg chg="mod">
          <ac:chgData name="White, Alex" userId="eff6cc8c-37d8-483b-9c6c-6b27e9afa9bc" providerId="ADAL" clId="{BF04C754-5BF4-4E83-9615-DB14FA25AF8A}" dt="2023-10-12T11:36:56.881" v="274"/>
          <ac:spMkLst>
            <pc:docMk/>
            <pc:sldMk cId="2376958513" sldId="260"/>
            <ac:spMk id="899" creationId="{DF9741AC-2FA0-BE6D-B4F9-8358C6D49764}"/>
          </ac:spMkLst>
        </pc:spChg>
        <pc:spChg chg="mod">
          <ac:chgData name="White, Alex" userId="eff6cc8c-37d8-483b-9c6c-6b27e9afa9bc" providerId="ADAL" clId="{BF04C754-5BF4-4E83-9615-DB14FA25AF8A}" dt="2023-10-12T11:36:56.881" v="274"/>
          <ac:spMkLst>
            <pc:docMk/>
            <pc:sldMk cId="2376958513" sldId="260"/>
            <ac:spMk id="900" creationId="{C24CFCF8-8346-4892-4695-E9CDB578D99A}"/>
          </ac:spMkLst>
        </pc:spChg>
        <pc:spChg chg="mod">
          <ac:chgData name="White, Alex" userId="eff6cc8c-37d8-483b-9c6c-6b27e9afa9bc" providerId="ADAL" clId="{BF04C754-5BF4-4E83-9615-DB14FA25AF8A}" dt="2023-10-12T11:36:56.881" v="274"/>
          <ac:spMkLst>
            <pc:docMk/>
            <pc:sldMk cId="2376958513" sldId="260"/>
            <ac:spMk id="901" creationId="{19D7800A-47A9-A4D0-AF8D-F740615A3F95}"/>
          </ac:spMkLst>
        </pc:spChg>
        <pc:spChg chg="mod">
          <ac:chgData name="White, Alex" userId="eff6cc8c-37d8-483b-9c6c-6b27e9afa9bc" providerId="ADAL" clId="{BF04C754-5BF4-4E83-9615-DB14FA25AF8A}" dt="2023-10-12T11:36:56.881" v="274"/>
          <ac:spMkLst>
            <pc:docMk/>
            <pc:sldMk cId="2376958513" sldId="260"/>
            <ac:spMk id="902" creationId="{25BA2923-2770-1AD5-AC91-326267F65047}"/>
          </ac:spMkLst>
        </pc:spChg>
        <pc:spChg chg="mod">
          <ac:chgData name="White, Alex" userId="eff6cc8c-37d8-483b-9c6c-6b27e9afa9bc" providerId="ADAL" clId="{BF04C754-5BF4-4E83-9615-DB14FA25AF8A}" dt="2023-10-12T11:36:56.881" v="274"/>
          <ac:spMkLst>
            <pc:docMk/>
            <pc:sldMk cId="2376958513" sldId="260"/>
            <ac:spMk id="903" creationId="{C8CA50D6-41DD-A983-AB3F-2177A7EC80A6}"/>
          </ac:spMkLst>
        </pc:spChg>
        <pc:spChg chg="mod">
          <ac:chgData name="White, Alex" userId="eff6cc8c-37d8-483b-9c6c-6b27e9afa9bc" providerId="ADAL" clId="{BF04C754-5BF4-4E83-9615-DB14FA25AF8A}" dt="2023-10-12T11:36:56.881" v="274"/>
          <ac:spMkLst>
            <pc:docMk/>
            <pc:sldMk cId="2376958513" sldId="260"/>
            <ac:spMk id="904" creationId="{4A9C178B-0411-89DC-68DB-8C0B8A1AF6DB}"/>
          </ac:spMkLst>
        </pc:spChg>
        <pc:spChg chg="mod">
          <ac:chgData name="White, Alex" userId="eff6cc8c-37d8-483b-9c6c-6b27e9afa9bc" providerId="ADAL" clId="{BF04C754-5BF4-4E83-9615-DB14FA25AF8A}" dt="2023-10-12T11:36:56.881" v="274"/>
          <ac:spMkLst>
            <pc:docMk/>
            <pc:sldMk cId="2376958513" sldId="260"/>
            <ac:spMk id="905" creationId="{CF00D095-1EF6-1472-CDD7-97622F9838DF}"/>
          </ac:spMkLst>
        </pc:spChg>
        <pc:spChg chg="mod">
          <ac:chgData name="White, Alex" userId="eff6cc8c-37d8-483b-9c6c-6b27e9afa9bc" providerId="ADAL" clId="{BF04C754-5BF4-4E83-9615-DB14FA25AF8A}" dt="2023-10-12T11:36:56.881" v="274"/>
          <ac:spMkLst>
            <pc:docMk/>
            <pc:sldMk cId="2376958513" sldId="260"/>
            <ac:spMk id="906" creationId="{57064924-84E0-8D4B-C059-BD293A1E4572}"/>
          </ac:spMkLst>
        </pc:spChg>
        <pc:spChg chg="mod">
          <ac:chgData name="White, Alex" userId="eff6cc8c-37d8-483b-9c6c-6b27e9afa9bc" providerId="ADAL" clId="{BF04C754-5BF4-4E83-9615-DB14FA25AF8A}" dt="2023-10-12T11:36:56.881" v="274"/>
          <ac:spMkLst>
            <pc:docMk/>
            <pc:sldMk cId="2376958513" sldId="260"/>
            <ac:spMk id="907" creationId="{85BD53F7-C38C-D363-2CFD-D34F3341AD3D}"/>
          </ac:spMkLst>
        </pc:spChg>
        <pc:spChg chg="mod">
          <ac:chgData name="White, Alex" userId="eff6cc8c-37d8-483b-9c6c-6b27e9afa9bc" providerId="ADAL" clId="{BF04C754-5BF4-4E83-9615-DB14FA25AF8A}" dt="2023-10-12T11:36:56.881" v="274"/>
          <ac:spMkLst>
            <pc:docMk/>
            <pc:sldMk cId="2376958513" sldId="260"/>
            <ac:spMk id="908" creationId="{6C5F89E9-7948-D6A4-89BC-E994DD0E3F96}"/>
          </ac:spMkLst>
        </pc:spChg>
        <pc:spChg chg="mod">
          <ac:chgData name="White, Alex" userId="eff6cc8c-37d8-483b-9c6c-6b27e9afa9bc" providerId="ADAL" clId="{BF04C754-5BF4-4E83-9615-DB14FA25AF8A}" dt="2023-10-12T11:36:56.881" v="274"/>
          <ac:spMkLst>
            <pc:docMk/>
            <pc:sldMk cId="2376958513" sldId="260"/>
            <ac:spMk id="909" creationId="{1D845209-D0D9-C73A-F98D-7EFDD9AC54B5}"/>
          </ac:spMkLst>
        </pc:spChg>
        <pc:spChg chg="mod">
          <ac:chgData name="White, Alex" userId="eff6cc8c-37d8-483b-9c6c-6b27e9afa9bc" providerId="ADAL" clId="{BF04C754-5BF4-4E83-9615-DB14FA25AF8A}" dt="2023-10-12T11:36:56.881" v="274"/>
          <ac:spMkLst>
            <pc:docMk/>
            <pc:sldMk cId="2376958513" sldId="260"/>
            <ac:spMk id="910" creationId="{05BA3CBC-E852-AC49-05EC-DFD034993120}"/>
          </ac:spMkLst>
        </pc:spChg>
        <pc:spChg chg="mod">
          <ac:chgData name="White, Alex" userId="eff6cc8c-37d8-483b-9c6c-6b27e9afa9bc" providerId="ADAL" clId="{BF04C754-5BF4-4E83-9615-DB14FA25AF8A}" dt="2023-10-12T11:36:56.881" v="274"/>
          <ac:spMkLst>
            <pc:docMk/>
            <pc:sldMk cId="2376958513" sldId="260"/>
            <ac:spMk id="911" creationId="{7A29879A-3E9D-75D4-DB53-7ABB8CAA435F}"/>
          </ac:spMkLst>
        </pc:spChg>
        <pc:spChg chg="mod">
          <ac:chgData name="White, Alex" userId="eff6cc8c-37d8-483b-9c6c-6b27e9afa9bc" providerId="ADAL" clId="{BF04C754-5BF4-4E83-9615-DB14FA25AF8A}" dt="2023-10-12T11:36:56.881" v="274"/>
          <ac:spMkLst>
            <pc:docMk/>
            <pc:sldMk cId="2376958513" sldId="260"/>
            <ac:spMk id="912" creationId="{27960770-8BF9-CDE6-6A5F-61EC0426B65E}"/>
          </ac:spMkLst>
        </pc:spChg>
        <pc:spChg chg="mod">
          <ac:chgData name="White, Alex" userId="eff6cc8c-37d8-483b-9c6c-6b27e9afa9bc" providerId="ADAL" clId="{BF04C754-5BF4-4E83-9615-DB14FA25AF8A}" dt="2023-10-12T11:36:56.881" v="274"/>
          <ac:spMkLst>
            <pc:docMk/>
            <pc:sldMk cId="2376958513" sldId="260"/>
            <ac:spMk id="913" creationId="{D291283F-66A9-C0F5-E347-9378598C6188}"/>
          </ac:spMkLst>
        </pc:spChg>
        <pc:spChg chg="mod">
          <ac:chgData name="White, Alex" userId="eff6cc8c-37d8-483b-9c6c-6b27e9afa9bc" providerId="ADAL" clId="{BF04C754-5BF4-4E83-9615-DB14FA25AF8A}" dt="2023-10-12T11:36:56.881" v="274"/>
          <ac:spMkLst>
            <pc:docMk/>
            <pc:sldMk cId="2376958513" sldId="260"/>
            <ac:spMk id="914" creationId="{1EBB39B0-889F-5405-0C70-F0562B7F55F9}"/>
          </ac:spMkLst>
        </pc:spChg>
        <pc:spChg chg="mod">
          <ac:chgData name="White, Alex" userId="eff6cc8c-37d8-483b-9c6c-6b27e9afa9bc" providerId="ADAL" clId="{BF04C754-5BF4-4E83-9615-DB14FA25AF8A}" dt="2023-10-12T11:36:56.881" v="274"/>
          <ac:spMkLst>
            <pc:docMk/>
            <pc:sldMk cId="2376958513" sldId="260"/>
            <ac:spMk id="915" creationId="{8C10E6D6-92AB-57B9-6B6A-94645EAA2107}"/>
          </ac:spMkLst>
        </pc:spChg>
        <pc:spChg chg="mod">
          <ac:chgData name="White, Alex" userId="eff6cc8c-37d8-483b-9c6c-6b27e9afa9bc" providerId="ADAL" clId="{BF04C754-5BF4-4E83-9615-DB14FA25AF8A}" dt="2023-10-12T11:36:56.881" v="274"/>
          <ac:spMkLst>
            <pc:docMk/>
            <pc:sldMk cId="2376958513" sldId="260"/>
            <ac:spMk id="916" creationId="{73E419FB-F381-18FF-D846-823F859C4CD3}"/>
          </ac:spMkLst>
        </pc:spChg>
        <pc:spChg chg="mod">
          <ac:chgData name="White, Alex" userId="eff6cc8c-37d8-483b-9c6c-6b27e9afa9bc" providerId="ADAL" clId="{BF04C754-5BF4-4E83-9615-DB14FA25AF8A}" dt="2023-10-12T11:36:56.881" v="274"/>
          <ac:spMkLst>
            <pc:docMk/>
            <pc:sldMk cId="2376958513" sldId="260"/>
            <ac:spMk id="917" creationId="{49A3107E-ED9A-FC08-4C4C-D725DF68F7BF}"/>
          </ac:spMkLst>
        </pc:spChg>
        <pc:spChg chg="mod">
          <ac:chgData name="White, Alex" userId="eff6cc8c-37d8-483b-9c6c-6b27e9afa9bc" providerId="ADAL" clId="{BF04C754-5BF4-4E83-9615-DB14FA25AF8A}" dt="2023-10-12T11:36:56.881" v="274"/>
          <ac:spMkLst>
            <pc:docMk/>
            <pc:sldMk cId="2376958513" sldId="260"/>
            <ac:spMk id="918" creationId="{091A6CD5-95C5-5053-3DA6-7231D57C081D}"/>
          </ac:spMkLst>
        </pc:spChg>
        <pc:spChg chg="mod">
          <ac:chgData name="White, Alex" userId="eff6cc8c-37d8-483b-9c6c-6b27e9afa9bc" providerId="ADAL" clId="{BF04C754-5BF4-4E83-9615-DB14FA25AF8A}" dt="2023-10-12T11:36:56.881" v="274"/>
          <ac:spMkLst>
            <pc:docMk/>
            <pc:sldMk cId="2376958513" sldId="260"/>
            <ac:spMk id="919" creationId="{AD568AAB-D944-CDF5-CC3F-CF9ED5197174}"/>
          </ac:spMkLst>
        </pc:spChg>
        <pc:spChg chg="mod">
          <ac:chgData name="White, Alex" userId="eff6cc8c-37d8-483b-9c6c-6b27e9afa9bc" providerId="ADAL" clId="{BF04C754-5BF4-4E83-9615-DB14FA25AF8A}" dt="2023-10-12T11:36:56.881" v="274"/>
          <ac:spMkLst>
            <pc:docMk/>
            <pc:sldMk cId="2376958513" sldId="260"/>
            <ac:spMk id="920" creationId="{F539B2F8-2B31-BFC4-3ADE-1608C5504972}"/>
          </ac:spMkLst>
        </pc:spChg>
        <pc:spChg chg="mod">
          <ac:chgData name="White, Alex" userId="eff6cc8c-37d8-483b-9c6c-6b27e9afa9bc" providerId="ADAL" clId="{BF04C754-5BF4-4E83-9615-DB14FA25AF8A}" dt="2023-10-12T11:36:56.881" v="274"/>
          <ac:spMkLst>
            <pc:docMk/>
            <pc:sldMk cId="2376958513" sldId="260"/>
            <ac:spMk id="921" creationId="{5502A393-3DD9-6B8F-D938-BDA54C06DA3B}"/>
          </ac:spMkLst>
        </pc:spChg>
        <pc:spChg chg="mod">
          <ac:chgData name="White, Alex" userId="eff6cc8c-37d8-483b-9c6c-6b27e9afa9bc" providerId="ADAL" clId="{BF04C754-5BF4-4E83-9615-DB14FA25AF8A}" dt="2023-10-12T11:36:56.881" v="274"/>
          <ac:spMkLst>
            <pc:docMk/>
            <pc:sldMk cId="2376958513" sldId="260"/>
            <ac:spMk id="922" creationId="{8ACCF1A4-2C4F-E16D-21ED-C154F2FA95D3}"/>
          </ac:spMkLst>
        </pc:spChg>
        <pc:spChg chg="mod">
          <ac:chgData name="White, Alex" userId="eff6cc8c-37d8-483b-9c6c-6b27e9afa9bc" providerId="ADAL" clId="{BF04C754-5BF4-4E83-9615-DB14FA25AF8A}" dt="2023-10-12T11:36:56.881" v="274"/>
          <ac:spMkLst>
            <pc:docMk/>
            <pc:sldMk cId="2376958513" sldId="260"/>
            <ac:spMk id="923" creationId="{AB7ADDC7-4AEA-C11B-E74C-574C9D09C00D}"/>
          </ac:spMkLst>
        </pc:spChg>
        <pc:spChg chg="mod">
          <ac:chgData name="White, Alex" userId="eff6cc8c-37d8-483b-9c6c-6b27e9afa9bc" providerId="ADAL" clId="{BF04C754-5BF4-4E83-9615-DB14FA25AF8A}" dt="2023-10-12T11:36:56.881" v="274"/>
          <ac:spMkLst>
            <pc:docMk/>
            <pc:sldMk cId="2376958513" sldId="260"/>
            <ac:spMk id="924" creationId="{D202EAF8-7860-539B-CCF4-CFC578A5E8E1}"/>
          </ac:spMkLst>
        </pc:spChg>
        <pc:spChg chg="mod">
          <ac:chgData name="White, Alex" userId="eff6cc8c-37d8-483b-9c6c-6b27e9afa9bc" providerId="ADAL" clId="{BF04C754-5BF4-4E83-9615-DB14FA25AF8A}" dt="2023-10-12T11:36:56.881" v="274"/>
          <ac:spMkLst>
            <pc:docMk/>
            <pc:sldMk cId="2376958513" sldId="260"/>
            <ac:spMk id="925" creationId="{14956DAD-1C91-90B2-082B-E29A4856B246}"/>
          </ac:spMkLst>
        </pc:spChg>
        <pc:spChg chg="mod">
          <ac:chgData name="White, Alex" userId="eff6cc8c-37d8-483b-9c6c-6b27e9afa9bc" providerId="ADAL" clId="{BF04C754-5BF4-4E83-9615-DB14FA25AF8A}" dt="2023-10-12T11:36:56.881" v="274"/>
          <ac:spMkLst>
            <pc:docMk/>
            <pc:sldMk cId="2376958513" sldId="260"/>
            <ac:spMk id="926" creationId="{68CE6582-F169-1EDB-7D7A-AA9970826085}"/>
          </ac:spMkLst>
        </pc:spChg>
        <pc:spChg chg="mod">
          <ac:chgData name="White, Alex" userId="eff6cc8c-37d8-483b-9c6c-6b27e9afa9bc" providerId="ADAL" clId="{BF04C754-5BF4-4E83-9615-DB14FA25AF8A}" dt="2023-10-12T11:36:56.881" v="274"/>
          <ac:spMkLst>
            <pc:docMk/>
            <pc:sldMk cId="2376958513" sldId="260"/>
            <ac:spMk id="927" creationId="{650FA7EE-6D1D-0618-DBB9-1F02C24E9C05}"/>
          </ac:spMkLst>
        </pc:spChg>
        <pc:spChg chg="mod">
          <ac:chgData name="White, Alex" userId="eff6cc8c-37d8-483b-9c6c-6b27e9afa9bc" providerId="ADAL" clId="{BF04C754-5BF4-4E83-9615-DB14FA25AF8A}" dt="2023-10-12T11:36:56.881" v="274"/>
          <ac:spMkLst>
            <pc:docMk/>
            <pc:sldMk cId="2376958513" sldId="260"/>
            <ac:spMk id="928" creationId="{3D703837-F947-7818-612E-4C94BAD2002D}"/>
          </ac:spMkLst>
        </pc:spChg>
        <pc:spChg chg="mod">
          <ac:chgData name="White, Alex" userId="eff6cc8c-37d8-483b-9c6c-6b27e9afa9bc" providerId="ADAL" clId="{BF04C754-5BF4-4E83-9615-DB14FA25AF8A}" dt="2023-10-12T11:36:56.881" v="274"/>
          <ac:spMkLst>
            <pc:docMk/>
            <pc:sldMk cId="2376958513" sldId="260"/>
            <ac:spMk id="929" creationId="{C5C303B5-7776-1FA4-1D52-AFD272190FC4}"/>
          </ac:spMkLst>
        </pc:spChg>
        <pc:spChg chg="mod">
          <ac:chgData name="White, Alex" userId="eff6cc8c-37d8-483b-9c6c-6b27e9afa9bc" providerId="ADAL" clId="{BF04C754-5BF4-4E83-9615-DB14FA25AF8A}" dt="2023-10-12T11:36:56.881" v="274"/>
          <ac:spMkLst>
            <pc:docMk/>
            <pc:sldMk cId="2376958513" sldId="260"/>
            <ac:spMk id="930" creationId="{0C1B26E0-BFA0-D7EC-A162-76EAE7A37898}"/>
          </ac:spMkLst>
        </pc:spChg>
        <pc:spChg chg="mod">
          <ac:chgData name="White, Alex" userId="eff6cc8c-37d8-483b-9c6c-6b27e9afa9bc" providerId="ADAL" clId="{BF04C754-5BF4-4E83-9615-DB14FA25AF8A}" dt="2023-10-12T11:36:56.881" v="274"/>
          <ac:spMkLst>
            <pc:docMk/>
            <pc:sldMk cId="2376958513" sldId="260"/>
            <ac:spMk id="931" creationId="{29F4FD3A-CF81-A82E-108B-15B882FE9956}"/>
          </ac:spMkLst>
        </pc:spChg>
        <pc:spChg chg="mod">
          <ac:chgData name="White, Alex" userId="eff6cc8c-37d8-483b-9c6c-6b27e9afa9bc" providerId="ADAL" clId="{BF04C754-5BF4-4E83-9615-DB14FA25AF8A}" dt="2023-10-12T11:36:56.881" v="274"/>
          <ac:spMkLst>
            <pc:docMk/>
            <pc:sldMk cId="2376958513" sldId="260"/>
            <ac:spMk id="932" creationId="{9916D1A2-6754-550A-69CE-AFCCA54031B5}"/>
          </ac:spMkLst>
        </pc:spChg>
        <pc:spChg chg="mod">
          <ac:chgData name="White, Alex" userId="eff6cc8c-37d8-483b-9c6c-6b27e9afa9bc" providerId="ADAL" clId="{BF04C754-5BF4-4E83-9615-DB14FA25AF8A}" dt="2023-10-12T11:36:56.881" v="274"/>
          <ac:spMkLst>
            <pc:docMk/>
            <pc:sldMk cId="2376958513" sldId="260"/>
            <ac:spMk id="933" creationId="{2D3FE6EA-46C4-47BE-2557-49E88DBDF470}"/>
          </ac:spMkLst>
        </pc:spChg>
        <pc:spChg chg="mod">
          <ac:chgData name="White, Alex" userId="eff6cc8c-37d8-483b-9c6c-6b27e9afa9bc" providerId="ADAL" clId="{BF04C754-5BF4-4E83-9615-DB14FA25AF8A}" dt="2023-10-12T11:36:56.881" v="274"/>
          <ac:spMkLst>
            <pc:docMk/>
            <pc:sldMk cId="2376958513" sldId="260"/>
            <ac:spMk id="934" creationId="{A41F58DE-5A27-0995-CB60-9541DCD2ED40}"/>
          </ac:spMkLst>
        </pc:spChg>
        <pc:spChg chg="mod">
          <ac:chgData name="White, Alex" userId="eff6cc8c-37d8-483b-9c6c-6b27e9afa9bc" providerId="ADAL" clId="{BF04C754-5BF4-4E83-9615-DB14FA25AF8A}" dt="2023-10-12T11:36:56.881" v="274"/>
          <ac:spMkLst>
            <pc:docMk/>
            <pc:sldMk cId="2376958513" sldId="260"/>
            <ac:spMk id="935" creationId="{B3DA1130-5FF1-C23D-E1D8-CD33BC9C41E6}"/>
          </ac:spMkLst>
        </pc:spChg>
        <pc:spChg chg="mod">
          <ac:chgData name="White, Alex" userId="eff6cc8c-37d8-483b-9c6c-6b27e9afa9bc" providerId="ADAL" clId="{BF04C754-5BF4-4E83-9615-DB14FA25AF8A}" dt="2023-10-12T11:36:56.881" v="274"/>
          <ac:spMkLst>
            <pc:docMk/>
            <pc:sldMk cId="2376958513" sldId="260"/>
            <ac:spMk id="936" creationId="{D885847C-4A67-323B-C17A-435C9B39FF60}"/>
          </ac:spMkLst>
        </pc:spChg>
        <pc:spChg chg="mod">
          <ac:chgData name="White, Alex" userId="eff6cc8c-37d8-483b-9c6c-6b27e9afa9bc" providerId="ADAL" clId="{BF04C754-5BF4-4E83-9615-DB14FA25AF8A}" dt="2023-10-12T11:36:56.881" v="274"/>
          <ac:spMkLst>
            <pc:docMk/>
            <pc:sldMk cId="2376958513" sldId="260"/>
            <ac:spMk id="937" creationId="{A374169C-4A32-AE2E-70F9-A0E373D3611F}"/>
          </ac:spMkLst>
        </pc:spChg>
        <pc:spChg chg="mod">
          <ac:chgData name="White, Alex" userId="eff6cc8c-37d8-483b-9c6c-6b27e9afa9bc" providerId="ADAL" clId="{BF04C754-5BF4-4E83-9615-DB14FA25AF8A}" dt="2023-10-12T11:36:56.881" v="274"/>
          <ac:spMkLst>
            <pc:docMk/>
            <pc:sldMk cId="2376958513" sldId="260"/>
            <ac:spMk id="938" creationId="{99F0F63A-48B3-656A-E5BC-E6658155F131}"/>
          </ac:spMkLst>
        </pc:spChg>
        <pc:spChg chg="mod">
          <ac:chgData name="White, Alex" userId="eff6cc8c-37d8-483b-9c6c-6b27e9afa9bc" providerId="ADAL" clId="{BF04C754-5BF4-4E83-9615-DB14FA25AF8A}" dt="2023-10-12T11:36:56.881" v="274"/>
          <ac:spMkLst>
            <pc:docMk/>
            <pc:sldMk cId="2376958513" sldId="260"/>
            <ac:spMk id="939" creationId="{066DD496-D187-012D-175F-16CF6C7D97BD}"/>
          </ac:spMkLst>
        </pc:spChg>
        <pc:spChg chg="mod">
          <ac:chgData name="White, Alex" userId="eff6cc8c-37d8-483b-9c6c-6b27e9afa9bc" providerId="ADAL" clId="{BF04C754-5BF4-4E83-9615-DB14FA25AF8A}" dt="2023-10-12T11:36:56.881" v="274"/>
          <ac:spMkLst>
            <pc:docMk/>
            <pc:sldMk cId="2376958513" sldId="260"/>
            <ac:spMk id="940" creationId="{5108C4DA-92DC-A641-C6F5-BC6325FA0C96}"/>
          </ac:spMkLst>
        </pc:spChg>
        <pc:spChg chg="mod">
          <ac:chgData name="White, Alex" userId="eff6cc8c-37d8-483b-9c6c-6b27e9afa9bc" providerId="ADAL" clId="{BF04C754-5BF4-4E83-9615-DB14FA25AF8A}" dt="2023-10-12T11:36:56.881" v="274"/>
          <ac:spMkLst>
            <pc:docMk/>
            <pc:sldMk cId="2376958513" sldId="260"/>
            <ac:spMk id="941" creationId="{41974097-34EF-EA3E-A96F-61A7968DD146}"/>
          </ac:spMkLst>
        </pc:spChg>
        <pc:spChg chg="mod">
          <ac:chgData name="White, Alex" userId="eff6cc8c-37d8-483b-9c6c-6b27e9afa9bc" providerId="ADAL" clId="{BF04C754-5BF4-4E83-9615-DB14FA25AF8A}" dt="2023-10-12T11:36:56.881" v="274"/>
          <ac:spMkLst>
            <pc:docMk/>
            <pc:sldMk cId="2376958513" sldId="260"/>
            <ac:spMk id="942" creationId="{415AA288-DD4F-3105-8776-6DCECCDF1AE2}"/>
          </ac:spMkLst>
        </pc:spChg>
        <pc:spChg chg="mod">
          <ac:chgData name="White, Alex" userId="eff6cc8c-37d8-483b-9c6c-6b27e9afa9bc" providerId="ADAL" clId="{BF04C754-5BF4-4E83-9615-DB14FA25AF8A}" dt="2023-10-12T11:36:56.881" v="274"/>
          <ac:spMkLst>
            <pc:docMk/>
            <pc:sldMk cId="2376958513" sldId="260"/>
            <ac:spMk id="943" creationId="{6D720B9B-8A3F-3D7D-67CE-0E8DC3209053}"/>
          </ac:spMkLst>
        </pc:spChg>
        <pc:spChg chg="mod">
          <ac:chgData name="White, Alex" userId="eff6cc8c-37d8-483b-9c6c-6b27e9afa9bc" providerId="ADAL" clId="{BF04C754-5BF4-4E83-9615-DB14FA25AF8A}" dt="2023-10-12T11:36:56.881" v="274"/>
          <ac:spMkLst>
            <pc:docMk/>
            <pc:sldMk cId="2376958513" sldId="260"/>
            <ac:spMk id="944" creationId="{5A5E5C81-2ABF-E113-F0EF-ED2ACFABCABB}"/>
          </ac:spMkLst>
        </pc:spChg>
        <pc:spChg chg="mod">
          <ac:chgData name="White, Alex" userId="eff6cc8c-37d8-483b-9c6c-6b27e9afa9bc" providerId="ADAL" clId="{BF04C754-5BF4-4E83-9615-DB14FA25AF8A}" dt="2023-10-12T11:36:56.881" v="274"/>
          <ac:spMkLst>
            <pc:docMk/>
            <pc:sldMk cId="2376958513" sldId="260"/>
            <ac:spMk id="945" creationId="{F66EA5C8-AF6C-CDC9-C4F2-4E42E232FF95}"/>
          </ac:spMkLst>
        </pc:spChg>
        <pc:spChg chg="mod">
          <ac:chgData name="White, Alex" userId="eff6cc8c-37d8-483b-9c6c-6b27e9afa9bc" providerId="ADAL" clId="{BF04C754-5BF4-4E83-9615-DB14FA25AF8A}" dt="2023-10-12T11:36:56.881" v="274"/>
          <ac:spMkLst>
            <pc:docMk/>
            <pc:sldMk cId="2376958513" sldId="260"/>
            <ac:spMk id="946" creationId="{A7DA85B1-2966-210D-C9A8-171C8413B6D2}"/>
          </ac:spMkLst>
        </pc:spChg>
        <pc:spChg chg="mod">
          <ac:chgData name="White, Alex" userId="eff6cc8c-37d8-483b-9c6c-6b27e9afa9bc" providerId="ADAL" clId="{BF04C754-5BF4-4E83-9615-DB14FA25AF8A}" dt="2023-10-12T11:36:56.881" v="274"/>
          <ac:spMkLst>
            <pc:docMk/>
            <pc:sldMk cId="2376958513" sldId="260"/>
            <ac:spMk id="947" creationId="{A456D7C7-F12B-0BA0-4AC1-E31CC2252D7F}"/>
          </ac:spMkLst>
        </pc:spChg>
        <pc:spChg chg="mod">
          <ac:chgData name="White, Alex" userId="eff6cc8c-37d8-483b-9c6c-6b27e9afa9bc" providerId="ADAL" clId="{BF04C754-5BF4-4E83-9615-DB14FA25AF8A}" dt="2023-10-12T11:36:56.881" v="274"/>
          <ac:spMkLst>
            <pc:docMk/>
            <pc:sldMk cId="2376958513" sldId="260"/>
            <ac:spMk id="948" creationId="{CC9B4330-5B93-10FC-618C-42D6D70DCFCE}"/>
          </ac:spMkLst>
        </pc:spChg>
        <pc:spChg chg="mod">
          <ac:chgData name="White, Alex" userId="eff6cc8c-37d8-483b-9c6c-6b27e9afa9bc" providerId="ADAL" clId="{BF04C754-5BF4-4E83-9615-DB14FA25AF8A}" dt="2023-10-12T11:36:56.881" v="274"/>
          <ac:spMkLst>
            <pc:docMk/>
            <pc:sldMk cId="2376958513" sldId="260"/>
            <ac:spMk id="949" creationId="{338948CC-A725-BE77-1DAE-A8E93F92C182}"/>
          </ac:spMkLst>
        </pc:spChg>
        <pc:spChg chg="mod">
          <ac:chgData name="White, Alex" userId="eff6cc8c-37d8-483b-9c6c-6b27e9afa9bc" providerId="ADAL" clId="{BF04C754-5BF4-4E83-9615-DB14FA25AF8A}" dt="2023-10-12T11:36:56.881" v="274"/>
          <ac:spMkLst>
            <pc:docMk/>
            <pc:sldMk cId="2376958513" sldId="260"/>
            <ac:spMk id="950" creationId="{588C1D21-B6FC-9556-4345-E415BAFB16CC}"/>
          </ac:spMkLst>
        </pc:spChg>
        <pc:spChg chg="mod">
          <ac:chgData name="White, Alex" userId="eff6cc8c-37d8-483b-9c6c-6b27e9afa9bc" providerId="ADAL" clId="{BF04C754-5BF4-4E83-9615-DB14FA25AF8A}" dt="2023-10-12T11:36:56.881" v="274"/>
          <ac:spMkLst>
            <pc:docMk/>
            <pc:sldMk cId="2376958513" sldId="260"/>
            <ac:spMk id="951" creationId="{BD7E5AE5-2B5B-3CA9-E53D-F9E0E62D5F62}"/>
          </ac:spMkLst>
        </pc:spChg>
        <pc:spChg chg="mod">
          <ac:chgData name="White, Alex" userId="eff6cc8c-37d8-483b-9c6c-6b27e9afa9bc" providerId="ADAL" clId="{BF04C754-5BF4-4E83-9615-DB14FA25AF8A}" dt="2023-10-12T11:36:56.881" v="274"/>
          <ac:spMkLst>
            <pc:docMk/>
            <pc:sldMk cId="2376958513" sldId="260"/>
            <ac:spMk id="952" creationId="{1ACF4E78-9F02-0F2A-58C0-56402886D86D}"/>
          </ac:spMkLst>
        </pc:spChg>
        <pc:spChg chg="mod">
          <ac:chgData name="White, Alex" userId="eff6cc8c-37d8-483b-9c6c-6b27e9afa9bc" providerId="ADAL" clId="{BF04C754-5BF4-4E83-9615-DB14FA25AF8A}" dt="2023-10-12T11:36:56.881" v="274"/>
          <ac:spMkLst>
            <pc:docMk/>
            <pc:sldMk cId="2376958513" sldId="260"/>
            <ac:spMk id="953" creationId="{1C0F5F94-818D-9CA6-67B4-9860A6D1C5D8}"/>
          </ac:spMkLst>
        </pc:spChg>
        <pc:spChg chg="mod">
          <ac:chgData name="White, Alex" userId="eff6cc8c-37d8-483b-9c6c-6b27e9afa9bc" providerId="ADAL" clId="{BF04C754-5BF4-4E83-9615-DB14FA25AF8A}" dt="2023-10-12T11:36:56.881" v="274"/>
          <ac:spMkLst>
            <pc:docMk/>
            <pc:sldMk cId="2376958513" sldId="260"/>
            <ac:spMk id="954" creationId="{65FB6EC3-C783-4162-2D26-BD002C0B4C52}"/>
          </ac:spMkLst>
        </pc:spChg>
        <pc:spChg chg="mod">
          <ac:chgData name="White, Alex" userId="eff6cc8c-37d8-483b-9c6c-6b27e9afa9bc" providerId="ADAL" clId="{BF04C754-5BF4-4E83-9615-DB14FA25AF8A}" dt="2023-10-12T11:36:56.881" v="274"/>
          <ac:spMkLst>
            <pc:docMk/>
            <pc:sldMk cId="2376958513" sldId="260"/>
            <ac:spMk id="955" creationId="{7C4E5259-A6AF-2507-FDF3-D5BE25F7109C}"/>
          </ac:spMkLst>
        </pc:spChg>
        <pc:spChg chg="mod">
          <ac:chgData name="White, Alex" userId="eff6cc8c-37d8-483b-9c6c-6b27e9afa9bc" providerId="ADAL" clId="{BF04C754-5BF4-4E83-9615-DB14FA25AF8A}" dt="2023-10-12T11:36:56.881" v="274"/>
          <ac:spMkLst>
            <pc:docMk/>
            <pc:sldMk cId="2376958513" sldId="260"/>
            <ac:spMk id="956" creationId="{EC183A9E-0E6E-F2D9-85E6-14F2270A4849}"/>
          </ac:spMkLst>
        </pc:spChg>
        <pc:spChg chg="mod">
          <ac:chgData name="White, Alex" userId="eff6cc8c-37d8-483b-9c6c-6b27e9afa9bc" providerId="ADAL" clId="{BF04C754-5BF4-4E83-9615-DB14FA25AF8A}" dt="2023-10-12T11:36:56.881" v="274"/>
          <ac:spMkLst>
            <pc:docMk/>
            <pc:sldMk cId="2376958513" sldId="260"/>
            <ac:spMk id="957" creationId="{58D5DBB1-E890-8A53-C68C-5D0CF4A78A1E}"/>
          </ac:spMkLst>
        </pc:spChg>
        <pc:spChg chg="mod">
          <ac:chgData name="White, Alex" userId="eff6cc8c-37d8-483b-9c6c-6b27e9afa9bc" providerId="ADAL" clId="{BF04C754-5BF4-4E83-9615-DB14FA25AF8A}" dt="2023-10-12T11:36:56.881" v="274"/>
          <ac:spMkLst>
            <pc:docMk/>
            <pc:sldMk cId="2376958513" sldId="260"/>
            <ac:spMk id="958" creationId="{D9FD470B-FAD3-D083-33BC-8F23415D33B6}"/>
          </ac:spMkLst>
        </pc:spChg>
        <pc:spChg chg="mod">
          <ac:chgData name="White, Alex" userId="eff6cc8c-37d8-483b-9c6c-6b27e9afa9bc" providerId="ADAL" clId="{BF04C754-5BF4-4E83-9615-DB14FA25AF8A}" dt="2023-10-12T11:36:56.881" v="274"/>
          <ac:spMkLst>
            <pc:docMk/>
            <pc:sldMk cId="2376958513" sldId="260"/>
            <ac:spMk id="959" creationId="{D12AE040-FED5-4588-13C2-64001E5D8770}"/>
          </ac:spMkLst>
        </pc:spChg>
        <pc:spChg chg="mod">
          <ac:chgData name="White, Alex" userId="eff6cc8c-37d8-483b-9c6c-6b27e9afa9bc" providerId="ADAL" clId="{BF04C754-5BF4-4E83-9615-DB14FA25AF8A}" dt="2023-10-12T11:36:56.881" v="274"/>
          <ac:spMkLst>
            <pc:docMk/>
            <pc:sldMk cId="2376958513" sldId="260"/>
            <ac:spMk id="960" creationId="{0FE2A806-7893-E212-35DA-876F0A5DE51D}"/>
          </ac:spMkLst>
        </pc:spChg>
        <pc:spChg chg="mod">
          <ac:chgData name="White, Alex" userId="eff6cc8c-37d8-483b-9c6c-6b27e9afa9bc" providerId="ADAL" clId="{BF04C754-5BF4-4E83-9615-DB14FA25AF8A}" dt="2023-10-12T11:36:56.881" v="274"/>
          <ac:spMkLst>
            <pc:docMk/>
            <pc:sldMk cId="2376958513" sldId="260"/>
            <ac:spMk id="961" creationId="{CF609023-8189-C74C-DA8D-1E93ADD05354}"/>
          </ac:spMkLst>
        </pc:spChg>
        <pc:spChg chg="mod">
          <ac:chgData name="White, Alex" userId="eff6cc8c-37d8-483b-9c6c-6b27e9afa9bc" providerId="ADAL" clId="{BF04C754-5BF4-4E83-9615-DB14FA25AF8A}" dt="2023-10-12T11:36:56.881" v="274"/>
          <ac:spMkLst>
            <pc:docMk/>
            <pc:sldMk cId="2376958513" sldId="260"/>
            <ac:spMk id="962" creationId="{8F289AC9-0EED-E5D1-16B8-A8105C576160}"/>
          </ac:spMkLst>
        </pc:spChg>
        <pc:spChg chg="mod">
          <ac:chgData name="White, Alex" userId="eff6cc8c-37d8-483b-9c6c-6b27e9afa9bc" providerId="ADAL" clId="{BF04C754-5BF4-4E83-9615-DB14FA25AF8A}" dt="2023-10-12T11:36:56.881" v="274"/>
          <ac:spMkLst>
            <pc:docMk/>
            <pc:sldMk cId="2376958513" sldId="260"/>
            <ac:spMk id="963" creationId="{DAD8ACA8-10E4-B366-6723-C84C0AA46FF0}"/>
          </ac:spMkLst>
        </pc:spChg>
        <pc:spChg chg="mod">
          <ac:chgData name="White, Alex" userId="eff6cc8c-37d8-483b-9c6c-6b27e9afa9bc" providerId="ADAL" clId="{BF04C754-5BF4-4E83-9615-DB14FA25AF8A}" dt="2023-10-12T11:36:56.881" v="274"/>
          <ac:spMkLst>
            <pc:docMk/>
            <pc:sldMk cId="2376958513" sldId="260"/>
            <ac:spMk id="964" creationId="{C0F353EC-773D-7516-2831-7AAF5FBC355F}"/>
          </ac:spMkLst>
        </pc:spChg>
        <pc:spChg chg="mod">
          <ac:chgData name="White, Alex" userId="eff6cc8c-37d8-483b-9c6c-6b27e9afa9bc" providerId="ADAL" clId="{BF04C754-5BF4-4E83-9615-DB14FA25AF8A}" dt="2023-10-12T11:36:56.881" v="274"/>
          <ac:spMkLst>
            <pc:docMk/>
            <pc:sldMk cId="2376958513" sldId="260"/>
            <ac:spMk id="965" creationId="{D7E11BB9-8D9F-7AC2-B497-97785F4F806D}"/>
          </ac:spMkLst>
        </pc:spChg>
        <pc:spChg chg="mod">
          <ac:chgData name="White, Alex" userId="eff6cc8c-37d8-483b-9c6c-6b27e9afa9bc" providerId="ADAL" clId="{BF04C754-5BF4-4E83-9615-DB14FA25AF8A}" dt="2023-10-12T11:36:56.881" v="274"/>
          <ac:spMkLst>
            <pc:docMk/>
            <pc:sldMk cId="2376958513" sldId="260"/>
            <ac:spMk id="966" creationId="{6C14EA62-EEF6-148C-DBB3-1B6BC5CC991A}"/>
          </ac:spMkLst>
        </pc:spChg>
        <pc:spChg chg="mod">
          <ac:chgData name="White, Alex" userId="eff6cc8c-37d8-483b-9c6c-6b27e9afa9bc" providerId="ADAL" clId="{BF04C754-5BF4-4E83-9615-DB14FA25AF8A}" dt="2023-10-12T11:36:56.881" v="274"/>
          <ac:spMkLst>
            <pc:docMk/>
            <pc:sldMk cId="2376958513" sldId="260"/>
            <ac:spMk id="967" creationId="{09C02219-2F38-A7F3-E044-7DCD8E387B58}"/>
          </ac:spMkLst>
        </pc:spChg>
        <pc:spChg chg="mod">
          <ac:chgData name="White, Alex" userId="eff6cc8c-37d8-483b-9c6c-6b27e9afa9bc" providerId="ADAL" clId="{BF04C754-5BF4-4E83-9615-DB14FA25AF8A}" dt="2023-10-12T11:36:56.881" v="274"/>
          <ac:spMkLst>
            <pc:docMk/>
            <pc:sldMk cId="2376958513" sldId="260"/>
            <ac:spMk id="968" creationId="{75ECC81C-650C-7AB9-7BE1-89389092076C}"/>
          </ac:spMkLst>
        </pc:spChg>
        <pc:spChg chg="mod">
          <ac:chgData name="White, Alex" userId="eff6cc8c-37d8-483b-9c6c-6b27e9afa9bc" providerId="ADAL" clId="{BF04C754-5BF4-4E83-9615-DB14FA25AF8A}" dt="2023-10-12T11:36:56.881" v="274"/>
          <ac:spMkLst>
            <pc:docMk/>
            <pc:sldMk cId="2376958513" sldId="260"/>
            <ac:spMk id="969" creationId="{5CBEDB9B-BC36-3CF6-B985-8400D1197491}"/>
          </ac:spMkLst>
        </pc:spChg>
        <pc:spChg chg="mod">
          <ac:chgData name="White, Alex" userId="eff6cc8c-37d8-483b-9c6c-6b27e9afa9bc" providerId="ADAL" clId="{BF04C754-5BF4-4E83-9615-DB14FA25AF8A}" dt="2023-10-12T11:36:56.881" v="274"/>
          <ac:spMkLst>
            <pc:docMk/>
            <pc:sldMk cId="2376958513" sldId="260"/>
            <ac:spMk id="970" creationId="{666EA850-01CB-3A3E-69D7-03EA8B3AC9F7}"/>
          </ac:spMkLst>
        </pc:spChg>
        <pc:spChg chg="mod">
          <ac:chgData name="White, Alex" userId="eff6cc8c-37d8-483b-9c6c-6b27e9afa9bc" providerId="ADAL" clId="{BF04C754-5BF4-4E83-9615-DB14FA25AF8A}" dt="2023-10-12T11:37:11.898" v="280"/>
          <ac:spMkLst>
            <pc:docMk/>
            <pc:sldMk cId="2376958513" sldId="260"/>
            <ac:spMk id="972" creationId="{D5F382AF-CF15-4097-8C5A-06CF4E226408}"/>
          </ac:spMkLst>
        </pc:spChg>
        <pc:spChg chg="mod">
          <ac:chgData name="White, Alex" userId="eff6cc8c-37d8-483b-9c6c-6b27e9afa9bc" providerId="ADAL" clId="{BF04C754-5BF4-4E83-9615-DB14FA25AF8A}" dt="2023-10-12T11:37:11.898" v="280"/>
          <ac:spMkLst>
            <pc:docMk/>
            <pc:sldMk cId="2376958513" sldId="260"/>
            <ac:spMk id="973" creationId="{5FA47821-C767-F1FE-64B5-EE867722FE62}"/>
          </ac:spMkLst>
        </pc:spChg>
        <pc:spChg chg="mod">
          <ac:chgData name="White, Alex" userId="eff6cc8c-37d8-483b-9c6c-6b27e9afa9bc" providerId="ADAL" clId="{BF04C754-5BF4-4E83-9615-DB14FA25AF8A}" dt="2023-10-12T11:37:11.898" v="280"/>
          <ac:spMkLst>
            <pc:docMk/>
            <pc:sldMk cId="2376958513" sldId="260"/>
            <ac:spMk id="974" creationId="{4F348E22-B5B0-FAC1-2934-A96B1E8B1691}"/>
          </ac:spMkLst>
        </pc:spChg>
        <pc:spChg chg="mod">
          <ac:chgData name="White, Alex" userId="eff6cc8c-37d8-483b-9c6c-6b27e9afa9bc" providerId="ADAL" clId="{BF04C754-5BF4-4E83-9615-DB14FA25AF8A}" dt="2023-10-12T11:37:11.898" v="280"/>
          <ac:spMkLst>
            <pc:docMk/>
            <pc:sldMk cId="2376958513" sldId="260"/>
            <ac:spMk id="975" creationId="{BC90C5EB-89C4-E088-725B-8BFB698A83F4}"/>
          </ac:spMkLst>
        </pc:spChg>
        <pc:spChg chg="mod">
          <ac:chgData name="White, Alex" userId="eff6cc8c-37d8-483b-9c6c-6b27e9afa9bc" providerId="ADAL" clId="{BF04C754-5BF4-4E83-9615-DB14FA25AF8A}" dt="2023-10-12T11:37:11.898" v="280"/>
          <ac:spMkLst>
            <pc:docMk/>
            <pc:sldMk cId="2376958513" sldId="260"/>
            <ac:spMk id="976" creationId="{E26F1A7C-1ED7-4434-DAEB-92E95903C5BA}"/>
          </ac:spMkLst>
        </pc:spChg>
        <pc:spChg chg="mod">
          <ac:chgData name="White, Alex" userId="eff6cc8c-37d8-483b-9c6c-6b27e9afa9bc" providerId="ADAL" clId="{BF04C754-5BF4-4E83-9615-DB14FA25AF8A}" dt="2023-10-12T11:37:11.898" v="280"/>
          <ac:spMkLst>
            <pc:docMk/>
            <pc:sldMk cId="2376958513" sldId="260"/>
            <ac:spMk id="977" creationId="{A8C7988F-5077-F3DF-6026-795CC67029D7}"/>
          </ac:spMkLst>
        </pc:spChg>
        <pc:spChg chg="mod">
          <ac:chgData name="White, Alex" userId="eff6cc8c-37d8-483b-9c6c-6b27e9afa9bc" providerId="ADAL" clId="{BF04C754-5BF4-4E83-9615-DB14FA25AF8A}" dt="2023-10-12T11:37:11.898" v="280"/>
          <ac:spMkLst>
            <pc:docMk/>
            <pc:sldMk cId="2376958513" sldId="260"/>
            <ac:spMk id="978" creationId="{E6380DF5-1432-D51B-6845-22EA35C47347}"/>
          </ac:spMkLst>
        </pc:spChg>
        <pc:spChg chg="mod">
          <ac:chgData name="White, Alex" userId="eff6cc8c-37d8-483b-9c6c-6b27e9afa9bc" providerId="ADAL" clId="{BF04C754-5BF4-4E83-9615-DB14FA25AF8A}" dt="2023-10-12T11:37:11.898" v="280"/>
          <ac:spMkLst>
            <pc:docMk/>
            <pc:sldMk cId="2376958513" sldId="260"/>
            <ac:spMk id="979" creationId="{FD90FF3E-59D3-5287-36EC-848BA4475BA9}"/>
          </ac:spMkLst>
        </pc:spChg>
        <pc:spChg chg="mod">
          <ac:chgData name="White, Alex" userId="eff6cc8c-37d8-483b-9c6c-6b27e9afa9bc" providerId="ADAL" clId="{BF04C754-5BF4-4E83-9615-DB14FA25AF8A}" dt="2023-10-12T11:37:11.898" v="280"/>
          <ac:spMkLst>
            <pc:docMk/>
            <pc:sldMk cId="2376958513" sldId="260"/>
            <ac:spMk id="980" creationId="{D418C212-1DC6-5CEB-467E-372E7B7601DF}"/>
          </ac:spMkLst>
        </pc:spChg>
        <pc:spChg chg="mod">
          <ac:chgData name="White, Alex" userId="eff6cc8c-37d8-483b-9c6c-6b27e9afa9bc" providerId="ADAL" clId="{BF04C754-5BF4-4E83-9615-DB14FA25AF8A}" dt="2023-10-12T11:37:11.898" v="280"/>
          <ac:spMkLst>
            <pc:docMk/>
            <pc:sldMk cId="2376958513" sldId="260"/>
            <ac:spMk id="981" creationId="{622C4F14-BCC4-0240-000C-AE99B0305AFC}"/>
          </ac:spMkLst>
        </pc:spChg>
        <pc:spChg chg="mod">
          <ac:chgData name="White, Alex" userId="eff6cc8c-37d8-483b-9c6c-6b27e9afa9bc" providerId="ADAL" clId="{BF04C754-5BF4-4E83-9615-DB14FA25AF8A}" dt="2023-10-12T11:37:11.898" v="280"/>
          <ac:spMkLst>
            <pc:docMk/>
            <pc:sldMk cId="2376958513" sldId="260"/>
            <ac:spMk id="982" creationId="{155C8F76-02AE-05C6-462E-BAB0A5E9F3FB}"/>
          </ac:spMkLst>
        </pc:spChg>
        <pc:spChg chg="mod">
          <ac:chgData name="White, Alex" userId="eff6cc8c-37d8-483b-9c6c-6b27e9afa9bc" providerId="ADAL" clId="{BF04C754-5BF4-4E83-9615-DB14FA25AF8A}" dt="2023-10-12T11:37:11.898" v="280"/>
          <ac:spMkLst>
            <pc:docMk/>
            <pc:sldMk cId="2376958513" sldId="260"/>
            <ac:spMk id="983" creationId="{EB0CF6B8-76CC-BCC5-F764-FE34200C3D64}"/>
          </ac:spMkLst>
        </pc:spChg>
        <pc:spChg chg="mod">
          <ac:chgData name="White, Alex" userId="eff6cc8c-37d8-483b-9c6c-6b27e9afa9bc" providerId="ADAL" clId="{BF04C754-5BF4-4E83-9615-DB14FA25AF8A}" dt="2023-10-12T11:37:11.898" v="280"/>
          <ac:spMkLst>
            <pc:docMk/>
            <pc:sldMk cId="2376958513" sldId="260"/>
            <ac:spMk id="984" creationId="{0C47EE90-AB33-D4B6-C02D-4BF1DC1C184D}"/>
          </ac:spMkLst>
        </pc:spChg>
        <pc:spChg chg="mod">
          <ac:chgData name="White, Alex" userId="eff6cc8c-37d8-483b-9c6c-6b27e9afa9bc" providerId="ADAL" clId="{BF04C754-5BF4-4E83-9615-DB14FA25AF8A}" dt="2023-10-12T11:37:11.898" v="280"/>
          <ac:spMkLst>
            <pc:docMk/>
            <pc:sldMk cId="2376958513" sldId="260"/>
            <ac:spMk id="985" creationId="{77382CD4-1D16-0E62-076E-41AD4465BBF5}"/>
          </ac:spMkLst>
        </pc:spChg>
        <pc:spChg chg="mod">
          <ac:chgData name="White, Alex" userId="eff6cc8c-37d8-483b-9c6c-6b27e9afa9bc" providerId="ADAL" clId="{BF04C754-5BF4-4E83-9615-DB14FA25AF8A}" dt="2023-10-12T11:37:11.898" v="280"/>
          <ac:spMkLst>
            <pc:docMk/>
            <pc:sldMk cId="2376958513" sldId="260"/>
            <ac:spMk id="986" creationId="{FEE387DC-4C73-5A12-ECF0-ECD68371E8D9}"/>
          </ac:spMkLst>
        </pc:spChg>
        <pc:spChg chg="mod">
          <ac:chgData name="White, Alex" userId="eff6cc8c-37d8-483b-9c6c-6b27e9afa9bc" providerId="ADAL" clId="{BF04C754-5BF4-4E83-9615-DB14FA25AF8A}" dt="2023-10-12T11:37:11.898" v="280"/>
          <ac:spMkLst>
            <pc:docMk/>
            <pc:sldMk cId="2376958513" sldId="260"/>
            <ac:spMk id="987" creationId="{5D275241-DA73-CFFD-5726-2F86AC4DA37B}"/>
          </ac:spMkLst>
        </pc:spChg>
        <pc:spChg chg="mod">
          <ac:chgData name="White, Alex" userId="eff6cc8c-37d8-483b-9c6c-6b27e9afa9bc" providerId="ADAL" clId="{BF04C754-5BF4-4E83-9615-DB14FA25AF8A}" dt="2023-10-12T11:37:11.898" v="280"/>
          <ac:spMkLst>
            <pc:docMk/>
            <pc:sldMk cId="2376958513" sldId="260"/>
            <ac:spMk id="988" creationId="{D5E6155E-7F8D-6C9B-1A41-8A2AE32E2EE9}"/>
          </ac:spMkLst>
        </pc:spChg>
        <pc:spChg chg="mod">
          <ac:chgData name="White, Alex" userId="eff6cc8c-37d8-483b-9c6c-6b27e9afa9bc" providerId="ADAL" clId="{BF04C754-5BF4-4E83-9615-DB14FA25AF8A}" dt="2023-10-12T11:37:11.898" v="280"/>
          <ac:spMkLst>
            <pc:docMk/>
            <pc:sldMk cId="2376958513" sldId="260"/>
            <ac:spMk id="989" creationId="{56E42AC7-2504-85B6-18AA-E96E1F10E66F}"/>
          </ac:spMkLst>
        </pc:spChg>
        <pc:spChg chg="mod">
          <ac:chgData name="White, Alex" userId="eff6cc8c-37d8-483b-9c6c-6b27e9afa9bc" providerId="ADAL" clId="{BF04C754-5BF4-4E83-9615-DB14FA25AF8A}" dt="2023-10-12T11:37:11.898" v="280"/>
          <ac:spMkLst>
            <pc:docMk/>
            <pc:sldMk cId="2376958513" sldId="260"/>
            <ac:spMk id="990" creationId="{A166ADFC-F0F5-9F55-A3D7-7B007FAECF46}"/>
          </ac:spMkLst>
        </pc:spChg>
        <pc:spChg chg="mod">
          <ac:chgData name="White, Alex" userId="eff6cc8c-37d8-483b-9c6c-6b27e9afa9bc" providerId="ADAL" clId="{BF04C754-5BF4-4E83-9615-DB14FA25AF8A}" dt="2023-10-12T11:37:11.898" v="280"/>
          <ac:spMkLst>
            <pc:docMk/>
            <pc:sldMk cId="2376958513" sldId="260"/>
            <ac:spMk id="991" creationId="{D3FFF897-4214-795E-6D0C-BC210051EB3F}"/>
          </ac:spMkLst>
        </pc:spChg>
        <pc:spChg chg="mod">
          <ac:chgData name="White, Alex" userId="eff6cc8c-37d8-483b-9c6c-6b27e9afa9bc" providerId="ADAL" clId="{BF04C754-5BF4-4E83-9615-DB14FA25AF8A}" dt="2023-10-12T11:37:11.898" v="280"/>
          <ac:spMkLst>
            <pc:docMk/>
            <pc:sldMk cId="2376958513" sldId="260"/>
            <ac:spMk id="992" creationId="{CCF68304-AA3B-CC3B-5082-173FB2D55DBA}"/>
          </ac:spMkLst>
        </pc:spChg>
        <pc:spChg chg="mod">
          <ac:chgData name="White, Alex" userId="eff6cc8c-37d8-483b-9c6c-6b27e9afa9bc" providerId="ADAL" clId="{BF04C754-5BF4-4E83-9615-DB14FA25AF8A}" dt="2023-10-12T11:37:11.898" v="280"/>
          <ac:spMkLst>
            <pc:docMk/>
            <pc:sldMk cId="2376958513" sldId="260"/>
            <ac:spMk id="993" creationId="{34AF64AD-D43F-78B1-F396-67618D902166}"/>
          </ac:spMkLst>
        </pc:spChg>
        <pc:spChg chg="mod">
          <ac:chgData name="White, Alex" userId="eff6cc8c-37d8-483b-9c6c-6b27e9afa9bc" providerId="ADAL" clId="{BF04C754-5BF4-4E83-9615-DB14FA25AF8A}" dt="2023-10-12T11:37:11.898" v="280"/>
          <ac:spMkLst>
            <pc:docMk/>
            <pc:sldMk cId="2376958513" sldId="260"/>
            <ac:spMk id="994" creationId="{BED927C4-9ED0-CC28-5C3C-B0E326F682B6}"/>
          </ac:spMkLst>
        </pc:spChg>
        <pc:spChg chg="mod">
          <ac:chgData name="White, Alex" userId="eff6cc8c-37d8-483b-9c6c-6b27e9afa9bc" providerId="ADAL" clId="{BF04C754-5BF4-4E83-9615-DB14FA25AF8A}" dt="2023-10-12T11:37:11.898" v="280"/>
          <ac:spMkLst>
            <pc:docMk/>
            <pc:sldMk cId="2376958513" sldId="260"/>
            <ac:spMk id="995" creationId="{D8D6924D-2D35-D174-65EF-4CA9BF7CA9C7}"/>
          </ac:spMkLst>
        </pc:spChg>
        <pc:spChg chg="mod">
          <ac:chgData name="White, Alex" userId="eff6cc8c-37d8-483b-9c6c-6b27e9afa9bc" providerId="ADAL" clId="{BF04C754-5BF4-4E83-9615-DB14FA25AF8A}" dt="2023-10-12T11:37:11.898" v="280"/>
          <ac:spMkLst>
            <pc:docMk/>
            <pc:sldMk cId="2376958513" sldId="260"/>
            <ac:spMk id="996" creationId="{0A78DB33-AA4B-2763-B6F8-7FFC8DFB2ADD}"/>
          </ac:spMkLst>
        </pc:spChg>
        <pc:spChg chg="mod">
          <ac:chgData name="White, Alex" userId="eff6cc8c-37d8-483b-9c6c-6b27e9afa9bc" providerId="ADAL" clId="{BF04C754-5BF4-4E83-9615-DB14FA25AF8A}" dt="2023-10-12T11:37:11.898" v="280"/>
          <ac:spMkLst>
            <pc:docMk/>
            <pc:sldMk cId="2376958513" sldId="260"/>
            <ac:spMk id="997" creationId="{4270BB0A-DD9B-5855-6A91-08401720E4EA}"/>
          </ac:spMkLst>
        </pc:spChg>
        <pc:spChg chg="mod">
          <ac:chgData name="White, Alex" userId="eff6cc8c-37d8-483b-9c6c-6b27e9afa9bc" providerId="ADAL" clId="{BF04C754-5BF4-4E83-9615-DB14FA25AF8A}" dt="2023-10-12T11:37:11.898" v="280"/>
          <ac:spMkLst>
            <pc:docMk/>
            <pc:sldMk cId="2376958513" sldId="260"/>
            <ac:spMk id="998" creationId="{C408567A-593D-8B23-FF96-F023C405C5A2}"/>
          </ac:spMkLst>
        </pc:spChg>
        <pc:spChg chg="mod">
          <ac:chgData name="White, Alex" userId="eff6cc8c-37d8-483b-9c6c-6b27e9afa9bc" providerId="ADAL" clId="{BF04C754-5BF4-4E83-9615-DB14FA25AF8A}" dt="2023-10-12T11:37:11.898" v="280"/>
          <ac:spMkLst>
            <pc:docMk/>
            <pc:sldMk cId="2376958513" sldId="260"/>
            <ac:spMk id="999" creationId="{97AF15D2-BDD9-2C34-DF48-F2BDDEC37976}"/>
          </ac:spMkLst>
        </pc:spChg>
        <pc:spChg chg="mod">
          <ac:chgData name="White, Alex" userId="eff6cc8c-37d8-483b-9c6c-6b27e9afa9bc" providerId="ADAL" clId="{BF04C754-5BF4-4E83-9615-DB14FA25AF8A}" dt="2023-10-12T11:37:11.898" v="280"/>
          <ac:spMkLst>
            <pc:docMk/>
            <pc:sldMk cId="2376958513" sldId="260"/>
            <ac:spMk id="1000" creationId="{5E1E01F2-2FCE-2286-7ED9-7C49FBFA14C1}"/>
          </ac:spMkLst>
        </pc:spChg>
        <pc:spChg chg="mod">
          <ac:chgData name="White, Alex" userId="eff6cc8c-37d8-483b-9c6c-6b27e9afa9bc" providerId="ADAL" clId="{BF04C754-5BF4-4E83-9615-DB14FA25AF8A}" dt="2023-10-12T11:37:11.898" v="280"/>
          <ac:spMkLst>
            <pc:docMk/>
            <pc:sldMk cId="2376958513" sldId="260"/>
            <ac:spMk id="1001" creationId="{430537E5-7686-8FBF-F769-07E9B60EB74A}"/>
          </ac:spMkLst>
        </pc:spChg>
        <pc:spChg chg="mod">
          <ac:chgData name="White, Alex" userId="eff6cc8c-37d8-483b-9c6c-6b27e9afa9bc" providerId="ADAL" clId="{BF04C754-5BF4-4E83-9615-DB14FA25AF8A}" dt="2023-10-12T11:37:11.898" v="280"/>
          <ac:spMkLst>
            <pc:docMk/>
            <pc:sldMk cId="2376958513" sldId="260"/>
            <ac:spMk id="1002" creationId="{8D34A453-7DF9-4F9F-0B10-D36E3FCC6610}"/>
          </ac:spMkLst>
        </pc:spChg>
        <pc:spChg chg="mod">
          <ac:chgData name="White, Alex" userId="eff6cc8c-37d8-483b-9c6c-6b27e9afa9bc" providerId="ADAL" clId="{BF04C754-5BF4-4E83-9615-DB14FA25AF8A}" dt="2023-10-12T11:37:11.898" v="280"/>
          <ac:spMkLst>
            <pc:docMk/>
            <pc:sldMk cId="2376958513" sldId="260"/>
            <ac:spMk id="1003" creationId="{2DCABE75-2616-BCF7-D563-B16258E60F54}"/>
          </ac:spMkLst>
        </pc:spChg>
        <pc:spChg chg="mod">
          <ac:chgData name="White, Alex" userId="eff6cc8c-37d8-483b-9c6c-6b27e9afa9bc" providerId="ADAL" clId="{BF04C754-5BF4-4E83-9615-DB14FA25AF8A}" dt="2023-10-12T11:37:11.898" v="280"/>
          <ac:spMkLst>
            <pc:docMk/>
            <pc:sldMk cId="2376958513" sldId="260"/>
            <ac:spMk id="1004" creationId="{69780E4A-2A86-E1BE-C586-8EBAD973E9D6}"/>
          </ac:spMkLst>
        </pc:spChg>
        <pc:spChg chg="mod">
          <ac:chgData name="White, Alex" userId="eff6cc8c-37d8-483b-9c6c-6b27e9afa9bc" providerId="ADAL" clId="{BF04C754-5BF4-4E83-9615-DB14FA25AF8A}" dt="2023-10-12T11:37:11.898" v="280"/>
          <ac:spMkLst>
            <pc:docMk/>
            <pc:sldMk cId="2376958513" sldId="260"/>
            <ac:spMk id="1005" creationId="{48FCE051-5E83-79AB-3114-A8381DBDEF5B}"/>
          </ac:spMkLst>
        </pc:spChg>
        <pc:spChg chg="mod">
          <ac:chgData name="White, Alex" userId="eff6cc8c-37d8-483b-9c6c-6b27e9afa9bc" providerId="ADAL" clId="{BF04C754-5BF4-4E83-9615-DB14FA25AF8A}" dt="2023-10-12T11:37:11.898" v="280"/>
          <ac:spMkLst>
            <pc:docMk/>
            <pc:sldMk cId="2376958513" sldId="260"/>
            <ac:spMk id="1006" creationId="{63B5BDB7-FDB9-73D0-745E-EDBD7CB2623C}"/>
          </ac:spMkLst>
        </pc:spChg>
        <pc:spChg chg="mod">
          <ac:chgData name="White, Alex" userId="eff6cc8c-37d8-483b-9c6c-6b27e9afa9bc" providerId="ADAL" clId="{BF04C754-5BF4-4E83-9615-DB14FA25AF8A}" dt="2023-10-12T11:37:11.898" v="280"/>
          <ac:spMkLst>
            <pc:docMk/>
            <pc:sldMk cId="2376958513" sldId="260"/>
            <ac:spMk id="1007" creationId="{FBAFFF36-876B-FE8A-367D-F368681DEF39}"/>
          </ac:spMkLst>
        </pc:spChg>
        <pc:spChg chg="mod">
          <ac:chgData name="White, Alex" userId="eff6cc8c-37d8-483b-9c6c-6b27e9afa9bc" providerId="ADAL" clId="{BF04C754-5BF4-4E83-9615-DB14FA25AF8A}" dt="2023-10-12T11:37:11.898" v="280"/>
          <ac:spMkLst>
            <pc:docMk/>
            <pc:sldMk cId="2376958513" sldId="260"/>
            <ac:spMk id="1008" creationId="{9C278716-0745-7B25-9EE5-A8578C4C7665}"/>
          </ac:spMkLst>
        </pc:spChg>
        <pc:spChg chg="mod">
          <ac:chgData name="White, Alex" userId="eff6cc8c-37d8-483b-9c6c-6b27e9afa9bc" providerId="ADAL" clId="{BF04C754-5BF4-4E83-9615-DB14FA25AF8A}" dt="2023-10-12T11:37:11.898" v="280"/>
          <ac:spMkLst>
            <pc:docMk/>
            <pc:sldMk cId="2376958513" sldId="260"/>
            <ac:spMk id="1009" creationId="{DBC74F0A-9964-BEC9-6AB6-3C3836B668E0}"/>
          </ac:spMkLst>
        </pc:spChg>
        <pc:spChg chg="mod">
          <ac:chgData name="White, Alex" userId="eff6cc8c-37d8-483b-9c6c-6b27e9afa9bc" providerId="ADAL" clId="{BF04C754-5BF4-4E83-9615-DB14FA25AF8A}" dt="2023-10-12T11:37:11.898" v="280"/>
          <ac:spMkLst>
            <pc:docMk/>
            <pc:sldMk cId="2376958513" sldId="260"/>
            <ac:spMk id="1010" creationId="{0305BB97-7305-0573-8212-54863E2E2B4F}"/>
          </ac:spMkLst>
        </pc:spChg>
        <pc:spChg chg="mod">
          <ac:chgData name="White, Alex" userId="eff6cc8c-37d8-483b-9c6c-6b27e9afa9bc" providerId="ADAL" clId="{BF04C754-5BF4-4E83-9615-DB14FA25AF8A}" dt="2023-10-12T11:37:11.898" v="280"/>
          <ac:spMkLst>
            <pc:docMk/>
            <pc:sldMk cId="2376958513" sldId="260"/>
            <ac:spMk id="1011" creationId="{B88763A1-2036-31A6-9563-70D8E919F9D6}"/>
          </ac:spMkLst>
        </pc:spChg>
        <pc:spChg chg="mod">
          <ac:chgData name="White, Alex" userId="eff6cc8c-37d8-483b-9c6c-6b27e9afa9bc" providerId="ADAL" clId="{BF04C754-5BF4-4E83-9615-DB14FA25AF8A}" dt="2023-10-12T11:37:11.898" v="280"/>
          <ac:spMkLst>
            <pc:docMk/>
            <pc:sldMk cId="2376958513" sldId="260"/>
            <ac:spMk id="1012" creationId="{09570DF4-37E5-332A-ABBF-3463C1C3E5D0}"/>
          </ac:spMkLst>
        </pc:spChg>
        <pc:spChg chg="mod">
          <ac:chgData name="White, Alex" userId="eff6cc8c-37d8-483b-9c6c-6b27e9afa9bc" providerId="ADAL" clId="{BF04C754-5BF4-4E83-9615-DB14FA25AF8A}" dt="2023-10-12T11:37:11.898" v="280"/>
          <ac:spMkLst>
            <pc:docMk/>
            <pc:sldMk cId="2376958513" sldId="260"/>
            <ac:spMk id="1013" creationId="{33477AE9-37A9-3CD4-EC94-6A016285FA4C}"/>
          </ac:spMkLst>
        </pc:spChg>
        <pc:spChg chg="mod">
          <ac:chgData name="White, Alex" userId="eff6cc8c-37d8-483b-9c6c-6b27e9afa9bc" providerId="ADAL" clId="{BF04C754-5BF4-4E83-9615-DB14FA25AF8A}" dt="2023-10-12T11:37:11.898" v="280"/>
          <ac:spMkLst>
            <pc:docMk/>
            <pc:sldMk cId="2376958513" sldId="260"/>
            <ac:spMk id="1014" creationId="{734D6FB2-F44F-3EDA-64C8-E6E721AA6D34}"/>
          </ac:spMkLst>
        </pc:spChg>
        <pc:spChg chg="mod">
          <ac:chgData name="White, Alex" userId="eff6cc8c-37d8-483b-9c6c-6b27e9afa9bc" providerId="ADAL" clId="{BF04C754-5BF4-4E83-9615-DB14FA25AF8A}" dt="2023-10-12T11:37:11.898" v="280"/>
          <ac:spMkLst>
            <pc:docMk/>
            <pc:sldMk cId="2376958513" sldId="260"/>
            <ac:spMk id="1015" creationId="{E76B6143-8EFC-F83C-C4F5-F5F92C78A696}"/>
          </ac:spMkLst>
        </pc:spChg>
        <pc:spChg chg="mod">
          <ac:chgData name="White, Alex" userId="eff6cc8c-37d8-483b-9c6c-6b27e9afa9bc" providerId="ADAL" clId="{BF04C754-5BF4-4E83-9615-DB14FA25AF8A}" dt="2023-10-12T11:37:11.898" v="280"/>
          <ac:spMkLst>
            <pc:docMk/>
            <pc:sldMk cId="2376958513" sldId="260"/>
            <ac:spMk id="1016" creationId="{3C0A1F38-2EF9-3A68-DC14-6C35F554FA37}"/>
          </ac:spMkLst>
        </pc:spChg>
        <pc:spChg chg="mod">
          <ac:chgData name="White, Alex" userId="eff6cc8c-37d8-483b-9c6c-6b27e9afa9bc" providerId="ADAL" clId="{BF04C754-5BF4-4E83-9615-DB14FA25AF8A}" dt="2023-10-12T11:37:11.898" v="280"/>
          <ac:spMkLst>
            <pc:docMk/>
            <pc:sldMk cId="2376958513" sldId="260"/>
            <ac:spMk id="1017" creationId="{52D5786A-5A88-3ECB-99A0-6D8984B137AF}"/>
          </ac:spMkLst>
        </pc:spChg>
        <pc:spChg chg="mod">
          <ac:chgData name="White, Alex" userId="eff6cc8c-37d8-483b-9c6c-6b27e9afa9bc" providerId="ADAL" clId="{BF04C754-5BF4-4E83-9615-DB14FA25AF8A}" dt="2023-10-12T11:37:11.898" v="280"/>
          <ac:spMkLst>
            <pc:docMk/>
            <pc:sldMk cId="2376958513" sldId="260"/>
            <ac:spMk id="1018" creationId="{97BEDD32-5CD1-6DE7-FF29-ECBA6F15582E}"/>
          </ac:spMkLst>
        </pc:spChg>
        <pc:spChg chg="mod">
          <ac:chgData name="White, Alex" userId="eff6cc8c-37d8-483b-9c6c-6b27e9afa9bc" providerId="ADAL" clId="{BF04C754-5BF4-4E83-9615-DB14FA25AF8A}" dt="2023-10-12T11:37:11.898" v="280"/>
          <ac:spMkLst>
            <pc:docMk/>
            <pc:sldMk cId="2376958513" sldId="260"/>
            <ac:spMk id="1019" creationId="{4353100D-F4ED-503A-BC44-B037FF3D865B}"/>
          </ac:spMkLst>
        </pc:spChg>
        <pc:spChg chg="mod">
          <ac:chgData name="White, Alex" userId="eff6cc8c-37d8-483b-9c6c-6b27e9afa9bc" providerId="ADAL" clId="{BF04C754-5BF4-4E83-9615-DB14FA25AF8A}" dt="2023-10-12T11:37:11.898" v="280"/>
          <ac:spMkLst>
            <pc:docMk/>
            <pc:sldMk cId="2376958513" sldId="260"/>
            <ac:spMk id="1020" creationId="{A9B3B8BD-4B35-1B4A-B676-E7AD60168506}"/>
          </ac:spMkLst>
        </pc:spChg>
        <pc:spChg chg="mod">
          <ac:chgData name="White, Alex" userId="eff6cc8c-37d8-483b-9c6c-6b27e9afa9bc" providerId="ADAL" clId="{BF04C754-5BF4-4E83-9615-DB14FA25AF8A}" dt="2023-10-12T11:37:11.898" v="280"/>
          <ac:spMkLst>
            <pc:docMk/>
            <pc:sldMk cId="2376958513" sldId="260"/>
            <ac:spMk id="1021" creationId="{8DE81B0D-3D6F-02CA-F289-6731C8E7FFFE}"/>
          </ac:spMkLst>
        </pc:spChg>
        <pc:spChg chg="mod">
          <ac:chgData name="White, Alex" userId="eff6cc8c-37d8-483b-9c6c-6b27e9afa9bc" providerId="ADAL" clId="{BF04C754-5BF4-4E83-9615-DB14FA25AF8A}" dt="2023-10-12T11:37:11.898" v="280"/>
          <ac:spMkLst>
            <pc:docMk/>
            <pc:sldMk cId="2376958513" sldId="260"/>
            <ac:spMk id="1022" creationId="{B1B91B81-921F-89CB-B19E-5F97FFC4246D}"/>
          </ac:spMkLst>
        </pc:spChg>
        <pc:spChg chg="mod">
          <ac:chgData name="White, Alex" userId="eff6cc8c-37d8-483b-9c6c-6b27e9afa9bc" providerId="ADAL" clId="{BF04C754-5BF4-4E83-9615-DB14FA25AF8A}" dt="2023-10-12T11:37:11.898" v="280"/>
          <ac:spMkLst>
            <pc:docMk/>
            <pc:sldMk cId="2376958513" sldId="260"/>
            <ac:spMk id="1023" creationId="{8E178323-9A5C-FAA5-4850-1D1491EB183A}"/>
          </ac:spMkLst>
        </pc:spChg>
        <pc:spChg chg="mod">
          <ac:chgData name="White, Alex" userId="eff6cc8c-37d8-483b-9c6c-6b27e9afa9bc" providerId="ADAL" clId="{BF04C754-5BF4-4E83-9615-DB14FA25AF8A}" dt="2023-10-12T11:37:11.898" v="280"/>
          <ac:spMkLst>
            <pc:docMk/>
            <pc:sldMk cId="2376958513" sldId="260"/>
            <ac:spMk id="1024" creationId="{8EDD04FA-4CDC-23B7-1973-8CCC8E532C0D}"/>
          </ac:spMkLst>
        </pc:spChg>
        <pc:spChg chg="mod">
          <ac:chgData name="White, Alex" userId="eff6cc8c-37d8-483b-9c6c-6b27e9afa9bc" providerId="ADAL" clId="{BF04C754-5BF4-4E83-9615-DB14FA25AF8A}" dt="2023-10-12T11:37:11.898" v="280"/>
          <ac:spMkLst>
            <pc:docMk/>
            <pc:sldMk cId="2376958513" sldId="260"/>
            <ac:spMk id="1025" creationId="{6BFE4418-C284-EF37-69BA-712B6FD027E9}"/>
          </ac:spMkLst>
        </pc:spChg>
        <pc:spChg chg="mod">
          <ac:chgData name="White, Alex" userId="eff6cc8c-37d8-483b-9c6c-6b27e9afa9bc" providerId="ADAL" clId="{BF04C754-5BF4-4E83-9615-DB14FA25AF8A}" dt="2023-10-12T11:37:11.898" v="280"/>
          <ac:spMkLst>
            <pc:docMk/>
            <pc:sldMk cId="2376958513" sldId="260"/>
            <ac:spMk id="1026" creationId="{296557F9-9E5B-0973-DAF9-353DF74C4E94}"/>
          </ac:spMkLst>
        </pc:spChg>
        <pc:spChg chg="mod">
          <ac:chgData name="White, Alex" userId="eff6cc8c-37d8-483b-9c6c-6b27e9afa9bc" providerId="ADAL" clId="{BF04C754-5BF4-4E83-9615-DB14FA25AF8A}" dt="2023-10-12T11:37:11.898" v="280"/>
          <ac:spMkLst>
            <pc:docMk/>
            <pc:sldMk cId="2376958513" sldId="260"/>
            <ac:spMk id="1027" creationId="{43832365-C13E-B981-8D3D-110F98AAA064}"/>
          </ac:spMkLst>
        </pc:spChg>
        <pc:spChg chg="mod">
          <ac:chgData name="White, Alex" userId="eff6cc8c-37d8-483b-9c6c-6b27e9afa9bc" providerId="ADAL" clId="{BF04C754-5BF4-4E83-9615-DB14FA25AF8A}" dt="2023-10-12T11:37:11.898" v="280"/>
          <ac:spMkLst>
            <pc:docMk/>
            <pc:sldMk cId="2376958513" sldId="260"/>
            <ac:spMk id="1028" creationId="{098C03C2-F03C-0247-2992-A671A5C6362D}"/>
          </ac:spMkLst>
        </pc:spChg>
        <pc:spChg chg="mod">
          <ac:chgData name="White, Alex" userId="eff6cc8c-37d8-483b-9c6c-6b27e9afa9bc" providerId="ADAL" clId="{BF04C754-5BF4-4E83-9615-DB14FA25AF8A}" dt="2023-10-12T11:37:11.898" v="280"/>
          <ac:spMkLst>
            <pc:docMk/>
            <pc:sldMk cId="2376958513" sldId="260"/>
            <ac:spMk id="1029" creationId="{A1AB8348-F228-F955-8397-DE8BE9F955AE}"/>
          </ac:spMkLst>
        </pc:spChg>
        <pc:spChg chg="mod">
          <ac:chgData name="White, Alex" userId="eff6cc8c-37d8-483b-9c6c-6b27e9afa9bc" providerId="ADAL" clId="{BF04C754-5BF4-4E83-9615-DB14FA25AF8A}" dt="2023-10-12T11:37:11.898" v="280"/>
          <ac:spMkLst>
            <pc:docMk/>
            <pc:sldMk cId="2376958513" sldId="260"/>
            <ac:spMk id="1030" creationId="{1AA88805-DB43-76F9-9B69-0DBE43BD0FCC}"/>
          </ac:spMkLst>
        </pc:spChg>
        <pc:spChg chg="mod">
          <ac:chgData name="White, Alex" userId="eff6cc8c-37d8-483b-9c6c-6b27e9afa9bc" providerId="ADAL" clId="{BF04C754-5BF4-4E83-9615-DB14FA25AF8A}" dt="2023-10-12T11:37:11.898" v="280"/>
          <ac:spMkLst>
            <pc:docMk/>
            <pc:sldMk cId="2376958513" sldId="260"/>
            <ac:spMk id="1031" creationId="{B126606B-7B04-AE37-B829-2022F9515BA7}"/>
          </ac:spMkLst>
        </pc:spChg>
        <pc:spChg chg="mod">
          <ac:chgData name="White, Alex" userId="eff6cc8c-37d8-483b-9c6c-6b27e9afa9bc" providerId="ADAL" clId="{BF04C754-5BF4-4E83-9615-DB14FA25AF8A}" dt="2023-10-12T11:37:11.898" v="280"/>
          <ac:spMkLst>
            <pc:docMk/>
            <pc:sldMk cId="2376958513" sldId="260"/>
            <ac:spMk id="1032" creationId="{86F1388A-D435-0408-3197-C27C2906E822}"/>
          </ac:spMkLst>
        </pc:spChg>
        <pc:spChg chg="mod">
          <ac:chgData name="White, Alex" userId="eff6cc8c-37d8-483b-9c6c-6b27e9afa9bc" providerId="ADAL" clId="{BF04C754-5BF4-4E83-9615-DB14FA25AF8A}" dt="2023-10-12T11:37:11.898" v="280"/>
          <ac:spMkLst>
            <pc:docMk/>
            <pc:sldMk cId="2376958513" sldId="260"/>
            <ac:spMk id="1033" creationId="{147D47D7-ADFA-1519-21CD-E8550BAD9A58}"/>
          </ac:spMkLst>
        </pc:spChg>
        <pc:spChg chg="mod">
          <ac:chgData name="White, Alex" userId="eff6cc8c-37d8-483b-9c6c-6b27e9afa9bc" providerId="ADAL" clId="{BF04C754-5BF4-4E83-9615-DB14FA25AF8A}" dt="2023-10-12T11:37:11.898" v="280"/>
          <ac:spMkLst>
            <pc:docMk/>
            <pc:sldMk cId="2376958513" sldId="260"/>
            <ac:spMk id="1034" creationId="{68E2D18E-8F9D-E449-A6D7-7B1BCDAB5C81}"/>
          </ac:spMkLst>
        </pc:spChg>
        <pc:spChg chg="mod">
          <ac:chgData name="White, Alex" userId="eff6cc8c-37d8-483b-9c6c-6b27e9afa9bc" providerId="ADAL" clId="{BF04C754-5BF4-4E83-9615-DB14FA25AF8A}" dt="2023-10-12T11:37:11.898" v="280"/>
          <ac:spMkLst>
            <pc:docMk/>
            <pc:sldMk cId="2376958513" sldId="260"/>
            <ac:spMk id="1035" creationId="{4216B6B0-3ABF-7F0E-450B-A0574528D09B}"/>
          </ac:spMkLst>
        </pc:spChg>
        <pc:spChg chg="mod">
          <ac:chgData name="White, Alex" userId="eff6cc8c-37d8-483b-9c6c-6b27e9afa9bc" providerId="ADAL" clId="{BF04C754-5BF4-4E83-9615-DB14FA25AF8A}" dt="2023-10-12T11:37:11.898" v="280"/>
          <ac:spMkLst>
            <pc:docMk/>
            <pc:sldMk cId="2376958513" sldId="260"/>
            <ac:spMk id="1036" creationId="{3F7C4B70-3781-2FDF-DEFF-FA212DC028FD}"/>
          </ac:spMkLst>
        </pc:spChg>
        <pc:spChg chg="mod">
          <ac:chgData name="White, Alex" userId="eff6cc8c-37d8-483b-9c6c-6b27e9afa9bc" providerId="ADAL" clId="{BF04C754-5BF4-4E83-9615-DB14FA25AF8A}" dt="2023-10-12T11:37:11.898" v="280"/>
          <ac:spMkLst>
            <pc:docMk/>
            <pc:sldMk cId="2376958513" sldId="260"/>
            <ac:spMk id="1037" creationId="{3128D62E-EB62-45A1-785B-66D649F9CE9A}"/>
          </ac:spMkLst>
        </pc:spChg>
        <pc:spChg chg="mod">
          <ac:chgData name="White, Alex" userId="eff6cc8c-37d8-483b-9c6c-6b27e9afa9bc" providerId="ADAL" clId="{BF04C754-5BF4-4E83-9615-DB14FA25AF8A}" dt="2023-10-12T11:37:11.898" v="280"/>
          <ac:spMkLst>
            <pc:docMk/>
            <pc:sldMk cId="2376958513" sldId="260"/>
            <ac:spMk id="1038" creationId="{29631C99-E443-7627-A298-650A74673CB5}"/>
          </ac:spMkLst>
        </pc:spChg>
        <pc:spChg chg="mod">
          <ac:chgData name="White, Alex" userId="eff6cc8c-37d8-483b-9c6c-6b27e9afa9bc" providerId="ADAL" clId="{BF04C754-5BF4-4E83-9615-DB14FA25AF8A}" dt="2023-10-12T11:37:11.898" v="280"/>
          <ac:spMkLst>
            <pc:docMk/>
            <pc:sldMk cId="2376958513" sldId="260"/>
            <ac:spMk id="1039" creationId="{352F5BB3-AE41-1552-6117-34DF14DEC39A}"/>
          </ac:spMkLst>
        </pc:spChg>
        <pc:spChg chg="mod">
          <ac:chgData name="White, Alex" userId="eff6cc8c-37d8-483b-9c6c-6b27e9afa9bc" providerId="ADAL" clId="{BF04C754-5BF4-4E83-9615-DB14FA25AF8A}" dt="2023-10-12T11:37:11.898" v="280"/>
          <ac:spMkLst>
            <pc:docMk/>
            <pc:sldMk cId="2376958513" sldId="260"/>
            <ac:spMk id="1040" creationId="{BFAEFAEA-4094-6379-593B-F692CD37516A}"/>
          </ac:spMkLst>
        </pc:spChg>
        <pc:spChg chg="mod">
          <ac:chgData name="White, Alex" userId="eff6cc8c-37d8-483b-9c6c-6b27e9afa9bc" providerId="ADAL" clId="{BF04C754-5BF4-4E83-9615-DB14FA25AF8A}" dt="2023-10-12T11:37:11.898" v="280"/>
          <ac:spMkLst>
            <pc:docMk/>
            <pc:sldMk cId="2376958513" sldId="260"/>
            <ac:spMk id="1041" creationId="{88FE1F76-0048-7D02-EEC8-16BBB4D9476D}"/>
          </ac:spMkLst>
        </pc:spChg>
        <pc:spChg chg="mod">
          <ac:chgData name="White, Alex" userId="eff6cc8c-37d8-483b-9c6c-6b27e9afa9bc" providerId="ADAL" clId="{BF04C754-5BF4-4E83-9615-DB14FA25AF8A}" dt="2023-10-12T11:37:11.898" v="280"/>
          <ac:spMkLst>
            <pc:docMk/>
            <pc:sldMk cId="2376958513" sldId="260"/>
            <ac:spMk id="1042" creationId="{F79E3A79-CB1E-D03B-88DE-F128E622931F}"/>
          </ac:spMkLst>
        </pc:spChg>
        <pc:spChg chg="mod">
          <ac:chgData name="White, Alex" userId="eff6cc8c-37d8-483b-9c6c-6b27e9afa9bc" providerId="ADAL" clId="{BF04C754-5BF4-4E83-9615-DB14FA25AF8A}" dt="2023-10-12T11:37:11.898" v="280"/>
          <ac:spMkLst>
            <pc:docMk/>
            <pc:sldMk cId="2376958513" sldId="260"/>
            <ac:spMk id="1043" creationId="{8378F878-7EEA-FFB5-23CF-6BF3F0D15B53}"/>
          </ac:spMkLst>
        </pc:spChg>
        <pc:spChg chg="mod">
          <ac:chgData name="White, Alex" userId="eff6cc8c-37d8-483b-9c6c-6b27e9afa9bc" providerId="ADAL" clId="{BF04C754-5BF4-4E83-9615-DB14FA25AF8A}" dt="2023-10-12T11:37:11.898" v="280"/>
          <ac:spMkLst>
            <pc:docMk/>
            <pc:sldMk cId="2376958513" sldId="260"/>
            <ac:spMk id="1044" creationId="{BC6F372B-C1D1-8486-641C-17C6562B51BB}"/>
          </ac:spMkLst>
        </pc:spChg>
        <pc:spChg chg="mod">
          <ac:chgData name="White, Alex" userId="eff6cc8c-37d8-483b-9c6c-6b27e9afa9bc" providerId="ADAL" clId="{BF04C754-5BF4-4E83-9615-DB14FA25AF8A}" dt="2023-10-12T11:37:11.898" v="280"/>
          <ac:spMkLst>
            <pc:docMk/>
            <pc:sldMk cId="2376958513" sldId="260"/>
            <ac:spMk id="1045" creationId="{AA70BAAE-9F34-A8F3-A7C3-530B044E340C}"/>
          </ac:spMkLst>
        </pc:spChg>
        <pc:spChg chg="mod">
          <ac:chgData name="White, Alex" userId="eff6cc8c-37d8-483b-9c6c-6b27e9afa9bc" providerId="ADAL" clId="{BF04C754-5BF4-4E83-9615-DB14FA25AF8A}" dt="2023-10-12T11:37:11.898" v="280"/>
          <ac:spMkLst>
            <pc:docMk/>
            <pc:sldMk cId="2376958513" sldId="260"/>
            <ac:spMk id="1046" creationId="{020F0F47-61CC-B08D-12F7-846CCA8516BD}"/>
          </ac:spMkLst>
        </pc:spChg>
        <pc:spChg chg="mod">
          <ac:chgData name="White, Alex" userId="eff6cc8c-37d8-483b-9c6c-6b27e9afa9bc" providerId="ADAL" clId="{BF04C754-5BF4-4E83-9615-DB14FA25AF8A}" dt="2023-10-12T11:37:11.898" v="280"/>
          <ac:spMkLst>
            <pc:docMk/>
            <pc:sldMk cId="2376958513" sldId="260"/>
            <ac:spMk id="1047" creationId="{567C40F1-DE49-DFCC-8836-34AD169F5ABB}"/>
          </ac:spMkLst>
        </pc:spChg>
        <pc:spChg chg="mod">
          <ac:chgData name="White, Alex" userId="eff6cc8c-37d8-483b-9c6c-6b27e9afa9bc" providerId="ADAL" clId="{BF04C754-5BF4-4E83-9615-DB14FA25AF8A}" dt="2023-10-12T11:37:11.898" v="280"/>
          <ac:spMkLst>
            <pc:docMk/>
            <pc:sldMk cId="2376958513" sldId="260"/>
            <ac:spMk id="1048" creationId="{172409D3-5FAB-6020-854D-5E66B95324B5}"/>
          </ac:spMkLst>
        </pc:spChg>
        <pc:spChg chg="mod">
          <ac:chgData name="White, Alex" userId="eff6cc8c-37d8-483b-9c6c-6b27e9afa9bc" providerId="ADAL" clId="{BF04C754-5BF4-4E83-9615-DB14FA25AF8A}" dt="2023-10-12T11:37:11.898" v="280"/>
          <ac:spMkLst>
            <pc:docMk/>
            <pc:sldMk cId="2376958513" sldId="260"/>
            <ac:spMk id="1049" creationId="{5FA03CF6-12AA-273A-6DB0-FD3E73340C8B}"/>
          </ac:spMkLst>
        </pc:spChg>
        <pc:spChg chg="mod">
          <ac:chgData name="White, Alex" userId="eff6cc8c-37d8-483b-9c6c-6b27e9afa9bc" providerId="ADAL" clId="{BF04C754-5BF4-4E83-9615-DB14FA25AF8A}" dt="2023-10-12T11:37:11.898" v="280"/>
          <ac:spMkLst>
            <pc:docMk/>
            <pc:sldMk cId="2376958513" sldId="260"/>
            <ac:spMk id="1050" creationId="{D9A84A1F-ECC4-EF71-BDFB-36C90E90EFA6}"/>
          </ac:spMkLst>
        </pc:spChg>
        <pc:spChg chg="mod">
          <ac:chgData name="White, Alex" userId="eff6cc8c-37d8-483b-9c6c-6b27e9afa9bc" providerId="ADAL" clId="{BF04C754-5BF4-4E83-9615-DB14FA25AF8A}" dt="2023-10-12T11:37:11.898" v="280"/>
          <ac:spMkLst>
            <pc:docMk/>
            <pc:sldMk cId="2376958513" sldId="260"/>
            <ac:spMk id="1051" creationId="{14523B02-5602-6032-B4AD-4BA8A3F581BB}"/>
          </ac:spMkLst>
        </pc:spChg>
        <pc:spChg chg="mod">
          <ac:chgData name="White, Alex" userId="eff6cc8c-37d8-483b-9c6c-6b27e9afa9bc" providerId="ADAL" clId="{BF04C754-5BF4-4E83-9615-DB14FA25AF8A}" dt="2023-10-12T11:37:11.898" v="280"/>
          <ac:spMkLst>
            <pc:docMk/>
            <pc:sldMk cId="2376958513" sldId="260"/>
            <ac:spMk id="1052" creationId="{B8B23F74-32C3-B763-26D0-5CB064A5FC8B}"/>
          </ac:spMkLst>
        </pc:spChg>
        <pc:spChg chg="mod">
          <ac:chgData name="White, Alex" userId="eff6cc8c-37d8-483b-9c6c-6b27e9afa9bc" providerId="ADAL" clId="{BF04C754-5BF4-4E83-9615-DB14FA25AF8A}" dt="2023-10-12T11:37:11.898" v="280"/>
          <ac:spMkLst>
            <pc:docMk/>
            <pc:sldMk cId="2376958513" sldId="260"/>
            <ac:spMk id="1053" creationId="{9F41A951-59E6-BBF1-8653-994BBED94069}"/>
          </ac:spMkLst>
        </pc:spChg>
        <pc:spChg chg="mod">
          <ac:chgData name="White, Alex" userId="eff6cc8c-37d8-483b-9c6c-6b27e9afa9bc" providerId="ADAL" clId="{BF04C754-5BF4-4E83-9615-DB14FA25AF8A}" dt="2023-10-12T11:37:11.898" v="280"/>
          <ac:spMkLst>
            <pc:docMk/>
            <pc:sldMk cId="2376958513" sldId="260"/>
            <ac:spMk id="1054" creationId="{2D472F9A-90E6-BA47-36EC-1387FE3913A3}"/>
          </ac:spMkLst>
        </pc:spChg>
        <pc:spChg chg="mod">
          <ac:chgData name="White, Alex" userId="eff6cc8c-37d8-483b-9c6c-6b27e9afa9bc" providerId="ADAL" clId="{BF04C754-5BF4-4E83-9615-DB14FA25AF8A}" dt="2023-10-12T11:37:11.898" v="280"/>
          <ac:spMkLst>
            <pc:docMk/>
            <pc:sldMk cId="2376958513" sldId="260"/>
            <ac:spMk id="1055" creationId="{C7B898D1-96C9-3C1B-CDD1-071021B5EF24}"/>
          </ac:spMkLst>
        </pc:spChg>
        <pc:spChg chg="mod">
          <ac:chgData name="White, Alex" userId="eff6cc8c-37d8-483b-9c6c-6b27e9afa9bc" providerId="ADAL" clId="{BF04C754-5BF4-4E83-9615-DB14FA25AF8A}" dt="2023-10-12T11:37:11.898" v="280"/>
          <ac:spMkLst>
            <pc:docMk/>
            <pc:sldMk cId="2376958513" sldId="260"/>
            <ac:spMk id="1056" creationId="{1FC6023D-9D5D-F586-23E6-003C51828D24}"/>
          </ac:spMkLst>
        </pc:spChg>
        <pc:spChg chg="mod">
          <ac:chgData name="White, Alex" userId="eff6cc8c-37d8-483b-9c6c-6b27e9afa9bc" providerId="ADAL" clId="{BF04C754-5BF4-4E83-9615-DB14FA25AF8A}" dt="2023-10-12T11:37:11.898" v="280"/>
          <ac:spMkLst>
            <pc:docMk/>
            <pc:sldMk cId="2376958513" sldId="260"/>
            <ac:spMk id="1057" creationId="{6CAADB15-0388-B1CE-5EBE-6F9C6B41A72A}"/>
          </ac:spMkLst>
        </pc:spChg>
        <pc:spChg chg="mod">
          <ac:chgData name="White, Alex" userId="eff6cc8c-37d8-483b-9c6c-6b27e9afa9bc" providerId="ADAL" clId="{BF04C754-5BF4-4E83-9615-DB14FA25AF8A}" dt="2023-10-12T11:37:11.898" v="280"/>
          <ac:spMkLst>
            <pc:docMk/>
            <pc:sldMk cId="2376958513" sldId="260"/>
            <ac:spMk id="1058" creationId="{85C41273-2344-C525-2E71-24B6A8070B73}"/>
          </ac:spMkLst>
        </pc:spChg>
        <pc:spChg chg="mod">
          <ac:chgData name="White, Alex" userId="eff6cc8c-37d8-483b-9c6c-6b27e9afa9bc" providerId="ADAL" clId="{BF04C754-5BF4-4E83-9615-DB14FA25AF8A}" dt="2023-10-12T11:37:11.898" v="280"/>
          <ac:spMkLst>
            <pc:docMk/>
            <pc:sldMk cId="2376958513" sldId="260"/>
            <ac:spMk id="1059" creationId="{884601CF-3310-ABCB-3F32-71E66640FEFC}"/>
          </ac:spMkLst>
        </pc:spChg>
        <pc:spChg chg="mod">
          <ac:chgData name="White, Alex" userId="eff6cc8c-37d8-483b-9c6c-6b27e9afa9bc" providerId="ADAL" clId="{BF04C754-5BF4-4E83-9615-DB14FA25AF8A}" dt="2023-10-12T11:37:11.898" v="280"/>
          <ac:spMkLst>
            <pc:docMk/>
            <pc:sldMk cId="2376958513" sldId="260"/>
            <ac:spMk id="1060" creationId="{819BDBF9-2AB3-3F80-D46F-70A6A07C2BFA}"/>
          </ac:spMkLst>
        </pc:spChg>
        <pc:spChg chg="mod">
          <ac:chgData name="White, Alex" userId="eff6cc8c-37d8-483b-9c6c-6b27e9afa9bc" providerId="ADAL" clId="{BF04C754-5BF4-4E83-9615-DB14FA25AF8A}" dt="2023-10-12T11:37:11.898" v="280"/>
          <ac:spMkLst>
            <pc:docMk/>
            <pc:sldMk cId="2376958513" sldId="260"/>
            <ac:spMk id="1061" creationId="{28D4A7BC-87ED-6FCD-3229-038CA918DD67}"/>
          </ac:spMkLst>
        </pc:spChg>
        <pc:spChg chg="mod">
          <ac:chgData name="White, Alex" userId="eff6cc8c-37d8-483b-9c6c-6b27e9afa9bc" providerId="ADAL" clId="{BF04C754-5BF4-4E83-9615-DB14FA25AF8A}" dt="2023-10-12T11:37:11.898" v="280"/>
          <ac:spMkLst>
            <pc:docMk/>
            <pc:sldMk cId="2376958513" sldId="260"/>
            <ac:spMk id="1062" creationId="{736EF908-E1DA-1799-85A7-97F6E2D29CDC}"/>
          </ac:spMkLst>
        </pc:spChg>
        <pc:spChg chg="mod">
          <ac:chgData name="White, Alex" userId="eff6cc8c-37d8-483b-9c6c-6b27e9afa9bc" providerId="ADAL" clId="{BF04C754-5BF4-4E83-9615-DB14FA25AF8A}" dt="2023-10-12T11:37:11.898" v="280"/>
          <ac:spMkLst>
            <pc:docMk/>
            <pc:sldMk cId="2376958513" sldId="260"/>
            <ac:spMk id="1063" creationId="{E70126C6-E2AB-AB8C-DEAA-0BFC4FC6558B}"/>
          </ac:spMkLst>
        </pc:spChg>
        <pc:spChg chg="mod">
          <ac:chgData name="White, Alex" userId="eff6cc8c-37d8-483b-9c6c-6b27e9afa9bc" providerId="ADAL" clId="{BF04C754-5BF4-4E83-9615-DB14FA25AF8A}" dt="2023-10-12T11:37:11.898" v="280"/>
          <ac:spMkLst>
            <pc:docMk/>
            <pc:sldMk cId="2376958513" sldId="260"/>
            <ac:spMk id="1064" creationId="{66E0CB71-86F6-9726-A742-328424167F0E}"/>
          </ac:spMkLst>
        </pc:spChg>
        <pc:spChg chg="mod">
          <ac:chgData name="White, Alex" userId="eff6cc8c-37d8-483b-9c6c-6b27e9afa9bc" providerId="ADAL" clId="{BF04C754-5BF4-4E83-9615-DB14FA25AF8A}" dt="2023-10-12T11:37:11.898" v="280"/>
          <ac:spMkLst>
            <pc:docMk/>
            <pc:sldMk cId="2376958513" sldId="260"/>
            <ac:spMk id="1065" creationId="{36AAD23D-A2CB-9842-3AD0-F647C261FB9F}"/>
          </ac:spMkLst>
        </pc:spChg>
        <pc:spChg chg="mod">
          <ac:chgData name="White, Alex" userId="eff6cc8c-37d8-483b-9c6c-6b27e9afa9bc" providerId="ADAL" clId="{BF04C754-5BF4-4E83-9615-DB14FA25AF8A}" dt="2023-10-12T11:37:11.898" v="280"/>
          <ac:spMkLst>
            <pc:docMk/>
            <pc:sldMk cId="2376958513" sldId="260"/>
            <ac:spMk id="1066" creationId="{9BB984AE-32DF-8134-B8AA-9E86D2EAAAD9}"/>
          </ac:spMkLst>
        </pc:spChg>
        <pc:spChg chg="mod">
          <ac:chgData name="White, Alex" userId="eff6cc8c-37d8-483b-9c6c-6b27e9afa9bc" providerId="ADAL" clId="{BF04C754-5BF4-4E83-9615-DB14FA25AF8A}" dt="2023-10-12T11:37:11.898" v="280"/>
          <ac:spMkLst>
            <pc:docMk/>
            <pc:sldMk cId="2376958513" sldId="260"/>
            <ac:spMk id="1067" creationId="{15E553A5-5DD5-DFB7-DE1A-9C01C976D1ED}"/>
          </ac:spMkLst>
        </pc:spChg>
        <pc:spChg chg="mod">
          <ac:chgData name="White, Alex" userId="eff6cc8c-37d8-483b-9c6c-6b27e9afa9bc" providerId="ADAL" clId="{BF04C754-5BF4-4E83-9615-DB14FA25AF8A}" dt="2023-10-12T11:37:11.898" v="280"/>
          <ac:spMkLst>
            <pc:docMk/>
            <pc:sldMk cId="2376958513" sldId="260"/>
            <ac:spMk id="1068" creationId="{564E0150-1DCA-E94C-5CB6-657ACFBEF141}"/>
          </ac:spMkLst>
        </pc:spChg>
        <pc:spChg chg="mod">
          <ac:chgData name="White, Alex" userId="eff6cc8c-37d8-483b-9c6c-6b27e9afa9bc" providerId="ADAL" clId="{BF04C754-5BF4-4E83-9615-DB14FA25AF8A}" dt="2023-10-12T11:37:11.898" v="280"/>
          <ac:spMkLst>
            <pc:docMk/>
            <pc:sldMk cId="2376958513" sldId="260"/>
            <ac:spMk id="1069" creationId="{67348E3C-4DF7-0A75-89E1-0924CF1B4BBB}"/>
          </ac:spMkLst>
        </pc:spChg>
        <pc:spChg chg="mod">
          <ac:chgData name="White, Alex" userId="eff6cc8c-37d8-483b-9c6c-6b27e9afa9bc" providerId="ADAL" clId="{BF04C754-5BF4-4E83-9615-DB14FA25AF8A}" dt="2023-10-12T11:37:11.898" v="280"/>
          <ac:spMkLst>
            <pc:docMk/>
            <pc:sldMk cId="2376958513" sldId="260"/>
            <ac:spMk id="1070" creationId="{632ED699-8D84-53EF-FFE2-D09D8124DE74}"/>
          </ac:spMkLst>
        </pc:spChg>
        <pc:spChg chg="mod">
          <ac:chgData name="White, Alex" userId="eff6cc8c-37d8-483b-9c6c-6b27e9afa9bc" providerId="ADAL" clId="{BF04C754-5BF4-4E83-9615-DB14FA25AF8A}" dt="2023-10-12T11:37:11.898" v="280"/>
          <ac:spMkLst>
            <pc:docMk/>
            <pc:sldMk cId="2376958513" sldId="260"/>
            <ac:spMk id="1071" creationId="{70BA15B3-BB83-D02B-93F9-96CC8C3FC322}"/>
          </ac:spMkLst>
        </pc:spChg>
        <pc:spChg chg="mod">
          <ac:chgData name="White, Alex" userId="eff6cc8c-37d8-483b-9c6c-6b27e9afa9bc" providerId="ADAL" clId="{BF04C754-5BF4-4E83-9615-DB14FA25AF8A}" dt="2023-10-12T11:37:11.898" v="280"/>
          <ac:spMkLst>
            <pc:docMk/>
            <pc:sldMk cId="2376958513" sldId="260"/>
            <ac:spMk id="1073" creationId="{8B7E7F18-5D7B-F2A3-5040-276D840B92EF}"/>
          </ac:spMkLst>
        </pc:spChg>
        <pc:spChg chg="mod">
          <ac:chgData name="White, Alex" userId="eff6cc8c-37d8-483b-9c6c-6b27e9afa9bc" providerId="ADAL" clId="{BF04C754-5BF4-4E83-9615-DB14FA25AF8A}" dt="2023-10-12T11:37:11.898" v="280"/>
          <ac:spMkLst>
            <pc:docMk/>
            <pc:sldMk cId="2376958513" sldId="260"/>
            <ac:spMk id="1074" creationId="{7246150F-1E70-1F76-F4F0-C8FBF849D5B5}"/>
          </ac:spMkLst>
        </pc:spChg>
        <pc:spChg chg="mod">
          <ac:chgData name="White, Alex" userId="eff6cc8c-37d8-483b-9c6c-6b27e9afa9bc" providerId="ADAL" clId="{BF04C754-5BF4-4E83-9615-DB14FA25AF8A}" dt="2023-10-12T11:37:11.898" v="280"/>
          <ac:spMkLst>
            <pc:docMk/>
            <pc:sldMk cId="2376958513" sldId="260"/>
            <ac:spMk id="1075" creationId="{E8EF6A9C-627E-55D9-6EDC-78B9051FE09A}"/>
          </ac:spMkLst>
        </pc:spChg>
        <pc:spChg chg="mod">
          <ac:chgData name="White, Alex" userId="eff6cc8c-37d8-483b-9c6c-6b27e9afa9bc" providerId="ADAL" clId="{BF04C754-5BF4-4E83-9615-DB14FA25AF8A}" dt="2023-10-12T11:37:11.898" v="280"/>
          <ac:spMkLst>
            <pc:docMk/>
            <pc:sldMk cId="2376958513" sldId="260"/>
            <ac:spMk id="1076" creationId="{D3F48415-A84D-7C59-5158-454A0CE1D256}"/>
          </ac:spMkLst>
        </pc:spChg>
        <pc:spChg chg="mod">
          <ac:chgData name="White, Alex" userId="eff6cc8c-37d8-483b-9c6c-6b27e9afa9bc" providerId="ADAL" clId="{BF04C754-5BF4-4E83-9615-DB14FA25AF8A}" dt="2023-10-12T11:37:11.898" v="280"/>
          <ac:spMkLst>
            <pc:docMk/>
            <pc:sldMk cId="2376958513" sldId="260"/>
            <ac:spMk id="1077" creationId="{DD046CDD-F0A3-1F9E-F858-9013B463EEAE}"/>
          </ac:spMkLst>
        </pc:spChg>
        <pc:spChg chg="mod">
          <ac:chgData name="White, Alex" userId="eff6cc8c-37d8-483b-9c6c-6b27e9afa9bc" providerId="ADAL" clId="{BF04C754-5BF4-4E83-9615-DB14FA25AF8A}" dt="2023-10-12T11:37:11.898" v="280"/>
          <ac:spMkLst>
            <pc:docMk/>
            <pc:sldMk cId="2376958513" sldId="260"/>
            <ac:spMk id="1078" creationId="{B21EF385-9081-6D4B-B4F0-3AE7D6A4B95D}"/>
          </ac:spMkLst>
        </pc:spChg>
        <pc:spChg chg="mod">
          <ac:chgData name="White, Alex" userId="eff6cc8c-37d8-483b-9c6c-6b27e9afa9bc" providerId="ADAL" clId="{BF04C754-5BF4-4E83-9615-DB14FA25AF8A}" dt="2023-10-12T11:37:11.898" v="280"/>
          <ac:spMkLst>
            <pc:docMk/>
            <pc:sldMk cId="2376958513" sldId="260"/>
            <ac:spMk id="1079" creationId="{2BD1BC48-39AC-202D-56A3-D10716F75A09}"/>
          </ac:spMkLst>
        </pc:spChg>
        <pc:spChg chg="mod">
          <ac:chgData name="White, Alex" userId="eff6cc8c-37d8-483b-9c6c-6b27e9afa9bc" providerId="ADAL" clId="{BF04C754-5BF4-4E83-9615-DB14FA25AF8A}" dt="2023-10-12T11:37:11.898" v="280"/>
          <ac:spMkLst>
            <pc:docMk/>
            <pc:sldMk cId="2376958513" sldId="260"/>
            <ac:spMk id="1080" creationId="{99F1311F-FC0C-D899-6ED8-8342F665E536}"/>
          </ac:spMkLst>
        </pc:spChg>
        <pc:spChg chg="mod">
          <ac:chgData name="White, Alex" userId="eff6cc8c-37d8-483b-9c6c-6b27e9afa9bc" providerId="ADAL" clId="{BF04C754-5BF4-4E83-9615-DB14FA25AF8A}" dt="2023-10-12T11:37:11.898" v="280"/>
          <ac:spMkLst>
            <pc:docMk/>
            <pc:sldMk cId="2376958513" sldId="260"/>
            <ac:spMk id="1081" creationId="{EF28DC4C-B8DC-0404-929D-EB947305A6D1}"/>
          </ac:spMkLst>
        </pc:spChg>
        <pc:spChg chg="mod">
          <ac:chgData name="White, Alex" userId="eff6cc8c-37d8-483b-9c6c-6b27e9afa9bc" providerId="ADAL" clId="{BF04C754-5BF4-4E83-9615-DB14FA25AF8A}" dt="2023-10-12T11:37:11.898" v="280"/>
          <ac:spMkLst>
            <pc:docMk/>
            <pc:sldMk cId="2376958513" sldId="260"/>
            <ac:spMk id="1082" creationId="{810E2EB8-F558-A30E-C8CF-7554A05019A8}"/>
          </ac:spMkLst>
        </pc:spChg>
        <pc:spChg chg="mod">
          <ac:chgData name="White, Alex" userId="eff6cc8c-37d8-483b-9c6c-6b27e9afa9bc" providerId="ADAL" clId="{BF04C754-5BF4-4E83-9615-DB14FA25AF8A}" dt="2023-10-12T11:37:11.898" v="280"/>
          <ac:spMkLst>
            <pc:docMk/>
            <pc:sldMk cId="2376958513" sldId="260"/>
            <ac:spMk id="1083" creationId="{914D2DE0-E558-9068-F692-D68E940CF285}"/>
          </ac:spMkLst>
        </pc:spChg>
        <pc:spChg chg="mod">
          <ac:chgData name="White, Alex" userId="eff6cc8c-37d8-483b-9c6c-6b27e9afa9bc" providerId="ADAL" clId="{BF04C754-5BF4-4E83-9615-DB14FA25AF8A}" dt="2023-10-12T11:37:11.898" v="280"/>
          <ac:spMkLst>
            <pc:docMk/>
            <pc:sldMk cId="2376958513" sldId="260"/>
            <ac:spMk id="1084" creationId="{8166D342-1844-4DE2-7346-1FB1B0659AD5}"/>
          </ac:spMkLst>
        </pc:spChg>
        <pc:spChg chg="mod">
          <ac:chgData name="White, Alex" userId="eff6cc8c-37d8-483b-9c6c-6b27e9afa9bc" providerId="ADAL" clId="{BF04C754-5BF4-4E83-9615-DB14FA25AF8A}" dt="2023-10-12T11:37:11.898" v="280"/>
          <ac:spMkLst>
            <pc:docMk/>
            <pc:sldMk cId="2376958513" sldId="260"/>
            <ac:spMk id="1085" creationId="{9FC36687-F875-4D4F-73CF-DCA49DEDA21A}"/>
          </ac:spMkLst>
        </pc:spChg>
        <pc:spChg chg="mod">
          <ac:chgData name="White, Alex" userId="eff6cc8c-37d8-483b-9c6c-6b27e9afa9bc" providerId="ADAL" clId="{BF04C754-5BF4-4E83-9615-DB14FA25AF8A}" dt="2023-10-12T11:37:11.898" v="280"/>
          <ac:spMkLst>
            <pc:docMk/>
            <pc:sldMk cId="2376958513" sldId="260"/>
            <ac:spMk id="1086" creationId="{A07EABE0-8B6A-49D9-4A84-59C1FD71862E}"/>
          </ac:spMkLst>
        </pc:spChg>
        <pc:spChg chg="mod">
          <ac:chgData name="White, Alex" userId="eff6cc8c-37d8-483b-9c6c-6b27e9afa9bc" providerId="ADAL" clId="{BF04C754-5BF4-4E83-9615-DB14FA25AF8A}" dt="2023-10-12T11:37:11.898" v="280"/>
          <ac:spMkLst>
            <pc:docMk/>
            <pc:sldMk cId="2376958513" sldId="260"/>
            <ac:spMk id="1087" creationId="{A030EE37-49B7-54AE-13F0-6A9C5ACFFCAC}"/>
          </ac:spMkLst>
        </pc:spChg>
        <pc:spChg chg="mod">
          <ac:chgData name="White, Alex" userId="eff6cc8c-37d8-483b-9c6c-6b27e9afa9bc" providerId="ADAL" clId="{BF04C754-5BF4-4E83-9615-DB14FA25AF8A}" dt="2023-10-12T11:37:11.898" v="280"/>
          <ac:spMkLst>
            <pc:docMk/>
            <pc:sldMk cId="2376958513" sldId="260"/>
            <ac:spMk id="1088" creationId="{2020567C-4831-3F79-96B3-474A1A8C325A}"/>
          </ac:spMkLst>
        </pc:spChg>
        <pc:spChg chg="mod">
          <ac:chgData name="White, Alex" userId="eff6cc8c-37d8-483b-9c6c-6b27e9afa9bc" providerId="ADAL" clId="{BF04C754-5BF4-4E83-9615-DB14FA25AF8A}" dt="2023-10-12T11:37:11.898" v="280"/>
          <ac:spMkLst>
            <pc:docMk/>
            <pc:sldMk cId="2376958513" sldId="260"/>
            <ac:spMk id="1089" creationId="{FBD09D40-E6A6-F89B-52E4-1954B71CB1AD}"/>
          </ac:spMkLst>
        </pc:spChg>
        <pc:spChg chg="mod">
          <ac:chgData name="White, Alex" userId="eff6cc8c-37d8-483b-9c6c-6b27e9afa9bc" providerId="ADAL" clId="{BF04C754-5BF4-4E83-9615-DB14FA25AF8A}" dt="2023-10-12T11:37:11.898" v="280"/>
          <ac:spMkLst>
            <pc:docMk/>
            <pc:sldMk cId="2376958513" sldId="260"/>
            <ac:spMk id="1090" creationId="{C91C7611-0879-0325-5EE5-70E20AF36D0A}"/>
          </ac:spMkLst>
        </pc:spChg>
        <pc:spChg chg="mod">
          <ac:chgData name="White, Alex" userId="eff6cc8c-37d8-483b-9c6c-6b27e9afa9bc" providerId="ADAL" clId="{BF04C754-5BF4-4E83-9615-DB14FA25AF8A}" dt="2023-10-12T11:37:11.898" v="280"/>
          <ac:spMkLst>
            <pc:docMk/>
            <pc:sldMk cId="2376958513" sldId="260"/>
            <ac:spMk id="1091" creationId="{9CF10AB6-945F-FC04-370E-4DBE142303C1}"/>
          </ac:spMkLst>
        </pc:spChg>
        <pc:spChg chg="mod">
          <ac:chgData name="White, Alex" userId="eff6cc8c-37d8-483b-9c6c-6b27e9afa9bc" providerId="ADAL" clId="{BF04C754-5BF4-4E83-9615-DB14FA25AF8A}" dt="2023-10-12T11:37:11.898" v="280"/>
          <ac:spMkLst>
            <pc:docMk/>
            <pc:sldMk cId="2376958513" sldId="260"/>
            <ac:spMk id="1092" creationId="{8870D852-6F6A-6B3C-8A13-BF915C947F0B}"/>
          </ac:spMkLst>
        </pc:spChg>
        <pc:spChg chg="mod">
          <ac:chgData name="White, Alex" userId="eff6cc8c-37d8-483b-9c6c-6b27e9afa9bc" providerId="ADAL" clId="{BF04C754-5BF4-4E83-9615-DB14FA25AF8A}" dt="2023-10-12T11:37:11.898" v="280"/>
          <ac:spMkLst>
            <pc:docMk/>
            <pc:sldMk cId="2376958513" sldId="260"/>
            <ac:spMk id="1093" creationId="{6C2A9872-1052-EE0B-403C-A4D8FD609E4B}"/>
          </ac:spMkLst>
        </pc:spChg>
        <pc:spChg chg="mod">
          <ac:chgData name="White, Alex" userId="eff6cc8c-37d8-483b-9c6c-6b27e9afa9bc" providerId="ADAL" clId="{BF04C754-5BF4-4E83-9615-DB14FA25AF8A}" dt="2023-10-12T11:37:11.898" v="280"/>
          <ac:spMkLst>
            <pc:docMk/>
            <pc:sldMk cId="2376958513" sldId="260"/>
            <ac:spMk id="1094" creationId="{FF83FF84-10C7-0934-D543-48E164BD9E8C}"/>
          </ac:spMkLst>
        </pc:spChg>
        <pc:spChg chg="mod">
          <ac:chgData name="White, Alex" userId="eff6cc8c-37d8-483b-9c6c-6b27e9afa9bc" providerId="ADAL" clId="{BF04C754-5BF4-4E83-9615-DB14FA25AF8A}" dt="2023-10-12T11:37:11.898" v="280"/>
          <ac:spMkLst>
            <pc:docMk/>
            <pc:sldMk cId="2376958513" sldId="260"/>
            <ac:spMk id="1095" creationId="{67599C41-283D-F347-4BC5-7EE0C7F0BD16}"/>
          </ac:spMkLst>
        </pc:spChg>
        <pc:spChg chg="mod">
          <ac:chgData name="White, Alex" userId="eff6cc8c-37d8-483b-9c6c-6b27e9afa9bc" providerId="ADAL" clId="{BF04C754-5BF4-4E83-9615-DB14FA25AF8A}" dt="2023-10-12T11:37:11.898" v="280"/>
          <ac:spMkLst>
            <pc:docMk/>
            <pc:sldMk cId="2376958513" sldId="260"/>
            <ac:spMk id="1096" creationId="{5687117E-EEC8-66A4-7C04-E9375531D577}"/>
          </ac:spMkLst>
        </pc:spChg>
        <pc:spChg chg="mod">
          <ac:chgData name="White, Alex" userId="eff6cc8c-37d8-483b-9c6c-6b27e9afa9bc" providerId="ADAL" clId="{BF04C754-5BF4-4E83-9615-DB14FA25AF8A}" dt="2023-10-12T11:37:11.898" v="280"/>
          <ac:spMkLst>
            <pc:docMk/>
            <pc:sldMk cId="2376958513" sldId="260"/>
            <ac:spMk id="1097" creationId="{F42113C5-95C5-B22C-AEAA-335F0AF7F3F8}"/>
          </ac:spMkLst>
        </pc:spChg>
        <pc:spChg chg="mod">
          <ac:chgData name="White, Alex" userId="eff6cc8c-37d8-483b-9c6c-6b27e9afa9bc" providerId="ADAL" clId="{BF04C754-5BF4-4E83-9615-DB14FA25AF8A}" dt="2023-10-12T11:37:11.898" v="280"/>
          <ac:spMkLst>
            <pc:docMk/>
            <pc:sldMk cId="2376958513" sldId="260"/>
            <ac:spMk id="1098" creationId="{985515D4-D823-BBE0-28C8-E25B5898699C}"/>
          </ac:spMkLst>
        </pc:spChg>
        <pc:spChg chg="mod">
          <ac:chgData name="White, Alex" userId="eff6cc8c-37d8-483b-9c6c-6b27e9afa9bc" providerId="ADAL" clId="{BF04C754-5BF4-4E83-9615-DB14FA25AF8A}" dt="2023-10-12T11:37:11.898" v="280"/>
          <ac:spMkLst>
            <pc:docMk/>
            <pc:sldMk cId="2376958513" sldId="260"/>
            <ac:spMk id="1099" creationId="{3D5A2B05-F85D-F11E-C890-A13B103E4B90}"/>
          </ac:spMkLst>
        </pc:spChg>
        <pc:spChg chg="mod">
          <ac:chgData name="White, Alex" userId="eff6cc8c-37d8-483b-9c6c-6b27e9afa9bc" providerId="ADAL" clId="{BF04C754-5BF4-4E83-9615-DB14FA25AF8A}" dt="2023-10-12T11:37:11.898" v="280"/>
          <ac:spMkLst>
            <pc:docMk/>
            <pc:sldMk cId="2376958513" sldId="260"/>
            <ac:spMk id="1100" creationId="{1236E7FF-69F1-788C-3552-B185443A0C22}"/>
          </ac:spMkLst>
        </pc:spChg>
        <pc:spChg chg="mod">
          <ac:chgData name="White, Alex" userId="eff6cc8c-37d8-483b-9c6c-6b27e9afa9bc" providerId="ADAL" clId="{BF04C754-5BF4-4E83-9615-DB14FA25AF8A}" dt="2023-10-12T11:37:11.898" v="280"/>
          <ac:spMkLst>
            <pc:docMk/>
            <pc:sldMk cId="2376958513" sldId="260"/>
            <ac:spMk id="1101" creationId="{3B680F44-95AB-509E-D90B-AAA0AAEDA63B}"/>
          </ac:spMkLst>
        </pc:spChg>
        <pc:spChg chg="mod">
          <ac:chgData name="White, Alex" userId="eff6cc8c-37d8-483b-9c6c-6b27e9afa9bc" providerId="ADAL" clId="{BF04C754-5BF4-4E83-9615-DB14FA25AF8A}" dt="2023-10-12T11:37:11.898" v="280"/>
          <ac:spMkLst>
            <pc:docMk/>
            <pc:sldMk cId="2376958513" sldId="260"/>
            <ac:spMk id="1102" creationId="{3BEE9426-FB3A-DD85-D32B-E74C3625D86F}"/>
          </ac:spMkLst>
        </pc:spChg>
        <pc:spChg chg="mod">
          <ac:chgData name="White, Alex" userId="eff6cc8c-37d8-483b-9c6c-6b27e9afa9bc" providerId="ADAL" clId="{BF04C754-5BF4-4E83-9615-DB14FA25AF8A}" dt="2023-10-12T11:37:11.898" v="280"/>
          <ac:spMkLst>
            <pc:docMk/>
            <pc:sldMk cId="2376958513" sldId="260"/>
            <ac:spMk id="1103" creationId="{97D798B0-85B1-9143-93C6-C00368762B41}"/>
          </ac:spMkLst>
        </pc:spChg>
        <pc:spChg chg="mod">
          <ac:chgData name="White, Alex" userId="eff6cc8c-37d8-483b-9c6c-6b27e9afa9bc" providerId="ADAL" clId="{BF04C754-5BF4-4E83-9615-DB14FA25AF8A}" dt="2023-10-12T11:37:11.898" v="280"/>
          <ac:spMkLst>
            <pc:docMk/>
            <pc:sldMk cId="2376958513" sldId="260"/>
            <ac:spMk id="1104" creationId="{82372010-68C3-D25A-A9FF-A924A1C86930}"/>
          </ac:spMkLst>
        </pc:spChg>
        <pc:spChg chg="mod">
          <ac:chgData name="White, Alex" userId="eff6cc8c-37d8-483b-9c6c-6b27e9afa9bc" providerId="ADAL" clId="{BF04C754-5BF4-4E83-9615-DB14FA25AF8A}" dt="2023-10-12T11:37:11.898" v="280"/>
          <ac:spMkLst>
            <pc:docMk/>
            <pc:sldMk cId="2376958513" sldId="260"/>
            <ac:spMk id="1105" creationId="{83081368-A6FA-FA6B-053D-13DFCDDD063B}"/>
          </ac:spMkLst>
        </pc:spChg>
        <pc:spChg chg="mod">
          <ac:chgData name="White, Alex" userId="eff6cc8c-37d8-483b-9c6c-6b27e9afa9bc" providerId="ADAL" clId="{BF04C754-5BF4-4E83-9615-DB14FA25AF8A}" dt="2023-10-12T11:37:11.898" v="280"/>
          <ac:spMkLst>
            <pc:docMk/>
            <pc:sldMk cId="2376958513" sldId="260"/>
            <ac:spMk id="1106" creationId="{AA418326-BA1B-D2FF-92B9-9D58A8B96C48}"/>
          </ac:spMkLst>
        </pc:spChg>
        <pc:spChg chg="mod">
          <ac:chgData name="White, Alex" userId="eff6cc8c-37d8-483b-9c6c-6b27e9afa9bc" providerId="ADAL" clId="{BF04C754-5BF4-4E83-9615-DB14FA25AF8A}" dt="2023-10-12T11:37:11.898" v="280"/>
          <ac:spMkLst>
            <pc:docMk/>
            <pc:sldMk cId="2376958513" sldId="260"/>
            <ac:spMk id="1107" creationId="{A7FEEE41-50EE-B1C6-1F80-59AFC97D9037}"/>
          </ac:spMkLst>
        </pc:spChg>
        <pc:spChg chg="mod">
          <ac:chgData name="White, Alex" userId="eff6cc8c-37d8-483b-9c6c-6b27e9afa9bc" providerId="ADAL" clId="{BF04C754-5BF4-4E83-9615-DB14FA25AF8A}" dt="2023-10-12T11:37:11.898" v="280"/>
          <ac:spMkLst>
            <pc:docMk/>
            <pc:sldMk cId="2376958513" sldId="260"/>
            <ac:spMk id="1108" creationId="{88FA17D7-2EF5-2593-7686-7F64B963D33B}"/>
          </ac:spMkLst>
        </pc:spChg>
        <pc:spChg chg="mod">
          <ac:chgData name="White, Alex" userId="eff6cc8c-37d8-483b-9c6c-6b27e9afa9bc" providerId="ADAL" clId="{BF04C754-5BF4-4E83-9615-DB14FA25AF8A}" dt="2023-10-12T11:37:11.898" v="280"/>
          <ac:spMkLst>
            <pc:docMk/>
            <pc:sldMk cId="2376958513" sldId="260"/>
            <ac:spMk id="1109" creationId="{FF9B34F3-168F-F897-567B-D81BEF244478}"/>
          </ac:spMkLst>
        </pc:spChg>
        <pc:spChg chg="mod">
          <ac:chgData name="White, Alex" userId="eff6cc8c-37d8-483b-9c6c-6b27e9afa9bc" providerId="ADAL" clId="{BF04C754-5BF4-4E83-9615-DB14FA25AF8A}" dt="2023-10-12T11:37:11.898" v="280"/>
          <ac:spMkLst>
            <pc:docMk/>
            <pc:sldMk cId="2376958513" sldId="260"/>
            <ac:spMk id="1110" creationId="{A97EC2F7-1F5E-A48E-B51A-DC50EBA95408}"/>
          </ac:spMkLst>
        </pc:spChg>
        <pc:spChg chg="mod">
          <ac:chgData name="White, Alex" userId="eff6cc8c-37d8-483b-9c6c-6b27e9afa9bc" providerId="ADAL" clId="{BF04C754-5BF4-4E83-9615-DB14FA25AF8A}" dt="2023-10-12T11:37:11.898" v="280"/>
          <ac:spMkLst>
            <pc:docMk/>
            <pc:sldMk cId="2376958513" sldId="260"/>
            <ac:spMk id="1111" creationId="{4F92BED8-A842-F1AE-FA20-BD38184697EC}"/>
          </ac:spMkLst>
        </pc:spChg>
        <pc:spChg chg="mod">
          <ac:chgData name="White, Alex" userId="eff6cc8c-37d8-483b-9c6c-6b27e9afa9bc" providerId="ADAL" clId="{BF04C754-5BF4-4E83-9615-DB14FA25AF8A}" dt="2023-10-12T11:37:11.898" v="280"/>
          <ac:spMkLst>
            <pc:docMk/>
            <pc:sldMk cId="2376958513" sldId="260"/>
            <ac:spMk id="1112" creationId="{5638578B-513A-FA29-AE7C-0CA4D77325F2}"/>
          </ac:spMkLst>
        </pc:spChg>
        <pc:spChg chg="mod">
          <ac:chgData name="White, Alex" userId="eff6cc8c-37d8-483b-9c6c-6b27e9afa9bc" providerId="ADAL" clId="{BF04C754-5BF4-4E83-9615-DB14FA25AF8A}" dt="2023-10-12T11:37:11.898" v="280"/>
          <ac:spMkLst>
            <pc:docMk/>
            <pc:sldMk cId="2376958513" sldId="260"/>
            <ac:spMk id="1113" creationId="{864AB75A-7A8B-D805-C71F-CBD18D3AF234}"/>
          </ac:spMkLst>
        </pc:spChg>
        <pc:spChg chg="mod">
          <ac:chgData name="White, Alex" userId="eff6cc8c-37d8-483b-9c6c-6b27e9afa9bc" providerId="ADAL" clId="{BF04C754-5BF4-4E83-9615-DB14FA25AF8A}" dt="2023-10-12T11:37:11.898" v="280"/>
          <ac:spMkLst>
            <pc:docMk/>
            <pc:sldMk cId="2376958513" sldId="260"/>
            <ac:spMk id="1114" creationId="{BC6E6B78-AF51-F187-F2DF-063334385A98}"/>
          </ac:spMkLst>
        </pc:spChg>
        <pc:spChg chg="mod">
          <ac:chgData name="White, Alex" userId="eff6cc8c-37d8-483b-9c6c-6b27e9afa9bc" providerId="ADAL" clId="{BF04C754-5BF4-4E83-9615-DB14FA25AF8A}" dt="2023-10-12T11:37:11.898" v="280"/>
          <ac:spMkLst>
            <pc:docMk/>
            <pc:sldMk cId="2376958513" sldId="260"/>
            <ac:spMk id="1115" creationId="{44B337D9-3F17-4FB9-1A36-0AAE1190F754}"/>
          </ac:spMkLst>
        </pc:spChg>
        <pc:spChg chg="mod">
          <ac:chgData name="White, Alex" userId="eff6cc8c-37d8-483b-9c6c-6b27e9afa9bc" providerId="ADAL" clId="{BF04C754-5BF4-4E83-9615-DB14FA25AF8A}" dt="2023-10-12T11:37:11.898" v="280"/>
          <ac:spMkLst>
            <pc:docMk/>
            <pc:sldMk cId="2376958513" sldId="260"/>
            <ac:spMk id="1116" creationId="{BB78863A-9A7B-27FB-8AA2-926E6CF63346}"/>
          </ac:spMkLst>
        </pc:spChg>
        <pc:spChg chg="mod">
          <ac:chgData name="White, Alex" userId="eff6cc8c-37d8-483b-9c6c-6b27e9afa9bc" providerId="ADAL" clId="{BF04C754-5BF4-4E83-9615-DB14FA25AF8A}" dt="2023-10-12T11:37:11.898" v="280"/>
          <ac:spMkLst>
            <pc:docMk/>
            <pc:sldMk cId="2376958513" sldId="260"/>
            <ac:spMk id="1117" creationId="{F8EEEA79-DE34-61F9-8866-441A02098554}"/>
          </ac:spMkLst>
        </pc:spChg>
        <pc:spChg chg="mod">
          <ac:chgData name="White, Alex" userId="eff6cc8c-37d8-483b-9c6c-6b27e9afa9bc" providerId="ADAL" clId="{BF04C754-5BF4-4E83-9615-DB14FA25AF8A}" dt="2023-10-12T11:37:11.898" v="280"/>
          <ac:spMkLst>
            <pc:docMk/>
            <pc:sldMk cId="2376958513" sldId="260"/>
            <ac:spMk id="1118" creationId="{E3C73599-DB7F-0E30-C9BD-6AE2818DB4FA}"/>
          </ac:spMkLst>
        </pc:spChg>
        <pc:spChg chg="mod">
          <ac:chgData name="White, Alex" userId="eff6cc8c-37d8-483b-9c6c-6b27e9afa9bc" providerId="ADAL" clId="{BF04C754-5BF4-4E83-9615-DB14FA25AF8A}" dt="2023-10-12T11:37:11.898" v="280"/>
          <ac:spMkLst>
            <pc:docMk/>
            <pc:sldMk cId="2376958513" sldId="260"/>
            <ac:spMk id="1119" creationId="{3CA7F3A8-2B88-29FA-93BC-FF2C27159E80}"/>
          </ac:spMkLst>
        </pc:spChg>
        <pc:spChg chg="mod">
          <ac:chgData name="White, Alex" userId="eff6cc8c-37d8-483b-9c6c-6b27e9afa9bc" providerId="ADAL" clId="{BF04C754-5BF4-4E83-9615-DB14FA25AF8A}" dt="2023-10-12T11:37:11.898" v="280"/>
          <ac:spMkLst>
            <pc:docMk/>
            <pc:sldMk cId="2376958513" sldId="260"/>
            <ac:spMk id="1120" creationId="{C91DFE15-8D9A-FA8E-4651-3A8557139B2D}"/>
          </ac:spMkLst>
        </pc:spChg>
        <pc:spChg chg="mod">
          <ac:chgData name="White, Alex" userId="eff6cc8c-37d8-483b-9c6c-6b27e9afa9bc" providerId="ADAL" clId="{BF04C754-5BF4-4E83-9615-DB14FA25AF8A}" dt="2023-10-12T11:37:11.898" v="280"/>
          <ac:spMkLst>
            <pc:docMk/>
            <pc:sldMk cId="2376958513" sldId="260"/>
            <ac:spMk id="1121" creationId="{32DEF7EE-45B4-D944-0A3F-B2394E7DF7CC}"/>
          </ac:spMkLst>
        </pc:spChg>
        <pc:spChg chg="mod">
          <ac:chgData name="White, Alex" userId="eff6cc8c-37d8-483b-9c6c-6b27e9afa9bc" providerId="ADAL" clId="{BF04C754-5BF4-4E83-9615-DB14FA25AF8A}" dt="2023-10-12T11:37:11.898" v="280"/>
          <ac:spMkLst>
            <pc:docMk/>
            <pc:sldMk cId="2376958513" sldId="260"/>
            <ac:spMk id="1122" creationId="{7C810CCD-10DE-07A4-0805-7CB81610F5D1}"/>
          </ac:spMkLst>
        </pc:spChg>
        <pc:spChg chg="mod">
          <ac:chgData name="White, Alex" userId="eff6cc8c-37d8-483b-9c6c-6b27e9afa9bc" providerId="ADAL" clId="{BF04C754-5BF4-4E83-9615-DB14FA25AF8A}" dt="2023-10-12T11:37:11.898" v="280"/>
          <ac:spMkLst>
            <pc:docMk/>
            <pc:sldMk cId="2376958513" sldId="260"/>
            <ac:spMk id="1123" creationId="{855A03B4-B8A3-BE8B-33AC-95D067F48C1A}"/>
          </ac:spMkLst>
        </pc:spChg>
        <pc:spChg chg="mod">
          <ac:chgData name="White, Alex" userId="eff6cc8c-37d8-483b-9c6c-6b27e9afa9bc" providerId="ADAL" clId="{BF04C754-5BF4-4E83-9615-DB14FA25AF8A}" dt="2023-10-12T11:37:11.898" v="280"/>
          <ac:spMkLst>
            <pc:docMk/>
            <pc:sldMk cId="2376958513" sldId="260"/>
            <ac:spMk id="1124" creationId="{47D0AC6A-F43F-7E84-67C4-439C1CB2AE07}"/>
          </ac:spMkLst>
        </pc:spChg>
        <pc:spChg chg="mod">
          <ac:chgData name="White, Alex" userId="eff6cc8c-37d8-483b-9c6c-6b27e9afa9bc" providerId="ADAL" clId="{BF04C754-5BF4-4E83-9615-DB14FA25AF8A}" dt="2023-10-12T11:37:11.898" v="280"/>
          <ac:spMkLst>
            <pc:docMk/>
            <pc:sldMk cId="2376958513" sldId="260"/>
            <ac:spMk id="1125" creationId="{C8C19493-6B35-A92A-C9F3-4449E4B52A9C}"/>
          </ac:spMkLst>
        </pc:spChg>
        <pc:spChg chg="mod">
          <ac:chgData name="White, Alex" userId="eff6cc8c-37d8-483b-9c6c-6b27e9afa9bc" providerId="ADAL" clId="{BF04C754-5BF4-4E83-9615-DB14FA25AF8A}" dt="2023-10-12T11:37:11.898" v="280"/>
          <ac:spMkLst>
            <pc:docMk/>
            <pc:sldMk cId="2376958513" sldId="260"/>
            <ac:spMk id="1126" creationId="{9E975437-D784-C9DE-7994-9677100B4B27}"/>
          </ac:spMkLst>
        </pc:spChg>
        <pc:spChg chg="mod">
          <ac:chgData name="White, Alex" userId="eff6cc8c-37d8-483b-9c6c-6b27e9afa9bc" providerId="ADAL" clId="{BF04C754-5BF4-4E83-9615-DB14FA25AF8A}" dt="2023-10-12T11:37:11.898" v="280"/>
          <ac:spMkLst>
            <pc:docMk/>
            <pc:sldMk cId="2376958513" sldId="260"/>
            <ac:spMk id="1127" creationId="{CFDF59D4-9E80-E0BD-619B-5A1C9FD0153E}"/>
          </ac:spMkLst>
        </pc:spChg>
        <pc:spChg chg="mod">
          <ac:chgData name="White, Alex" userId="eff6cc8c-37d8-483b-9c6c-6b27e9afa9bc" providerId="ADAL" clId="{BF04C754-5BF4-4E83-9615-DB14FA25AF8A}" dt="2023-10-12T11:37:11.898" v="280"/>
          <ac:spMkLst>
            <pc:docMk/>
            <pc:sldMk cId="2376958513" sldId="260"/>
            <ac:spMk id="1128" creationId="{B1DD6022-20F9-E59B-6CC1-83C4967786D4}"/>
          </ac:spMkLst>
        </pc:spChg>
        <pc:spChg chg="mod">
          <ac:chgData name="White, Alex" userId="eff6cc8c-37d8-483b-9c6c-6b27e9afa9bc" providerId="ADAL" clId="{BF04C754-5BF4-4E83-9615-DB14FA25AF8A}" dt="2023-10-12T11:37:11.898" v="280"/>
          <ac:spMkLst>
            <pc:docMk/>
            <pc:sldMk cId="2376958513" sldId="260"/>
            <ac:spMk id="1129" creationId="{CB5B1ACF-2294-9FD4-37B8-359F6C5C03D9}"/>
          </ac:spMkLst>
        </pc:spChg>
        <pc:spChg chg="mod">
          <ac:chgData name="White, Alex" userId="eff6cc8c-37d8-483b-9c6c-6b27e9afa9bc" providerId="ADAL" clId="{BF04C754-5BF4-4E83-9615-DB14FA25AF8A}" dt="2023-10-12T11:37:11.898" v="280"/>
          <ac:spMkLst>
            <pc:docMk/>
            <pc:sldMk cId="2376958513" sldId="260"/>
            <ac:spMk id="1130" creationId="{56FE1314-4642-024E-99A1-B4BF6267EA24}"/>
          </ac:spMkLst>
        </pc:spChg>
        <pc:spChg chg="mod">
          <ac:chgData name="White, Alex" userId="eff6cc8c-37d8-483b-9c6c-6b27e9afa9bc" providerId="ADAL" clId="{BF04C754-5BF4-4E83-9615-DB14FA25AF8A}" dt="2023-10-12T11:37:11.898" v="280"/>
          <ac:spMkLst>
            <pc:docMk/>
            <pc:sldMk cId="2376958513" sldId="260"/>
            <ac:spMk id="1131" creationId="{796B740A-A2B0-A5AF-5845-589166C919A8}"/>
          </ac:spMkLst>
        </pc:spChg>
        <pc:spChg chg="mod">
          <ac:chgData name="White, Alex" userId="eff6cc8c-37d8-483b-9c6c-6b27e9afa9bc" providerId="ADAL" clId="{BF04C754-5BF4-4E83-9615-DB14FA25AF8A}" dt="2023-10-12T11:37:11.898" v="280"/>
          <ac:spMkLst>
            <pc:docMk/>
            <pc:sldMk cId="2376958513" sldId="260"/>
            <ac:spMk id="1132" creationId="{BD2354D6-F66F-6F5B-05AC-3F638035CFEF}"/>
          </ac:spMkLst>
        </pc:spChg>
        <pc:spChg chg="mod">
          <ac:chgData name="White, Alex" userId="eff6cc8c-37d8-483b-9c6c-6b27e9afa9bc" providerId="ADAL" clId="{BF04C754-5BF4-4E83-9615-DB14FA25AF8A}" dt="2023-10-12T11:37:11.898" v="280"/>
          <ac:spMkLst>
            <pc:docMk/>
            <pc:sldMk cId="2376958513" sldId="260"/>
            <ac:spMk id="1133" creationId="{A67B1FEE-7A1D-B073-3748-249B1894C256}"/>
          </ac:spMkLst>
        </pc:spChg>
        <pc:spChg chg="mod">
          <ac:chgData name="White, Alex" userId="eff6cc8c-37d8-483b-9c6c-6b27e9afa9bc" providerId="ADAL" clId="{BF04C754-5BF4-4E83-9615-DB14FA25AF8A}" dt="2023-10-12T11:37:11.898" v="280"/>
          <ac:spMkLst>
            <pc:docMk/>
            <pc:sldMk cId="2376958513" sldId="260"/>
            <ac:spMk id="1134" creationId="{DDEF487D-EF79-E7FF-55D3-7F5A55D017A3}"/>
          </ac:spMkLst>
        </pc:spChg>
        <pc:spChg chg="mod">
          <ac:chgData name="White, Alex" userId="eff6cc8c-37d8-483b-9c6c-6b27e9afa9bc" providerId="ADAL" clId="{BF04C754-5BF4-4E83-9615-DB14FA25AF8A}" dt="2023-10-12T11:37:11.898" v="280"/>
          <ac:spMkLst>
            <pc:docMk/>
            <pc:sldMk cId="2376958513" sldId="260"/>
            <ac:spMk id="1135" creationId="{2AF2016E-8561-3206-94D8-27EB2FAF8FC5}"/>
          </ac:spMkLst>
        </pc:spChg>
        <pc:spChg chg="mod">
          <ac:chgData name="White, Alex" userId="eff6cc8c-37d8-483b-9c6c-6b27e9afa9bc" providerId="ADAL" clId="{BF04C754-5BF4-4E83-9615-DB14FA25AF8A}" dt="2023-10-12T11:37:11.898" v="280"/>
          <ac:spMkLst>
            <pc:docMk/>
            <pc:sldMk cId="2376958513" sldId="260"/>
            <ac:spMk id="1136" creationId="{BD52DB2C-2689-D82C-A955-0E929C4D971F}"/>
          </ac:spMkLst>
        </pc:spChg>
        <pc:spChg chg="mod">
          <ac:chgData name="White, Alex" userId="eff6cc8c-37d8-483b-9c6c-6b27e9afa9bc" providerId="ADAL" clId="{BF04C754-5BF4-4E83-9615-DB14FA25AF8A}" dt="2023-10-12T11:37:11.898" v="280"/>
          <ac:spMkLst>
            <pc:docMk/>
            <pc:sldMk cId="2376958513" sldId="260"/>
            <ac:spMk id="1137" creationId="{76861E4A-FFF2-757D-453E-8B442A00987D}"/>
          </ac:spMkLst>
        </pc:spChg>
        <pc:spChg chg="mod">
          <ac:chgData name="White, Alex" userId="eff6cc8c-37d8-483b-9c6c-6b27e9afa9bc" providerId="ADAL" clId="{BF04C754-5BF4-4E83-9615-DB14FA25AF8A}" dt="2023-10-12T11:37:11.898" v="280"/>
          <ac:spMkLst>
            <pc:docMk/>
            <pc:sldMk cId="2376958513" sldId="260"/>
            <ac:spMk id="1138" creationId="{D9C0A248-E36A-504C-33EB-7F07CF80503D}"/>
          </ac:spMkLst>
        </pc:spChg>
        <pc:spChg chg="mod">
          <ac:chgData name="White, Alex" userId="eff6cc8c-37d8-483b-9c6c-6b27e9afa9bc" providerId="ADAL" clId="{BF04C754-5BF4-4E83-9615-DB14FA25AF8A}" dt="2023-10-12T11:37:11.898" v="280"/>
          <ac:spMkLst>
            <pc:docMk/>
            <pc:sldMk cId="2376958513" sldId="260"/>
            <ac:spMk id="1139" creationId="{BA05658C-BD9C-A5FE-248A-FE6ED4C2F56B}"/>
          </ac:spMkLst>
        </pc:spChg>
        <pc:spChg chg="mod">
          <ac:chgData name="White, Alex" userId="eff6cc8c-37d8-483b-9c6c-6b27e9afa9bc" providerId="ADAL" clId="{BF04C754-5BF4-4E83-9615-DB14FA25AF8A}" dt="2023-10-12T11:37:11.898" v="280"/>
          <ac:spMkLst>
            <pc:docMk/>
            <pc:sldMk cId="2376958513" sldId="260"/>
            <ac:spMk id="1140" creationId="{915B4101-AC69-9906-E281-31D4D7118FD2}"/>
          </ac:spMkLst>
        </pc:spChg>
        <pc:spChg chg="mod">
          <ac:chgData name="White, Alex" userId="eff6cc8c-37d8-483b-9c6c-6b27e9afa9bc" providerId="ADAL" clId="{BF04C754-5BF4-4E83-9615-DB14FA25AF8A}" dt="2023-10-12T11:37:11.898" v="280"/>
          <ac:spMkLst>
            <pc:docMk/>
            <pc:sldMk cId="2376958513" sldId="260"/>
            <ac:spMk id="1141" creationId="{13672954-AEAF-06DC-02B1-514E3CD267F1}"/>
          </ac:spMkLst>
        </pc:spChg>
        <pc:spChg chg="mod">
          <ac:chgData name="White, Alex" userId="eff6cc8c-37d8-483b-9c6c-6b27e9afa9bc" providerId="ADAL" clId="{BF04C754-5BF4-4E83-9615-DB14FA25AF8A}" dt="2023-10-12T11:37:11.898" v="280"/>
          <ac:spMkLst>
            <pc:docMk/>
            <pc:sldMk cId="2376958513" sldId="260"/>
            <ac:spMk id="1142" creationId="{70E3088E-F612-F947-CE01-7577BE17627C}"/>
          </ac:spMkLst>
        </pc:spChg>
        <pc:spChg chg="mod">
          <ac:chgData name="White, Alex" userId="eff6cc8c-37d8-483b-9c6c-6b27e9afa9bc" providerId="ADAL" clId="{BF04C754-5BF4-4E83-9615-DB14FA25AF8A}" dt="2023-10-12T11:37:11.898" v="280"/>
          <ac:spMkLst>
            <pc:docMk/>
            <pc:sldMk cId="2376958513" sldId="260"/>
            <ac:spMk id="1143" creationId="{0606EDC8-018A-7E8A-5BA9-05893C8382F4}"/>
          </ac:spMkLst>
        </pc:spChg>
        <pc:spChg chg="mod">
          <ac:chgData name="White, Alex" userId="eff6cc8c-37d8-483b-9c6c-6b27e9afa9bc" providerId="ADAL" clId="{BF04C754-5BF4-4E83-9615-DB14FA25AF8A}" dt="2023-10-12T11:37:11.898" v="280"/>
          <ac:spMkLst>
            <pc:docMk/>
            <pc:sldMk cId="2376958513" sldId="260"/>
            <ac:spMk id="1144" creationId="{51AC77DE-5BD1-E667-90B9-BFEAF6F2CF94}"/>
          </ac:spMkLst>
        </pc:spChg>
        <pc:spChg chg="mod">
          <ac:chgData name="White, Alex" userId="eff6cc8c-37d8-483b-9c6c-6b27e9afa9bc" providerId="ADAL" clId="{BF04C754-5BF4-4E83-9615-DB14FA25AF8A}" dt="2023-10-12T11:37:11.898" v="280"/>
          <ac:spMkLst>
            <pc:docMk/>
            <pc:sldMk cId="2376958513" sldId="260"/>
            <ac:spMk id="1145" creationId="{A812A27A-DEB5-B479-9FEC-7652A0AC381E}"/>
          </ac:spMkLst>
        </pc:spChg>
        <pc:spChg chg="mod">
          <ac:chgData name="White, Alex" userId="eff6cc8c-37d8-483b-9c6c-6b27e9afa9bc" providerId="ADAL" clId="{BF04C754-5BF4-4E83-9615-DB14FA25AF8A}" dt="2023-10-12T11:37:11.898" v="280"/>
          <ac:spMkLst>
            <pc:docMk/>
            <pc:sldMk cId="2376958513" sldId="260"/>
            <ac:spMk id="1146" creationId="{A9319801-E447-A41F-0C87-465510343AA3}"/>
          </ac:spMkLst>
        </pc:spChg>
        <pc:spChg chg="mod">
          <ac:chgData name="White, Alex" userId="eff6cc8c-37d8-483b-9c6c-6b27e9afa9bc" providerId="ADAL" clId="{BF04C754-5BF4-4E83-9615-DB14FA25AF8A}" dt="2023-10-12T11:37:11.898" v="280"/>
          <ac:spMkLst>
            <pc:docMk/>
            <pc:sldMk cId="2376958513" sldId="260"/>
            <ac:spMk id="1147" creationId="{DFC9D476-05F3-6C17-C7AA-8117FFAE5CC4}"/>
          </ac:spMkLst>
        </pc:spChg>
        <pc:spChg chg="mod">
          <ac:chgData name="White, Alex" userId="eff6cc8c-37d8-483b-9c6c-6b27e9afa9bc" providerId="ADAL" clId="{BF04C754-5BF4-4E83-9615-DB14FA25AF8A}" dt="2023-10-12T11:37:11.898" v="280"/>
          <ac:spMkLst>
            <pc:docMk/>
            <pc:sldMk cId="2376958513" sldId="260"/>
            <ac:spMk id="1148" creationId="{EBD33292-DC4C-5851-25EA-4936012712E7}"/>
          </ac:spMkLst>
        </pc:spChg>
        <pc:spChg chg="mod">
          <ac:chgData name="White, Alex" userId="eff6cc8c-37d8-483b-9c6c-6b27e9afa9bc" providerId="ADAL" clId="{BF04C754-5BF4-4E83-9615-DB14FA25AF8A}" dt="2023-10-12T11:37:11.898" v="280"/>
          <ac:spMkLst>
            <pc:docMk/>
            <pc:sldMk cId="2376958513" sldId="260"/>
            <ac:spMk id="1149" creationId="{54790234-0395-737B-0B8E-9325810760F6}"/>
          </ac:spMkLst>
        </pc:spChg>
        <pc:spChg chg="mod">
          <ac:chgData name="White, Alex" userId="eff6cc8c-37d8-483b-9c6c-6b27e9afa9bc" providerId="ADAL" clId="{BF04C754-5BF4-4E83-9615-DB14FA25AF8A}" dt="2023-10-12T11:37:11.898" v="280"/>
          <ac:spMkLst>
            <pc:docMk/>
            <pc:sldMk cId="2376958513" sldId="260"/>
            <ac:spMk id="1150" creationId="{CC734B6B-2A9F-98C6-1E2B-7C0C793D1B60}"/>
          </ac:spMkLst>
        </pc:spChg>
        <pc:spChg chg="mod">
          <ac:chgData name="White, Alex" userId="eff6cc8c-37d8-483b-9c6c-6b27e9afa9bc" providerId="ADAL" clId="{BF04C754-5BF4-4E83-9615-DB14FA25AF8A}" dt="2023-10-12T11:37:11.898" v="280"/>
          <ac:spMkLst>
            <pc:docMk/>
            <pc:sldMk cId="2376958513" sldId="260"/>
            <ac:spMk id="1151" creationId="{738D9501-B48F-0D78-E627-16B5F57E70D9}"/>
          </ac:spMkLst>
        </pc:spChg>
        <pc:spChg chg="mod">
          <ac:chgData name="White, Alex" userId="eff6cc8c-37d8-483b-9c6c-6b27e9afa9bc" providerId="ADAL" clId="{BF04C754-5BF4-4E83-9615-DB14FA25AF8A}" dt="2023-10-12T11:37:11.898" v="280"/>
          <ac:spMkLst>
            <pc:docMk/>
            <pc:sldMk cId="2376958513" sldId="260"/>
            <ac:spMk id="1152" creationId="{A106A030-CF43-EC58-E247-F2BF3DEA4822}"/>
          </ac:spMkLst>
        </pc:spChg>
        <pc:spChg chg="mod">
          <ac:chgData name="White, Alex" userId="eff6cc8c-37d8-483b-9c6c-6b27e9afa9bc" providerId="ADAL" clId="{BF04C754-5BF4-4E83-9615-DB14FA25AF8A}" dt="2023-10-12T11:37:11.898" v="280"/>
          <ac:spMkLst>
            <pc:docMk/>
            <pc:sldMk cId="2376958513" sldId="260"/>
            <ac:spMk id="1153" creationId="{5EA5194B-E87F-9EB5-4FA7-C2ACEF56BC74}"/>
          </ac:spMkLst>
        </pc:spChg>
        <pc:spChg chg="mod">
          <ac:chgData name="White, Alex" userId="eff6cc8c-37d8-483b-9c6c-6b27e9afa9bc" providerId="ADAL" clId="{BF04C754-5BF4-4E83-9615-DB14FA25AF8A}" dt="2023-10-12T11:37:11.898" v="280"/>
          <ac:spMkLst>
            <pc:docMk/>
            <pc:sldMk cId="2376958513" sldId="260"/>
            <ac:spMk id="1154" creationId="{C3502FFB-88E8-39F6-0D26-5951B09B21E4}"/>
          </ac:spMkLst>
        </pc:spChg>
        <pc:spChg chg="mod">
          <ac:chgData name="White, Alex" userId="eff6cc8c-37d8-483b-9c6c-6b27e9afa9bc" providerId="ADAL" clId="{BF04C754-5BF4-4E83-9615-DB14FA25AF8A}" dt="2023-10-12T11:37:11.898" v="280"/>
          <ac:spMkLst>
            <pc:docMk/>
            <pc:sldMk cId="2376958513" sldId="260"/>
            <ac:spMk id="1155" creationId="{9C82F184-D704-74CA-01D1-AF75260E1AC3}"/>
          </ac:spMkLst>
        </pc:spChg>
        <pc:spChg chg="mod">
          <ac:chgData name="White, Alex" userId="eff6cc8c-37d8-483b-9c6c-6b27e9afa9bc" providerId="ADAL" clId="{BF04C754-5BF4-4E83-9615-DB14FA25AF8A}" dt="2023-10-12T11:37:11.898" v="280"/>
          <ac:spMkLst>
            <pc:docMk/>
            <pc:sldMk cId="2376958513" sldId="260"/>
            <ac:spMk id="1156" creationId="{7D4CEFA6-72F7-F04D-87DE-38E3405107A0}"/>
          </ac:spMkLst>
        </pc:spChg>
        <pc:spChg chg="mod">
          <ac:chgData name="White, Alex" userId="eff6cc8c-37d8-483b-9c6c-6b27e9afa9bc" providerId="ADAL" clId="{BF04C754-5BF4-4E83-9615-DB14FA25AF8A}" dt="2023-10-12T11:37:11.898" v="280"/>
          <ac:spMkLst>
            <pc:docMk/>
            <pc:sldMk cId="2376958513" sldId="260"/>
            <ac:spMk id="1157" creationId="{41835627-5E65-1BB2-6B63-D983A225E210}"/>
          </ac:spMkLst>
        </pc:spChg>
        <pc:spChg chg="mod">
          <ac:chgData name="White, Alex" userId="eff6cc8c-37d8-483b-9c6c-6b27e9afa9bc" providerId="ADAL" clId="{BF04C754-5BF4-4E83-9615-DB14FA25AF8A}" dt="2023-10-12T11:37:11.898" v="280"/>
          <ac:spMkLst>
            <pc:docMk/>
            <pc:sldMk cId="2376958513" sldId="260"/>
            <ac:spMk id="1158" creationId="{31C992B7-D797-BA37-10B3-786F117DC4A2}"/>
          </ac:spMkLst>
        </pc:spChg>
        <pc:spChg chg="mod">
          <ac:chgData name="White, Alex" userId="eff6cc8c-37d8-483b-9c6c-6b27e9afa9bc" providerId="ADAL" clId="{BF04C754-5BF4-4E83-9615-DB14FA25AF8A}" dt="2023-10-12T11:37:11.898" v="280"/>
          <ac:spMkLst>
            <pc:docMk/>
            <pc:sldMk cId="2376958513" sldId="260"/>
            <ac:spMk id="1159" creationId="{60285A90-3638-B119-EE31-B63A24ED2272}"/>
          </ac:spMkLst>
        </pc:spChg>
        <pc:spChg chg="mod">
          <ac:chgData name="White, Alex" userId="eff6cc8c-37d8-483b-9c6c-6b27e9afa9bc" providerId="ADAL" clId="{BF04C754-5BF4-4E83-9615-DB14FA25AF8A}" dt="2023-10-12T11:37:11.898" v="280"/>
          <ac:spMkLst>
            <pc:docMk/>
            <pc:sldMk cId="2376958513" sldId="260"/>
            <ac:spMk id="1160" creationId="{2AC4D872-C027-1B1B-CAF3-DFBA9C7E63A8}"/>
          </ac:spMkLst>
        </pc:spChg>
        <pc:spChg chg="mod">
          <ac:chgData name="White, Alex" userId="eff6cc8c-37d8-483b-9c6c-6b27e9afa9bc" providerId="ADAL" clId="{BF04C754-5BF4-4E83-9615-DB14FA25AF8A}" dt="2023-10-12T11:37:11.898" v="280"/>
          <ac:spMkLst>
            <pc:docMk/>
            <pc:sldMk cId="2376958513" sldId="260"/>
            <ac:spMk id="1161" creationId="{E510C22A-E77B-F906-52E5-FC0CC07DAE76}"/>
          </ac:spMkLst>
        </pc:spChg>
        <pc:spChg chg="mod">
          <ac:chgData name="White, Alex" userId="eff6cc8c-37d8-483b-9c6c-6b27e9afa9bc" providerId="ADAL" clId="{BF04C754-5BF4-4E83-9615-DB14FA25AF8A}" dt="2023-10-12T11:37:11.898" v="280"/>
          <ac:spMkLst>
            <pc:docMk/>
            <pc:sldMk cId="2376958513" sldId="260"/>
            <ac:spMk id="1162" creationId="{A21603C7-9334-EA02-2DC0-1144ED3FC305}"/>
          </ac:spMkLst>
        </pc:spChg>
        <pc:spChg chg="mod">
          <ac:chgData name="White, Alex" userId="eff6cc8c-37d8-483b-9c6c-6b27e9afa9bc" providerId="ADAL" clId="{BF04C754-5BF4-4E83-9615-DB14FA25AF8A}" dt="2023-10-12T11:37:11.898" v="280"/>
          <ac:spMkLst>
            <pc:docMk/>
            <pc:sldMk cId="2376958513" sldId="260"/>
            <ac:spMk id="1163" creationId="{E081EF55-95ED-8CDD-F7FA-8C9C1CCCC0FE}"/>
          </ac:spMkLst>
        </pc:spChg>
        <pc:spChg chg="mod">
          <ac:chgData name="White, Alex" userId="eff6cc8c-37d8-483b-9c6c-6b27e9afa9bc" providerId="ADAL" clId="{BF04C754-5BF4-4E83-9615-DB14FA25AF8A}" dt="2023-10-12T11:37:11.898" v="280"/>
          <ac:spMkLst>
            <pc:docMk/>
            <pc:sldMk cId="2376958513" sldId="260"/>
            <ac:spMk id="1164" creationId="{71763ADC-78EB-7C6D-1568-EA0A6141882D}"/>
          </ac:spMkLst>
        </pc:spChg>
        <pc:spChg chg="mod">
          <ac:chgData name="White, Alex" userId="eff6cc8c-37d8-483b-9c6c-6b27e9afa9bc" providerId="ADAL" clId="{BF04C754-5BF4-4E83-9615-DB14FA25AF8A}" dt="2023-10-12T11:37:11.898" v="280"/>
          <ac:spMkLst>
            <pc:docMk/>
            <pc:sldMk cId="2376958513" sldId="260"/>
            <ac:spMk id="1165" creationId="{212B64E6-5DB2-6079-540F-812AADCADF97}"/>
          </ac:spMkLst>
        </pc:spChg>
        <pc:spChg chg="mod">
          <ac:chgData name="White, Alex" userId="eff6cc8c-37d8-483b-9c6c-6b27e9afa9bc" providerId="ADAL" clId="{BF04C754-5BF4-4E83-9615-DB14FA25AF8A}" dt="2023-10-12T11:37:11.898" v="280"/>
          <ac:spMkLst>
            <pc:docMk/>
            <pc:sldMk cId="2376958513" sldId="260"/>
            <ac:spMk id="1166" creationId="{E34D8821-2980-9CC9-9554-B9643FFAF41D}"/>
          </ac:spMkLst>
        </pc:spChg>
        <pc:spChg chg="mod">
          <ac:chgData name="White, Alex" userId="eff6cc8c-37d8-483b-9c6c-6b27e9afa9bc" providerId="ADAL" clId="{BF04C754-5BF4-4E83-9615-DB14FA25AF8A}" dt="2023-10-12T11:37:11.898" v="280"/>
          <ac:spMkLst>
            <pc:docMk/>
            <pc:sldMk cId="2376958513" sldId="260"/>
            <ac:spMk id="1167" creationId="{4E0C7BA0-1639-46CD-AB8F-C1DB8DBBFB1E}"/>
          </ac:spMkLst>
        </pc:spChg>
        <pc:spChg chg="mod">
          <ac:chgData name="White, Alex" userId="eff6cc8c-37d8-483b-9c6c-6b27e9afa9bc" providerId="ADAL" clId="{BF04C754-5BF4-4E83-9615-DB14FA25AF8A}" dt="2023-10-12T11:37:11.898" v="280"/>
          <ac:spMkLst>
            <pc:docMk/>
            <pc:sldMk cId="2376958513" sldId="260"/>
            <ac:spMk id="1168" creationId="{04C4FCF9-78A9-5996-3CBF-FDFA92E2DEA8}"/>
          </ac:spMkLst>
        </pc:spChg>
        <pc:spChg chg="mod">
          <ac:chgData name="White, Alex" userId="eff6cc8c-37d8-483b-9c6c-6b27e9afa9bc" providerId="ADAL" clId="{BF04C754-5BF4-4E83-9615-DB14FA25AF8A}" dt="2023-10-12T11:37:11.898" v="280"/>
          <ac:spMkLst>
            <pc:docMk/>
            <pc:sldMk cId="2376958513" sldId="260"/>
            <ac:spMk id="1169" creationId="{155A4E01-E0DE-F1EB-2B3C-811C9A393AFD}"/>
          </ac:spMkLst>
        </pc:spChg>
        <pc:spChg chg="mod">
          <ac:chgData name="White, Alex" userId="eff6cc8c-37d8-483b-9c6c-6b27e9afa9bc" providerId="ADAL" clId="{BF04C754-5BF4-4E83-9615-DB14FA25AF8A}" dt="2023-10-12T11:37:11.898" v="280"/>
          <ac:spMkLst>
            <pc:docMk/>
            <pc:sldMk cId="2376958513" sldId="260"/>
            <ac:spMk id="1170" creationId="{0610CE28-75C8-F16A-A403-B4E50ABD377C}"/>
          </ac:spMkLst>
        </pc:spChg>
        <pc:spChg chg="mod">
          <ac:chgData name="White, Alex" userId="eff6cc8c-37d8-483b-9c6c-6b27e9afa9bc" providerId="ADAL" clId="{BF04C754-5BF4-4E83-9615-DB14FA25AF8A}" dt="2023-10-12T11:37:11.898" v="280"/>
          <ac:spMkLst>
            <pc:docMk/>
            <pc:sldMk cId="2376958513" sldId="260"/>
            <ac:spMk id="1171" creationId="{EB9C498D-325A-B67C-E1B1-FE159408F3FA}"/>
          </ac:spMkLst>
        </pc:spChg>
        <pc:spChg chg="mod">
          <ac:chgData name="White, Alex" userId="eff6cc8c-37d8-483b-9c6c-6b27e9afa9bc" providerId="ADAL" clId="{BF04C754-5BF4-4E83-9615-DB14FA25AF8A}" dt="2023-10-12T11:37:11.898" v="280"/>
          <ac:spMkLst>
            <pc:docMk/>
            <pc:sldMk cId="2376958513" sldId="260"/>
            <ac:spMk id="1172" creationId="{241A22F7-5167-4D4C-4975-A90760964BD8}"/>
          </ac:spMkLst>
        </pc:spChg>
        <pc:spChg chg="mod">
          <ac:chgData name="White, Alex" userId="eff6cc8c-37d8-483b-9c6c-6b27e9afa9bc" providerId="ADAL" clId="{BF04C754-5BF4-4E83-9615-DB14FA25AF8A}" dt="2023-10-12T11:37:11.898" v="280"/>
          <ac:spMkLst>
            <pc:docMk/>
            <pc:sldMk cId="2376958513" sldId="260"/>
            <ac:spMk id="1174" creationId="{B2B76756-A950-AB57-410F-9D563C39C637}"/>
          </ac:spMkLst>
        </pc:spChg>
        <pc:spChg chg="mod">
          <ac:chgData name="White, Alex" userId="eff6cc8c-37d8-483b-9c6c-6b27e9afa9bc" providerId="ADAL" clId="{BF04C754-5BF4-4E83-9615-DB14FA25AF8A}" dt="2023-10-12T11:37:11.898" v="280"/>
          <ac:spMkLst>
            <pc:docMk/>
            <pc:sldMk cId="2376958513" sldId="260"/>
            <ac:spMk id="1175" creationId="{2733CF48-D82A-E7F5-AD7D-C24D2EBF9BA6}"/>
          </ac:spMkLst>
        </pc:spChg>
        <pc:spChg chg="mod">
          <ac:chgData name="White, Alex" userId="eff6cc8c-37d8-483b-9c6c-6b27e9afa9bc" providerId="ADAL" clId="{BF04C754-5BF4-4E83-9615-DB14FA25AF8A}" dt="2023-10-12T11:37:11.898" v="280"/>
          <ac:spMkLst>
            <pc:docMk/>
            <pc:sldMk cId="2376958513" sldId="260"/>
            <ac:spMk id="1176" creationId="{BD8D61C0-9D67-7DEA-1EB2-FB5B90EF629E}"/>
          </ac:spMkLst>
        </pc:spChg>
        <pc:spChg chg="mod">
          <ac:chgData name="White, Alex" userId="eff6cc8c-37d8-483b-9c6c-6b27e9afa9bc" providerId="ADAL" clId="{BF04C754-5BF4-4E83-9615-DB14FA25AF8A}" dt="2023-10-12T11:37:11.898" v="280"/>
          <ac:spMkLst>
            <pc:docMk/>
            <pc:sldMk cId="2376958513" sldId="260"/>
            <ac:spMk id="1177" creationId="{CFFFC0FB-6552-0DBD-43BA-797FEDA9F1FD}"/>
          </ac:spMkLst>
        </pc:spChg>
        <pc:spChg chg="mod">
          <ac:chgData name="White, Alex" userId="eff6cc8c-37d8-483b-9c6c-6b27e9afa9bc" providerId="ADAL" clId="{BF04C754-5BF4-4E83-9615-DB14FA25AF8A}" dt="2023-10-12T11:37:11.898" v="280"/>
          <ac:spMkLst>
            <pc:docMk/>
            <pc:sldMk cId="2376958513" sldId="260"/>
            <ac:spMk id="1178" creationId="{5568FDA3-5CA0-F162-A593-F1548FEE5063}"/>
          </ac:spMkLst>
        </pc:spChg>
        <pc:spChg chg="mod">
          <ac:chgData name="White, Alex" userId="eff6cc8c-37d8-483b-9c6c-6b27e9afa9bc" providerId="ADAL" clId="{BF04C754-5BF4-4E83-9615-DB14FA25AF8A}" dt="2023-10-12T11:37:11.898" v="280"/>
          <ac:spMkLst>
            <pc:docMk/>
            <pc:sldMk cId="2376958513" sldId="260"/>
            <ac:spMk id="1179" creationId="{CA722159-D790-7C0E-C837-B97C10C9CD00}"/>
          </ac:spMkLst>
        </pc:spChg>
        <pc:spChg chg="mod">
          <ac:chgData name="White, Alex" userId="eff6cc8c-37d8-483b-9c6c-6b27e9afa9bc" providerId="ADAL" clId="{BF04C754-5BF4-4E83-9615-DB14FA25AF8A}" dt="2023-10-12T11:37:11.898" v="280"/>
          <ac:spMkLst>
            <pc:docMk/>
            <pc:sldMk cId="2376958513" sldId="260"/>
            <ac:spMk id="1180" creationId="{0EE88F04-8903-C1FD-257C-EF7DD06F37EF}"/>
          </ac:spMkLst>
        </pc:spChg>
        <pc:spChg chg="mod">
          <ac:chgData name="White, Alex" userId="eff6cc8c-37d8-483b-9c6c-6b27e9afa9bc" providerId="ADAL" clId="{BF04C754-5BF4-4E83-9615-DB14FA25AF8A}" dt="2023-10-12T11:37:11.898" v="280"/>
          <ac:spMkLst>
            <pc:docMk/>
            <pc:sldMk cId="2376958513" sldId="260"/>
            <ac:spMk id="1181" creationId="{E55A3831-18A9-F623-8CC4-C9DF7E6F4961}"/>
          </ac:spMkLst>
        </pc:spChg>
        <pc:spChg chg="mod">
          <ac:chgData name="White, Alex" userId="eff6cc8c-37d8-483b-9c6c-6b27e9afa9bc" providerId="ADAL" clId="{BF04C754-5BF4-4E83-9615-DB14FA25AF8A}" dt="2023-10-12T11:37:11.898" v="280"/>
          <ac:spMkLst>
            <pc:docMk/>
            <pc:sldMk cId="2376958513" sldId="260"/>
            <ac:spMk id="1182" creationId="{85CD4CAE-15CA-4DFC-6D54-646FA1638482}"/>
          </ac:spMkLst>
        </pc:spChg>
        <pc:spChg chg="mod">
          <ac:chgData name="White, Alex" userId="eff6cc8c-37d8-483b-9c6c-6b27e9afa9bc" providerId="ADAL" clId="{BF04C754-5BF4-4E83-9615-DB14FA25AF8A}" dt="2023-10-12T11:37:11.898" v="280"/>
          <ac:spMkLst>
            <pc:docMk/>
            <pc:sldMk cId="2376958513" sldId="260"/>
            <ac:spMk id="1183" creationId="{AFAFC4C5-6B9E-AEC6-DEF9-6BDD538F343F}"/>
          </ac:spMkLst>
        </pc:spChg>
        <pc:spChg chg="mod">
          <ac:chgData name="White, Alex" userId="eff6cc8c-37d8-483b-9c6c-6b27e9afa9bc" providerId="ADAL" clId="{BF04C754-5BF4-4E83-9615-DB14FA25AF8A}" dt="2023-10-12T11:37:11.898" v="280"/>
          <ac:spMkLst>
            <pc:docMk/>
            <pc:sldMk cId="2376958513" sldId="260"/>
            <ac:spMk id="1184" creationId="{23E979F4-5FF6-F139-BF12-D149D270A92F}"/>
          </ac:spMkLst>
        </pc:spChg>
        <pc:spChg chg="mod">
          <ac:chgData name="White, Alex" userId="eff6cc8c-37d8-483b-9c6c-6b27e9afa9bc" providerId="ADAL" clId="{BF04C754-5BF4-4E83-9615-DB14FA25AF8A}" dt="2023-10-12T11:37:11.898" v="280"/>
          <ac:spMkLst>
            <pc:docMk/>
            <pc:sldMk cId="2376958513" sldId="260"/>
            <ac:spMk id="1185" creationId="{EF334B39-A03F-ABF4-039C-6751EED89596}"/>
          </ac:spMkLst>
        </pc:spChg>
        <pc:spChg chg="mod">
          <ac:chgData name="White, Alex" userId="eff6cc8c-37d8-483b-9c6c-6b27e9afa9bc" providerId="ADAL" clId="{BF04C754-5BF4-4E83-9615-DB14FA25AF8A}" dt="2023-10-12T11:37:11.898" v="280"/>
          <ac:spMkLst>
            <pc:docMk/>
            <pc:sldMk cId="2376958513" sldId="260"/>
            <ac:spMk id="1186" creationId="{B767286B-9E88-A82D-5218-4C5D347B8527}"/>
          </ac:spMkLst>
        </pc:spChg>
        <pc:spChg chg="mod">
          <ac:chgData name="White, Alex" userId="eff6cc8c-37d8-483b-9c6c-6b27e9afa9bc" providerId="ADAL" clId="{BF04C754-5BF4-4E83-9615-DB14FA25AF8A}" dt="2023-10-12T11:37:11.898" v="280"/>
          <ac:spMkLst>
            <pc:docMk/>
            <pc:sldMk cId="2376958513" sldId="260"/>
            <ac:spMk id="1187" creationId="{A5E6718C-05BB-F470-55FC-7DF61F54EF00}"/>
          </ac:spMkLst>
        </pc:spChg>
        <pc:spChg chg="mod">
          <ac:chgData name="White, Alex" userId="eff6cc8c-37d8-483b-9c6c-6b27e9afa9bc" providerId="ADAL" clId="{BF04C754-5BF4-4E83-9615-DB14FA25AF8A}" dt="2023-10-12T11:37:11.898" v="280"/>
          <ac:spMkLst>
            <pc:docMk/>
            <pc:sldMk cId="2376958513" sldId="260"/>
            <ac:spMk id="1188" creationId="{462BC78F-CA48-947D-6DDE-8AEDB3B668F2}"/>
          </ac:spMkLst>
        </pc:spChg>
        <pc:spChg chg="mod">
          <ac:chgData name="White, Alex" userId="eff6cc8c-37d8-483b-9c6c-6b27e9afa9bc" providerId="ADAL" clId="{BF04C754-5BF4-4E83-9615-DB14FA25AF8A}" dt="2023-10-12T11:37:11.898" v="280"/>
          <ac:spMkLst>
            <pc:docMk/>
            <pc:sldMk cId="2376958513" sldId="260"/>
            <ac:spMk id="1189" creationId="{75231657-4556-E77B-7D89-33950AF37DE0}"/>
          </ac:spMkLst>
        </pc:spChg>
        <pc:spChg chg="mod">
          <ac:chgData name="White, Alex" userId="eff6cc8c-37d8-483b-9c6c-6b27e9afa9bc" providerId="ADAL" clId="{BF04C754-5BF4-4E83-9615-DB14FA25AF8A}" dt="2023-10-12T11:37:11.898" v="280"/>
          <ac:spMkLst>
            <pc:docMk/>
            <pc:sldMk cId="2376958513" sldId="260"/>
            <ac:spMk id="1190" creationId="{961AB9B3-1B38-02A7-4287-5957BA4AADDB}"/>
          </ac:spMkLst>
        </pc:spChg>
        <pc:spChg chg="mod">
          <ac:chgData name="White, Alex" userId="eff6cc8c-37d8-483b-9c6c-6b27e9afa9bc" providerId="ADAL" clId="{BF04C754-5BF4-4E83-9615-DB14FA25AF8A}" dt="2023-10-12T11:37:11.898" v="280"/>
          <ac:spMkLst>
            <pc:docMk/>
            <pc:sldMk cId="2376958513" sldId="260"/>
            <ac:spMk id="1191" creationId="{681C9686-9C5A-1AA1-60F9-3E8CBC288489}"/>
          </ac:spMkLst>
        </pc:spChg>
        <pc:spChg chg="mod">
          <ac:chgData name="White, Alex" userId="eff6cc8c-37d8-483b-9c6c-6b27e9afa9bc" providerId="ADAL" clId="{BF04C754-5BF4-4E83-9615-DB14FA25AF8A}" dt="2023-10-12T11:37:11.898" v="280"/>
          <ac:spMkLst>
            <pc:docMk/>
            <pc:sldMk cId="2376958513" sldId="260"/>
            <ac:spMk id="1192" creationId="{A1A873B5-F088-084F-38A3-2FC0A91A73B9}"/>
          </ac:spMkLst>
        </pc:spChg>
        <pc:spChg chg="mod">
          <ac:chgData name="White, Alex" userId="eff6cc8c-37d8-483b-9c6c-6b27e9afa9bc" providerId="ADAL" clId="{BF04C754-5BF4-4E83-9615-DB14FA25AF8A}" dt="2023-10-12T11:37:11.898" v="280"/>
          <ac:spMkLst>
            <pc:docMk/>
            <pc:sldMk cId="2376958513" sldId="260"/>
            <ac:spMk id="1193" creationId="{B469DE96-08DC-8D6A-4623-9F2CFDAA675D}"/>
          </ac:spMkLst>
        </pc:spChg>
        <pc:spChg chg="mod">
          <ac:chgData name="White, Alex" userId="eff6cc8c-37d8-483b-9c6c-6b27e9afa9bc" providerId="ADAL" clId="{BF04C754-5BF4-4E83-9615-DB14FA25AF8A}" dt="2023-10-12T11:37:11.898" v="280"/>
          <ac:spMkLst>
            <pc:docMk/>
            <pc:sldMk cId="2376958513" sldId="260"/>
            <ac:spMk id="1194" creationId="{4E971C0F-179D-CBEC-1B91-08C924E1E731}"/>
          </ac:spMkLst>
        </pc:spChg>
        <pc:spChg chg="mod">
          <ac:chgData name="White, Alex" userId="eff6cc8c-37d8-483b-9c6c-6b27e9afa9bc" providerId="ADAL" clId="{BF04C754-5BF4-4E83-9615-DB14FA25AF8A}" dt="2023-10-12T11:37:11.898" v="280"/>
          <ac:spMkLst>
            <pc:docMk/>
            <pc:sldMk cId="2376958513" sldId="260"/>
            <ac:spMk id="1195" creationId="{E34E7738-20B4-4A0A-783A-F7F34DCB84A0}"/>
          </ac:spMkLst>
        </pc:spChg>
        <pc:spChg chg="mod">
          <ac:chgData name="White, Alex" userId="eff6cc8c-37d8-483b-9c6c-6b27e9afa9bc" providerId="ADAL" clId="{BF04C754-5BF4-4E83-9615-DB14FA25AF8A}" dt="2023-10-12T11:37:11.898" v="280"/>
          <ac:spMkLst>
            <pc:docMk/>
            <pc:sldMk cId="2376958513" sldId="260"/>
            <ac:spMk id="1196" creationId="{454C2F1C-3CE8-EB9E-7BA9-2493725805B3}"/>
          </ac:spMkLst>
        </pc:spChg>
        <pc:spChg chg="mod">
          <ac:chgData name="White, Alex" userId="eff6cc8c-37d8-483b-9c6c-6b27e9afa9bc" providerId="ADAL" clId="{BF04C754-5BF4-4E83-9615-DB14FA25AF8A}" dt="2023-10-12T11:37:11.898" v="280"/>
          <ac:spMkLst>
            <pc:docMk/>
            <pc:sldMk cId="2376958513" sldId="260"/>
            <ac:spMk id="1197" creationId="{A0ECDFC4-53EB-74B7-034D-0795252E95E4}"/>
          </ac:spMkLst>
        </pc:spChg>
        <pc:spChg chg="mod">
          <ac:chgData name="White, Alex" userId="eff6cc8c-37d8-483b-9c6c-6b27e9afa9bc" providerId="ADAL" clId="{BF04C754-5BF4-4E83-9615-DB14FA25AF8A}" dt="2023-10-12T11:37:11.898" v="280"/>
          <ac:spMkLst>
            <pc:docMk/>
            <pc:sldMk cId="2376958513" sldId="260"/>
            <ac:spMk id="1198" creationId="{6E959B02-E23A-2223-8836-7AADAFE16628}"/>
          </ac:spMkLst>
        </pc:spChg>
        <pc:spChg chg="mod">
          <ac:chgData name="White, Alex" userId="eff6cc8c-37d8-483b-9c6c-6b27e9afa9bc" providerId="ADAL" clId="{BF04C754-5BF4-4E83-9615-DB14FA25AF8A}" dt="2023-10-12T11:37:11.898" v="280"/>
          <ac:spMkLst>
            <pc:docMk/>
            <pc:sldMk cId="2376958513" sldId="260"/>
            <ac:spMk id="1199" creationId="{0BEC7D33-E2A6-4A4D-B3A1-626A82EE6AFD}"/>
          </ac:spMkLst>
        </pc:spChg>
        <pc:spChg chg="mod">
          <ac:chgData name="White, Alex" userId="eff6cc8c-37d8-483b-9c6c-6b27e9afa9bc" providerId="ADAL" clId="{BF04C754-5BF4-4E83-9615-DB14FA25AF8A}" dt="2023-10-12T11:37:11.898" v="280"/>
          <ac:spMkLst>
            <pc:docMk/>
            <pc:sldMk cId="2376958513" sldId="260"/>
            <ac:spMk id="1200" creationId="{F6B3E195-5540-811C-4271-3168A5C2DA58}"/>
          </ac:spMkLst>
        </pc:spChg>
        <pc:spChg chg="mod">
          <ac:chgData name="White, Alex" userId="eff6cc8c-37d8-483b-9c6c-6b27e9afa9bc" providerId="ADAL" clId="{BF04C754-5BF4-4E83-9615-DB14FA25AF8A}" dt="2023-10-12T11:37:11.898" v="280"/>
          <ac:spMkLst>
            <pc:docMk/>
            <pc:sldMk cId="2376958513" sldId="260"/>
            <ac:spMk id="1201" creationId="{0756E5F9-336E-65BE-DB49-4DD1B4033B8D}"/>
          </ac:spMkLst>
        </pc:spChg>
        <pc:spChg chg="mod">
          <ac:chgData name="White, Alex" userId="eff6cc8c-37d8-483b-9c6c-6b27e9afa9bc" providerId="ADAL" clId="{BF04C754-5BF4-4E83-9615-DB14FA25AF8A}" dt="2023-10-12T11:37:11.898" v="280"/>
          <ac:spMkLst>
            <pc:docMk/>
            <pc:sldMk cId="2376958513" sldId="260"/>
            <ac:spMk id="1202" creationId="{D9EFE634-2830-858C-EC6F-5C40CFC2528F}"/>
          </ac:spMkLst>
        </pc:spChg>
        <pc:spChg chg="mod">
          <ac:chgData name="White, Alex" userId="eff6cc8c-37d8-483b-9c6c-6b27e9afa9bc" providerId="ADAL" clId="{BF04C754-5BF4-4E83-9615-DB14FA25AF8A}" dt="2023-10-12T11:37:11.898" v="280"/>
          <ac:spMkLst>
            <pc:docMk/>
            <pc:sldMk cId="2376958513" sldId="260"/>
            <ac:spMk id="1203" creationId="{05DA48ED-5A80-E304-EF25-0031409D9D25}"/>
          </ac:spMkLst>
        </pc:spChg>
        <pc:spChg chg="mod">
          <ac:chgData name="White, Alex" userId="eff6cc8c-37d8-483b-9c6c-6b27e9afa9bc" providerId="ADAL" clId="{BF04C754-5BF4-4E83-9615-DB14FA25AF8A}" dt="2023-10-12T11:37:11.898" v="280"/>
          <ac:spMkLst>
            <pc:docMk/>
            <pc:sldMk cId="2376958513" sldId="260"/>
            <ac:spMk id="1204" creationId="{350093DA-86FA-BB1C-9C7B-145BADCE8BB6}"/>
          </ac:spMkLst>
        </pc:spChg>
        <pc:spChg chg="mod">
          <ac:chgData name="White, Alex" userId="eff6cc8c-37d8-483b-9c6c-6b27e9afa9bc" providerId="ADAL" clId="{BF04C754-5BF4-4E83-9615-DB14FA25AF8A}" dt="2023-10-12T11:37:11.898" v="280"/>
          <ac:spMkLst>
            <pc:docMk/>
            <pc:sldMk cId="2376958513" sldId="260"/>
            <ac:spMk id="1205" creationId="{7FC6FECA-B677-504D-70B2-147A2FB6A467}"/>
          </ac:spMkLst>
        </pc:spChg>
        <pc:spChg chg="mod">
          <ac:chgData name="White, Alex" userId="eff6cc8c-37d8-483b-9c6c-6b27e9afa9bc" providerId="ADAL" clId="{BF04C754-5BF4-4E83-9615-DB14FA25AF8A}" dt="2023-10-12T11:37:11.898" v="280"/>
          <ac:spMkLst>
            <pc:docMk/>
            <pc:sldMk cId="2376958513" sldId="260"/>
            <ac:spMk id="1206" creationId="{D5245623-50D0-B7CE-5187-59F3B1E5062F}"/>
          </ac:spMkLst>
        </pc:spChg>
        <pc:spChg chg="mod">
          <ac:chgData name="White, Alex" userId="eff6cc8c-37d8-483b-9c6c-6b27e9afa9bc" providerId="ADAL" clId="{BF04C754-5BF4-4E83-9615-DB14FA25AF8A}" dt="2023-10-12T11:37:11.898" v="280"/>
          <ac:spMkLst>
            <pc:docMk/>
            <pc:sldMk cId="2376958513" sldId="260"/>
            <ac:spMk id="1207" creationId="{5BCF8AAB-1D67-A3AB-609F-AB296991849C}"/>
          </ac:spMkLst>
        </pc:spChg>
        <pc:spChg chg="mod">
          <ac:chgData name="White, Alex" userId="eff6cc8c-37d8-483b-9c6c-6b27e9afa9bc" providerId="ADAL" clId="{BF04C754-5BF4-4E83-9615-DB14FA25AF8A}" dt="2023-10-12T11:37:11.898" v="280"/>
          <ac:spMkLst>
            <pc:docMk/>
            <pc:sldMk cId="2376958513" sldId="260"/>
            <ac:spMk id="1208" creationId="{BF437BF5-7B80-EE16-4269-F1850B8D1975}"/>
          </ac:spMkLst>
        </pc:spChg>
        <pc:spChg chg="mod">
          <ac:chgData name="White, Alex" userId="eff6cc8c-37d8-483b-9c6c-6b27e9afa9bc" providerId="ADAL" clId="{BF04C754-5BF4-4E83-9615-DB14FA25AF8A}" dt="2023-10-12T11:37:11.898" v="280"/>
          <ac:spMkLst>
            <pc:docMk/>
            <pc:sldMk cId="2376958513" sldId="260"/>
            <ac:spMk id="1209" creationId="{EBE002F0-0539-E08E-5371-791BA6A220F6}"/>
          </ac:spMkLst>
        </pc:spChg>
        <pc:spChg chg="mod">
          <ac:chgData name="White, Alex" userId="eff6cc8c-37d8-483b-9c6c-6b27e9afa9bc" providerId="ADAL" clId="{BF04C754-5BF4-4E83-9615-DB14FA25AF8A}" dt="2023-10-12T11:37:11.898" v="280"/>
          <ac:spMkLst>
            <pc:docMk/>
            <pc:sldMk cId="2376958513" sldId="260"/>
            <ac:spMk id="1210" creationId="{91CC7F87-900E-9DFA-9BBE-9FD26236B937}"/>
          </ac:spMkLst>
        </pc:spChg>
        <pc:spChg chg="mod">
          <ac:chgData name="White, Alex" userId="eff6cc8c-37d8-483b-9c6c-6b27e9afa9bc" providerId="ADAL" clId="{BF04C754-5BF4-4E83-9615-DB14FA25AF8A}" dt="2023-10-12T11:37:11.898" v="280"/>
          <ac:spMkLst>
            <pc:docMk/>
            <pc:sldMk cId="2376958513" sldId="260"/>
            <ac:spMk id="1211" creationId="{05D69FF0-9B7D-27A0-5A0C-1ECB9C9FD14E}"/>
          </ac:spMkLst>
        </pc:spChg>
        <pc:spChg chg="mod">
          <ac:chgData name="White, Alex" userId="eff6cc8c-37d8-483b-9c6c-6b27e9afa9bc" providerId="ADAL" clId="{BF04C754-5BF4-4E83-9615-DB14FA25AF8A}" dt="2023-10-12T11:37:11.898" v="280"/>
          <ac:spMkLst>
            <pc:docMk/>
            <pc:sldMk cId="2376958513" sldId="260"/>
            <ac:spMk id="1212" creationId="{739D3DF8-F1D7-C3CD-4666-29EE5FF4ABC0}"/>
          </ac:spMkLst>
        </pc:spChg>
        <pc:spChg chg="mod">
          <ac:chgData name="White, Alex" userId="eff6cc8c-37d8-483b-9c6c-6b27e9afa9bc" providerId="ADAL" clId="{BF04C754-5BF4-4E83-9615-DB14FA25AF8A}" dt="2023-10-12T11:37:11.898" v="280"/>
          <ac:spMkLst>
            <pc:docMk/>
            <pc:sldMk cId="2376958513" sldId="260"/>
            <ac:spMk id="1213" creationId="{49FB79E1-3DC0-C738-15C0-BF8832B9A536}"/>
          </ac:spMkLst>
        </pc:spChg>
        <pc:spChg chg="mod">
          <ac:chgData name="White, Alex" userId="eff6cc8c-37d8-483b-9c6c-6b27e9afa9bc" providerId="ADAL" clId="{BF04C754-5BF4-4E83-9615-DB14FA25AF8A}" dt="2023-10-12T11:37:11.898" v="280"/>
          <ac:spMkLst>
            <pc:docMk/>
            <pc:sldMk cId="2376958513" sldId="260"/>
            <ac:spMk id="1214" creationId="{1647D488-CB05-938D-C17B-5579B3CB68DF}"/>
          </ac:spMkLst>
        </pc:spChg>
        <pc:spChg chg="mod">
          <ac:chgData name="White, Alex" userId="eff6cc8c-37d8-483b-9c6c-6b27e9afa9bc" providerId="ADAL" clId="{BF04C754-5BF4-4E83-9615-DB14FA25AF8A}" dt="2023-10-12T11:37:11.898" v="280"/>
          <ac:spMkLst>
            <pc:docMk/>
            <pc:sldMk cId="2376958513" sldId="260"/>
            <ac:spMk id="1215" creationId="{10AACB51-7703-29F9-A54B-5EEFDDF9CB50}"/>
          </ac:spMkLst>
        </pc:spChg>
        <pc:spChg chg="mod">
          <ac:chgData name="White, Alex" userId="eff6cc8c-37d8-483b-9c6c-6b27e9afa9bc" providerId="ADAL" clId="{BF04C754-5BF4-4E83-9615-DB14FA25AF8A}" dt="2023-10-12T11:37:11.898" v="280"/>
          <ac:spMkLst>
            <pc:docMk/>
            <pc:sldMk cId="2376958513" sldId="260"/>
            <ac:spMk id="1216" creationId="{6B0D56A4-8B9B-8B06-996B-0C6100C71409}"/>
          </ac:spMkLst>
        </pc:spChg>
        <pc:spChg chg="mod">
          <ac:chgData name="White, Alex" userId="eff6cc8c-37d8-483b-9c6c-6b27e9afa9bc" providerId="ADAL" clId="{BF04C754-5BF4-4E83-9615-DB14FA25AF8A}" dt="2023-10-12T11:37:11.898" v="280"/>
          <ac:spMkLst>
            <pc:docMk/>
            <pc:sldMk cId="2376958513" sldId="260"/>
            <ac:spMk id="1217" creationId="{413AACA6-9291-8BFB-ADFB-A367F16E50CE}"/>
          </ac:spMkLst>
        </pc:spChg>
        <pc:spChg chg="mod">
          <ac:chgData name="White, Alex" userId="eff6cc8c-37d8-483b-9c6c-6b27e9afa9bc" providerId="ADAL" clId="{BF04C754-5BF4-4E83-9615-DB14FA25AF8A}" dt="2023-10-12T11:37:11.898" v="280"/>
          <ac:spMkLst>
            <pc:docMk/>
            <pc:sldMk cId="2376958513" sldId="260"/>
            <ac:spMk id="1218" creationId="{90DA2CDC-EACD-3C74-8049-C4FE892ED529}"/>
          </ac:spMkLst>
        </pc:spChg>
        <pc:spChg chg="mod">
          <ac:chgData name="White, Alex" userId="eff6cc8c-37d8-483b-9c6c-6b27e9afa9bc" providerId="ADAL" clId="{BF04C754-5BF4-4E83-9615-DB14FA25AF8A}" dt="2023-10-12T11:37:11.898" v="280"/>
          <ac:spMkLst>
            <pc:docMk/>
            <pc:sldMk cId="2376958513" sldId="260"/>
            <ac:spMk id="1219" creationId="{DFDAFC78-AABE-312E-9C18-654D5CE2AD2E}"/>
          </ac:spMkLst>
        </pc:spChg>
        <pc:spChg chg="mod">
          <ac:chgData name="White, Alex" userId="eff6cc8c-37d8-483b-9c6c-6b27e9afa9bc" providerId="ADAL" clId="{BF04C754-5BF4-4E83-9615-DB14FA25AF8A}" dt="2023-10-12T11:37:11.898" v="280"/>
          <ac:spMkLst>
            <pc:docMk/>
            <pc:sldMk cId="2376958513" sldId="260"/>
            <ac:spMk id="1220" creationId="{5BF18DF9-6C84-BC50-EBF2-1862B64B1BD1}"/>
          </ac:spMkLst>
        </pc:spChg>
        <pc:spChg chg="mod">
          <ac:chgData name="White, Alex" userId="eff6cc8c-37d8-483b-9c6c-6b27e9afa9bc" providerId="ADAL" clId="{BF04C754-5BF4-4E83-9615-DB14FA25AF8A}" dt="2023-10-12T11:37:11.898" v="280"/>
          <ac:spMkLst>
            <pc:docMk/>
            <pc:sldMk cId="2376958513" sldId="260"/>
            <ac:spMk id="1221" creationId="{C235F65D-70A2-7451-A5A8-6706AC3E43F4}"/>
          </ac:spMkLst>
        </pc:spChg>
        <pc:spChg chg="mod">
          <ac:chgData name="White, Alex" userId="eff6cc8c-37d8-483b-9c6c-6b27e9afa9bc" providerId="ADAL" clId="{BF04C754-5BF4-4E83-9615-DB14FA25AF8A}" dt="2023-10-12T11:37:11.898" v="280"/>
          <ac:spMkLst>
            <pc:docMk/>
            <pc:sldMk cId="2376958513" sldId="260"/>
            <ac:spMk id="1222" creationId="{AF68524E-8627-A09D-DD17-5E025232A5B8}"/>
          </ac:spMkLst>
        </pc:spChg>
        <pc:spChg chg="mod">
          <ac:chgData name="White, Alex" userId="eff6cc8c-37d8-483b-9c6c-6b27e9afa9bc" providerId="ADAL" clId="{BF04C754-5BF4-4E83-9615-DB14FA25AF8A}" dt="2023-10-12T11:37:11.898" v="280"/>
          <ac:spMkLst>
            <pc:docMk/>
            <pc:sldMk cId="2376958513" sldId="260"/>
            <ac:spMk id="1223" creationId="{E9BDCDC9-A013-A7DF-D2C9-80D714188C9C}"/>
          </ac:spMkLst>
        </pc:spChg>
        <pc:spChg chg="mod">
          <ac:chgData name="White, Alex" userId="eff6cc8c-37d8-483b-9c6c-6b27e9afa9bc" providerId="ADAL" clId="{BF04C754-5BF4-4E83-9615-DB14FA25AF8A}" dt="2023-10-12T11:37:11.898" v="280"/>
          <ac:spMkLst>
            <pc:docMk/>
            <pc:sldMk cId="2376958513" sldId="260"/>
            <ac:spMk id="1224" creationId="{EE0B414C-49E8-F95A-EC69-376EB8D9374D}"/>
          </ac:spMkLst>
        </pc:spChg>
        <pc:spChg chg="mod">
          <ac:chgData name="White, Alex" userId="eff6cc8c-37d8-483b-9c6c-6b27e9afa9bc" providerId="ADAL" clId="{BF04C754-5BF4-4E83-9615-DB14FA25AF8A}" dt="2023-10-12T11:37:11.898" v="280"/>
          <ac:spMkLst>
            <pc:docMk/>
            <pc:sldMk cId="2376958513" sldId="260"/>
            <ac:spMk id="1225" creationId="{2692DC33-CD33-C199-96A6-50CC4F91F988}"/>
          </ac:spMkLst>
        </pc:spChg>
        <pc:spChg chg="mod">
          <ac:chgData name="White, Alex" userId="eff6cc8c-37d8-483b-9c6c-6b27e9afa9bc" providerId="ADAL" clId="{BF04C754-5BF4-4E83-9615-DB14FA25AF8A}" dt="2023-10-12T11:37:11.898" v="280"/>
          <ac:spMkLst>
            <pc:docMk/>
            <pc:sldMk cId="2376958513" sldId="260"/>
            <ac:spMk id="1226" creationId="{0E7ADFE8-AB16-CA23-B4EB-12F86965B5D1}"/>
          </ac:spMkLst>
        </pc:spChg>
        <pc:spChg chg="mod">
          <ac:chgData name="White, Alex" userId="eff6cc8c-37d8-483b-9c6c-6b27e9afa9bc" providerId="ADAL" clId="{BF04C754-5BF4-4E83-9615-DB14FA25AF8A}" dt="2023-10-12T11:37:11.898" v="280"/>
          <ac:spMkLst>
            <pc:docMk/>
            <pc:sldMk cId="2376958513" sldId="260"/>
            <ac:spMk id="1227" creationId="{FF1262E2-89B5-8A3E-62ED-27A928452432}"/>
          </ac:spMkLst>
        </pc:spChg>
        <pc:spChg chg="mod">
          <ac:chgData name="White, Alex" userId="eff6cc8c-37d8-483b-9c6c-6b27e9afa9bc" providerId="ADAL" clId="{BF04C754-5BF4-4E83-9615-DB14FA25AF8A}" dt="2023-10-12T11:37:11.898" v="280"/>
          <ac:spMkLst>
            <pc:docMk/>
            <pc:sldMk cId="2376958513" sldId="260"/>
            <ac:spMk id="1228" creationId="{134CF928-76B0-FE95-B23C-919A81DB17EB}"/>
          </ac:spMkLst>
        </pc:spChg>
        <pc:spChg chg="mod">
          <ac:chgData name="White, Alex" userId="eff6cc8c-37d8-483b-9c6c-6b27e9afa9bc" providerId="ADAL" clId="{BF04C754-5BF4-4E83-9615-DB14FA25AF8A}" dt="2023-10-12T11:37:11.898" v="280"/>
          <ac:spMkLst>
            <pc:docMk/>
            <pc:sldMk cId="2376958513" sldId="260"/>
            <ac:spMk id="1229" creationId="{C177B75F-9059-CEC8-75C6-2B9CB1EBC141}"/>
          </ac:spMkLst>
        </pc:spChg>
        <pc:spChg chg="mod">
          <ac:chgData name="White, Alex" userId="eff6cc8c-37d8-483b-9c6c-6b27e9afa9bc" providerId="ADAL" clId="{BF04C754-5BF4-4E83-9615-DB14FA25AF8A}" dt="2023-10-12T11:37:11.898" v="280"/>
          <ac:spMkLst>
            <pc:docMk/>
            <pc:sldMk cId="2376958513" sldId="260"/>
            <ac:spMk id="1230" creationId="{2AFF6C21-B3CB-DC5D-1787-F92829E3B9A1}"/>
          </ac:spMkLst>
        </pc:spChg>
        <pc:spChg chg="mod">
          <ac:chgData name="White, Alex" userId="eff6cc8c-37d8-483b-9c6c-6b27e9afa9bc" providerId="ADAL" clId="{BF04C754-5BF4-4E83-9615-DB14FA25AF8A}" dt="2023-10-12T11:37:11.898" v="280"/>
          <ac:spMkLst>
            <pc:docMk/>
            <pc:sldMk cId="2376958513" sldId="260"/>
            <ac:spMk id="1231" creationId="{D30FC31F-09DD-8732-DE56-F2DC76F51FB6}"/>
          </ac:spMkLst>
        </pc:spChg>
        <pc:spChg chg="mod">
          <ac:chgData name="White, Alex" userId="eff6cc8c-37d8-483b-9c6c-6b27e9afa9bc" providerId="ADAL" clId="{BF04C754-5BF4-4E83-9615-DB14FA25AF8A}" dt="2023-10-12T11:37:11.898" v="280"/>
          <ac:spMkLst>
            <pc:docMk/>
            <pc:sldMk cId="2376958513" sldId="260"/>
            <ac:spMk id="1232" creationId="{562B21AB-550D-2B9E-4C1E-B118D119F72D}"/>
          </ac:spMkLst>
        </pc:spChg>
        <pc:spChg chg="mod">
          <ac:chgData name="White, Alex" userId="eff6cc8c-37d8-483b-9c6c-6b27e9afa9bc" providerId="ADAL" clId="{BF04C754-5BF4-4E83-9615-DB14FA25AF8A}" dt="2023-10-12T11:37:11.898" v="280"/>
          <ac:spMkLst>
            <pc:docMk/>
            <pc:sldMk cId="2376958513" sldId="260"/>
            <ac:spMk id="1233" creationId="{660F8BDE-33A0-7D1C-97C3-A00A29FB2752}"/>
          </ac:spMkLst>
        </pc:spChg>
        <pc:spChg chg="mod">
          <ac:chgData name="White, Alex" userId="eff6cc8c-37d8-483b-9c6c-6b27e9afa9bc" providerId="ADAL" clId="{BF04C754-5BF4-4E83-9615-DB14FA25AF8A}" dt="2023-10-12T11:37:11.898" v="280"/>
          <ac:spMkLst>
            <pc:docMk/>
            <pc:sldMk cId="2376958513" sldId="260"/>
            <ac:spMk id="1234" creationId="{155E8624-A29D-1024-A4B3-228DAE5793E9}"/>
          </ac:spMkLst>
        </pc:spChg>
        <pc:spChg chg="mod">
          <ac:chgData name="White, Alex" userId="eff6cc8c-37d8-483b-9c6c-6b27e9afa9bc" providerId="ADAL" clId="{BF04C754-5BF4-4E83-9615-DB14FA25AF8A}" dt="2023-10-12T11:37:11.898" v="280"/>
          <ac:spMkLst>
            <pc:docMk/>
            <pc:sldMk cId="2376958513" sldId="260"/>
            <ac:spMk id="1235" creationId="{06E34879-31A3-AEB3-83BC-6EBCA3B2D978}"/>
          </ac:spMkLst>
        </pc:spChg>
        <pc:spChg chg="mod">
          <ac:chgData name="White, Alex" userId="eff6cc8c-37d8-483b-9c6c-6b27e9afa9bc" providerId="ADAL" clId="{BF04C754-5BF4-4E83-9615-DB14FA25AF8A}" dt="2023-10-12T11:37:11.898" v="280"/>
          <ac:spMkLst>
            <pc:docMk/>
            <pc:sldMk cId="2376958513" sldId="260"/>
            <ac:spMk id="1236" creationId="{DB4A416C-A6D8-31A3-B21D-1C0D84B064A7}"/>
          </ac:spMkLst>
        </pc:spChg>
        <pc:spChg chg="mod">
          <ac:chgData name="White, Alex" userId="eff6cc8c-37d8-483b-9c6c-6b27e9afa9bc" providerId="ADAL" clId="{BF04C754-5BF4-4E83-9615-DB14FA25AF8A}" dt="2023-10-12T11:37:11.898" v="280"/>
          <ac:spMkLst>
            <pc:docMk/>
            <pc:sldMk cId="2376958513" sldId="260"/>
            <ac:spMk id="1237" creationId="{14230A41-457E-1E8C-3CCA-D88883B3FF0D}"/>
          </ac:spMkLst>
        </pc:spChg>
        <pc:spChg chg="mod">
          <ac:chgData name="White, Alex" userId="eff6cc8c-37d8-483b-9c6c-6b27e9afa9bc" providerId="ADAL" clId="{BF04C754-5BF4-4E83-9615-DB14FA25AF8A}" dt="2023-10-12T11:37:11.898" v="280"/>
          <ac:spMkLst>
            <pc:docMk/>
            <pc:sldMk cId="2376958513" sldId="260"/>
            <ac:spMk id="1238" creationId="{CCE7BA5D-5DB2-7570-32E7-43F081A44487}"/>
          </ac:spMkLst>
        </pc:spChg>
        <pc:spChg chg="mod">
          <ac:chgData name="White, Alex" userId="eff6cc8c-37d8-483b-9c6c-6b27e9afa9bc" providerId="ADAL" clId="{BF04C754-5BF4-4E83-9615-DB14FA25AF8A}" dt="2023-10-12T11:37:11.898" v="280"/>
          <ac:spMkLst>
            <pc:docMk/>
            <pc:sldMk cId="2376958513" sldId="260"/>
            <ac:spMk id="1239" creationId="{5B50269A-E348-2B54-1AF7-CD407D9F85EB}"/>
          </ac:spMkLst>
        </pc:spChg>
        <pc:spChg chg="mod">
          <ac:chgData name="White, Alex" userId="eff6cc8c-37d8-483b-9c6c-6b27e9afa9bc" providerId="ADAL" clId="{BF04C754-5BF4-4E83-9615-DB14FA25AF8A}" dt="2023-10-12T11:37:11.898" v="280"/>
          <ac:spMkLst>
            <pc:docMk/>
            <pc:sldMk cId="2376958513" sldId="260"/>
            <ac:spMk id="1240" creationId="{D1D2067D-001A-9881-FE36-530E3AB37971}"/>
          </ac:spMkLst>
        </pc:spChg>
        <pc:spChg chg="mod">
          <ac:chgData name="White, Alex" userId="eff6cc8c-37d8-483b-9c6c-6b27e9afa9bc" providerId="ADAL" clId="{BF04C754-5BF4-4E83-9615-DB14FA25AF8A}" dt="2023-10-12T11:37:11.898" v="280"/>
          <ac:spMkLst>
            <pc:docMk/>
            <pc:sldMk cId="2376958513" sldId="260"/>
            <ac:spMk id="1241" creationId="{484A16E9-0DF5-9603-97BE-0733A88A9D91}"/>
          </ac:spMkLst>
        </pc:spChg>
        <pc:spChg chg="mod">
          <ac:chgData name="White, Alex" userId="eff6cc8c-37d8-483b-9c6c-6b27e9afa9bc" providerId="ADAL" clId="{BF04C754-5BF4-4E83-9615-DB14FA25AF8A}" dt="2023-10-12T11:37:11.898" v="280"/>
          <ac:spMkLst>
            <pc:docMk/>
            <pc:sldMk cId="2376958513" sldId="260"/>
            <ac:spMk id="1242" creationId="{D5571E82-CCDE-1586-5E4F-37F3A10842E3}"/>
          </ac:spMkLst>
        </pc:spChg>
        <pc:spChg chg="mod">
          <ac:chgData name="White, Alex" userId="eff6cc8c-37d8-483b-9c6c-6b27e9afa9bc" providerId="ADAL" clId="{BF04C754-5BF4-4E83-9615-DB14FA25AF8A}" dt="2023-10-12T11:37:11.898" v="280"/>
          <ac:spMkLst>
            <pc:docMk/>
            <pc:sldMk cId="2376958513" sldId="260"/>
            <ac:spMk id="1243" creationId="{73BCE3DE-2DFC-BC1E-5429-2805D34DE077}"/>
          </ac:spMkLst>
        </pc:spChg>
        <pc:spChg chg="mod">
          <ac:chgData name="White, Alex" userId="eff6cc8c-37d8-483b-9c6c-6b27e9afa9bc" providerId="ADAL" clId="{BF04C754-5BF4-4E83-9615-DB14FA25AF8A}" dt="2023-10-12T11:37:11.898" v="280"/>
          <ac:spMkLst>
            <pc:docMk/>
            <pc:sldMk cId="2376958513" sldId="260"/>
            <ac:spMk id="1244" creationId="{65DF4AFF-3B79-37A4-3E9A-A6ABD1BF4152}"/>
          </ac:spMkLst>
        </pc:spChg>
        <pc:spChg chg="mod">
          <ac:chgData name="White, Alex" userId="eff6cc8c-37d8-483b-9c6c-6b27e9afa9bc" providerId="ADAL" clId="{BF04C754-5BF4-4E83-9615-DB14FA25AF8A}" dt="2023-10-12T11:37:11.898" v="280"/>
          <ac:spMkLst>
            <pc:docMk/>
            <pc:sldMk cId="2376958513" sldId="260"/>
            <ac:spMk id="1245" creationId="{21E661EC-3F58-9ADD-0152-5DDA28F61E78}"/>
          </ac:spMkLst>
        </pc:spChg>
        <pc:spChg chg="mod">
          <ac:chgData name="White, Alex" userId="eff6cc8c-37d8-483b-9c6c-6b27e9afa9bc" providerId="ADAL" clId="{BF04C754-5BF4-4E83-9615-DB14FA25AF8A}" dt="2023-10-12T11:37:11.898" v="280"/>
          <ac:spMkLst>
            <pc:docMk/>
            <pc:sldMk cId="2376958513" sldId="260"/>
            <ac:spMk id="1246" creationId="{D60FD167-2ECA-896A-647A-3E9F47810156}"/>
          </ac:spMkLst>
        </pc:spChg>
        <pc:spChg chg="mod">
          <ac:chgData name="White, Alex" userId="eff6cc8c-37d8-483b-9c6c-6b27e9afa9bc" providerId="ADAL" clId="{BF04C754-5BF4-4E83-9615-DB14FA25AF8A}" dt="2023-10-12T11:37:11.898" v="280"/>
          <ac:spMkLst>
            <pc:docMk/>
            <pc:sldMk cId="2376958513" sldId="260"/>
            <ac:spMk id="1247" creationId="{78F602C0-8114-4B6F-A1C6-3DED13AC05C1}"/>
          </ac:spMkLst>
        </pc:spChg>
        <pc:spChg chg="mod">
          <ac:chgData name="White, Alex" userId="eff6cc8c-37d8-483b-9c6c-6b27e9afa9bc" providerId="ADAL" clId="{BF04C754-5BF4-4E83-9615-DB14FA25AF8A}" dt="2023-10-12T11:37:11.898" v="280"/>
          <ac:spMkLst>
            <pc:docMk/>
            <pc:sldMk cId="2376958513" sldId="260"/>
            <ac:spMk id="1248" creationId="{1F8B4470-01D2-7842-3242-36098A705E6D}"/>
          </ac:spMkLst>
        </pc:spChg>
        <pc:spChg chg="mod">
          <ac:chgData name="White, Alex" userId="eff6cc8c-37d8-483b-9c6c-6b27e9afa9bc" providerId="ADAL" clId="{BF04C754-5BF4-4E83-9615-DB14FA25AF8A}" dt="2023-10-12T11:37:11.898" v="280"/>
          <ac:spMkLst>
            <pc:docMk/>
            <pc:sldMk cId="2376958513" sldId="260"/>
            <ac:spMk id="1249" creationId="{7DD3AFF7-8418-5C25-B23A-73B3EDA150A3}"/>
          </ac:spMkLst>
        </pc:spChg>
        <pc:spChg chg="mod">
          <ac:chgData name="White, Alex" userId="eff6cc8c-37d8-483b-9c6c-6b27e9afa9bc" providerId="ADAL" clId="{BF04C754-5BF4-4E83-9615-DB14FA25AF8A}" dt="2023-10-12T11:37:11.898" v="280"/>
          <ac:spMkLst>
            <pc:docMk/>
            <pc:sldMk cId="2376958513" sldId="260"/>
            <ac:spMk id="1250" creationId="{891ACAEA-7A86-F95B-F339-126C9D714ACD}"/>
          </ac:spMkLst>
        </pc:spChg>
        <pc:spChg chg="mod">
          <ac:chgData name="White, Alex" userId="eff6cc8c-37d8-483b-9c6c-6b27e9afa9bc" providerId="ADAL" clId="{BF04C754-5BF4-4E83-9615-DB14FA25AF8A}" dt="2023-10-12T11:37:11.898" v="280"/>
          <ac:spMkLst>
            <pc:docMk/>
            <pc:sldMk cId="2376958513" sldId="260"/>
            <ac:spMk id="1251" creationId="{DC866082-2516-85E1-F442-50E719EA5758}"/>
          </ac:spMkLst>
        </pc:spChg>
        <pc:spChg chg="mod">
          <ac:chgData name="White, Alex" userId="eff6cc8c-37d8-483b-9c6c-6b27e9afa9bc" providerId="ADAL" clId="{BF04C754-5BF4-4E83-9615-DB14FA25AF8A}" dt="2023-10-12T11:37:11.898" v="280"/>
          <ac:spMkLst>
            <pc:docMk/>
            <pc:sldMk cId="2376958513" sldId="260"/>
            <ac:spMk id="1252" creationId="{9B3B85FA-21DA-AB6E-53F2-C4528FA0335D}"/>
          </ac:spMkLst>
        </pc:spChg>
        <pc:spChg chg="mod">
          <ac:chgData name="White, Alex" userId="eff6cc8c-37d8-483b-9c6c-6b27e9afa9bc" providerId="ADAL" clId="{BF04C754-5BF4-4E83-9615-DB14FA25AF8A}" dt="2023-10-12T11:37:11.898" v="280"/>
          <ac:spMkLst>
            <pc:docMk/>
            <pc:sldMk cId="2376958513" sldId="260"/>
            <ac:spMk id="1253" creationId="{24D21722-0A49-ADBB-502F-27992001C3B0}"/>
          </ac:spMkLst>
        </pc:spChg>
        <pc:spChg chg="mod">
          <ac:chgData name="White, Alex" userId="eff6cc8c-37d8-483b-9c6c-6b27e9afa9bc" providerId="ADAL" clId="{BF04C754-5BF4-4E83-9615-DB14FA25AF8A}" dt="2023-10-12T11:37:11.898" v="280"/>
          <ac:spMkLst>
            <pc:docMk/>
            <pc:sldMk cId="2376958513" sldId="260"/>
            <ac:spMk id="1254" creationId="{04481226-38D5-DE45-1386-3F7A103FFB47}"/>
          </ac:spMkLst>
        </pc:spChg>
        <pc:spChg chg="mod">
          <ac:chgData name="White, Alex" userId="eff6cc8c-37d8-483b-9c6c-6b27e9afa9bc" providerId="ADAL" clId="{BF04C754-5BF4-4E83-9615-DB14FA25AF8A}" dt="2023-10-12T11:37:11.898" v="280"/>
          <ac:spMkLst>
            <pc:docMk/>
            <pc:sldMk cId="2376958513" sldId="260"/>
            <ac:spMk id="1255" creationId="{4912A7E3-1586-F312-59A8-D1BCEBC6C881}"/>
          </ac:spMkLst>
        </pc:spChg>
        <pc:spChg chg="mod">
          <ac:chgData name="White, Alex" userId="eff6cc8c-37d8-483b-9c6c-6b27e9afa9bc" providerId="ADAL" clId="{BF04C754-5BF4-4E83-9615-DB14FA25AF8A}" dt="2023-10-12T11:37:11.898" v="280"/>
          <ac:spMkLst>
            <pc:docMk/>
            <pc:sldMk cId="2376958513" sldId="260"/>
            <ac:spMk id="1256" creationId="{AD04B4D8-3A19-B7D8-D9C4-6E4CBD969F39}"/>
          </ac:spMkLst>
        </pc:spChg>
        <pc:spChg chg="mod">
          <ac:chgData name="White, Alex" userId="eff6cc8c-37d8-483b-9c6c-6b27e9afa9bc" providerId="ADAL" clId="{BF04C754-5BF4-4E83-9615-DB14FA25AF8A}" dt="2023-10-12T11:37:11.898" v="280"/>
          <ac:spMkLst>
            <pc:docMk/>
            <pc:sldMk cId="2376958513" sldId="260"/>
            <ac:spMk id="1257" creationId="{41F57887-7C4A-EB1D-4624-764C61898303}"/>
          </ac:spMkLst>
        </pc:spChg>
        <pc:spChg chg="mod">
          <ac:chgData name="White, Alex" userId="eff6cc8c-37d8-483b-9c6c-6b27e9afa9bc" providerId="ADAL" clId="{BF04C754-5BF4-4E83-9615-DB14FA25AF8A}" dt="2023-10-12T11:37:11.898" v="280"/>
          <ac:spMkLst>
            <pc:docMk/>
            <pc:sldMk cId="2376958513" sldId="260"/>
            <ac:spMk id="1258" creationId="{C8DFCF08-FA8A-4F3C-868A-92EAE51A1000}"/>
          </ac:spMkLst>
        </pc:spChg>
        <pc:spChg chg="mod">
          <ac:chgData name="White, Alex" userId="eff6cc8c-37d8-483b-9c6c-6b27e9afa9bc" providerId="ADAL" clId="{BF04C754-5BF4-4E83-9615-DB14FA25AF8A}" dt="2023-10-12T11:37:11.898" v="280"/>
          <ac:spMkLst>
            <pc:docMk/>
            <pc:sldMk cId="2376958513" sldId="260"/>
            <ac:spMk id="1259" creationId="{4FE68202-3D12-3937-4BCB-A93BC6306DBA}"/>
          </ac:spMkLst>
        </pc:spChg>
        <pc:spChg chg="mod">
          <ac:chgData name="White, Alex" userId="eff6cc8c-37d8-483b-9c6c-6b27e9afa9bc" providerId="ADAL" clId="{BF04C754-5BF4-4E83-9615-DB14FA25AF8A}" dt="2023-10-12T11:37:11.898" v="280"/>
          <ac:spMkLst>
            <pc:docMk/>
            <pc:sldMk cId="2376958513" sldId="260"/>
            <ac:spMk id="1260" creationId="{E4A52F8D-B0E1-3CE9-4CDF-85EF137AAEC0}"/>
          </ac:spMkLst>
        </pc:spChg>
        <pc:spChg chg="mod">
          <ac:chgData name="White, Alex" userId="eff6cc8c-37d8-483b-9c6c-6b27e9afa9bc" providerId="ADAL" clId="{BF04C754-5BF4-4E83-9615-DB14FA25AF8A}" dt="2023-10-12T11:37:11.898" v="280"/>
          <ac:spMkLst>
            <pc:docMk/>
            <pc:sldMk cId="2376958513" sldId="260"/>
            <ac:spMk id="1261" creationId="{4EB92964-82F3-205A-1A22-6DED9087A897}"/>
          </ac:spMkLst>
        </pc:spChg>
        <pc:spChg chg="mod">
          <ac:chgData name="White, Alex" userId="eff6cc8c-37d8-483b-9c6c-6b27e9afa9bc" providerId="ADAL" clId="{BF04C754-5BF4-4E83-9615-DB14FA25AF8A}" dt="2023-10-12T11:37:11.898" v="280"/>
          <ac:spMkLst>
            <pc:docMk/>
            <pc:sldMk cId="2376958513" sldId="260"/>
            <ac:spMk id="1262" creationId="{4786922B-2BA8-45C2-9FE3-F3B3A0214EB8}"/>
          </ac:spMkLst>
        </pc:spChg>
        <pc:spChg chg="mod">
          <ac:chgData name="White, Alex" userId="eff6cc8c-37d8-483b-9c6c-6b27e9afa9bc" providerId="ADAL" clId="{BF04C754-5BF4-4E83-9615-DB14FA25AF8A}" dt="2023-10-12T11:37:11.898" v="280"/>
          <ac:spMkLst>
            <pc:docMk/>
            <pc:sldMk cId="2376958513" sldId="260"/>
            <ac:spMk id="1263" creationId="{25272C4F-3F04-4B98-D421-CA3862247778}"/>
          </ac:spMkLst>
        </pc:spChg>
        <pc:spChg chg="mod">
          <ac:chgData name="White, Alex" userId="eff6cc8c-37d8-483b-9c6c-6b27e9afa9bc" providerId="ADAL" clId="{BF04C754-5BF4-4E83-9615-DB14FA25AF8A}" dt="2023-10-12T11:37:11.898" v="280"/>
          <ac:spMkLst>
            <pc:docMk/>
            <pc:sldMk cId="2376958513" sldId="260"/>
            <ac:spMk id="1264" creationId="{DBB50EA4-34D2-B08E-CFEF-B20896626F96}"/>
          </ac:spMkLst>
        </pc:spChg>
        <pc:spChg chg="mod">
          <ac:chgData name="White, Alex" userId="eff6cc8c-37d8-483b-9c6c-6b27e9afa9bc" providerId="ADAL" clId="{BF04C754-5BF4-4E83-9615-DB14FA25AF8A}" dt="2023-10-12T11:37:11.898" v="280"/>
          <ac:spMkLst>
            <pc:docMk/>
            <pc:sldMk cId="2376958513" sldId="260"/>
            <ac:spMk id="1265" creationId="{FB8C75B3-9F92-7592-E9CB-F1D6A814A71D}"/>
          </ac:spMkLst>
        </pc:spChg>
        <pc:spChg chg="mod">
          <ac:chgData name="White, Alex" userId="eff6cc8c-37d8-483b-9c6c-6b27e9afa9bc" providerId="ADAL" clId="{BF04C754-5BF4-4E83-9615-DB14FA25AF8A}" dt="2023-10-12T11:37:11.898" v="280"/>
          <ac:spMkLst>
            <pc:docMk/>
            <pc:sldMk cId="2376958513" sldId="260"/>
            <ac:spMk id="1266" creationId="{3E1E6507-F27E-20A8-942A-B8A44AB3D573}"/>
          </ac:spMkLst>
        </pc:spChg>
        <pc:spChg chg="mod">
          <ac:chgData name="White, Alex" userId="eff6cc8c-37d8-483b-9c6c-6b27e9afa9bc" providerId="ADAL" clId="{BF04C754-5BF4-4E83-9615-DB14FA25AF8A}" dt="2023-10-12T11:37:11.898" v="280"/>
          <ac:spMkLst>
            <pc:docMk/>
            <pc:sldMk cId="2376958513" sldId="260"/>
            <ac:spMk id="1267" creationId="{9EED3CB5-D636-36DA-2FF9-FE9BE015DD9C}"/>
          </ac:spMkLst>
        </pc:spChg>
        <pc:spChg chg="mod">
          <ac:chgData name="White, Alex" userId="eff6cc8c-37d8-483b-9c6c-6b27e9afa9bc" providerId="ADAL" clId="{BF04C754-5BF4-4E83-9615-DB14FA25AF8A}" dt="2023-10-12T11:37:11.898" v="280"/>
          <ac:spMkLst>
            <pc:docMk/>
            <pc:sldMk cId="2376958513" sldId="260"/>
            <ac:spMk id="1268" creationId="{47627736-CBF5-88E6-89E9-3D41CDF0F625}"/>
          </ac:spMkLst>
        </pc:spChg>
        <pc:spChg chg="mod">
          <ac:chgData name="White, Alex" userId="eff6cc8c-37d8-483b-9c6c-6b27e9afa9bc" providerId="ADAL" clId="{BF04C754-5BF4-4E83-9615-DB14FA25AF8A}" dt="2023-10-12T11:37:11.898" v="280"/>
          <ac:spMkLst>
            <pc:docMk/>
            <pc:sldMk cId="2376958513" sldId="260"/>
            <ac:spMk id="1269" creationId="{C97F33EB-B932-A1A9-C5BD-3DE843BE5D52}"/>
          </ac:spMkLst>
        </pc:spChg>
        <pc:spChg chg="mod">
          <ac:chgData name="White, Alex" userId="eff6cc8c-37d8-483b-9c6c-6b27e9afa9bc" providerId="ADAL" clId="{BF04C754-5BF4-4E83-9615-DB14FA25AF8A}" dt="2023-10-12T11:37:11.898" v="280"/>
          <ac:spMkLst>
            <pc:docMk/>
            <pc:sldMk cId="2376958513" sldId="260"/>
            <ac:spMk id="1270" creationId="{A0B9EE2B-1E2C-A5B3-70B1-21AD0AAAC7D4}"/>
          </ac:spMkLst>
        </pc:spChg>
        <pc:spChg chg="mod">
          <ac:chgData name="White, Alex" userId="eff6cc8c-37d8-483b-9c6c-6b27e9afa9bc" providerId="ADAL" clId="{BF04C754-5BF4-4E83-9615-DB14FA25AF8A}" dt="2023-10-12T11:37:11.898" v="280"/>
          <ac:spMkLst>
            <pc:docMk/>
            <pc:sldMk cId="2376958513" sldId="260"/>
            <ac:spMk id="1271" creationId="{AB1252D9-4681-50F4-57F9-237D69B6D558}"/>
          </ac:spMkLst>
        </pc:spChg>
        <pc:spChg chg="mod">
          <ac:chgData name="White, Alex" userId="eff6cc8c-37d8-483b-9c6c-6b27e9afa9bc" providerId="ADAL" clId="{BF04C754-5BF4-4E83-9615-DB14FA25AF8A}" dt="2023-10-12T11:37:11.898" v="280"/>
          <ac:spMkLst>
            <pc:docMk/>
            <pc:sldMk cId="2376958513" sldId="260"/>
            <ac:spMk id="1272" creationId="{2B9DF0EA-2260-87A8-D626-77BFB4857201}"/>
          </ac:spMkLst>
        </pc:spChg>
        <pc:spChg chg="mod">
          <ac:chgData name="White, Alex" userId="eff6cc8c-37d8-483b-9c6c-6b27e9afa9bc" providerId="ADAL" clId="{BF04C754-5BF4-4E83-9615-DB14FA25AF8A}" dt="2023-10-12T11:37:11.898" v="280"/>
          <ac:spMkLst>
            <pc:docMk/>
            <pc:sldMk cId="2376958513" sldId="260"/>
            <ac:spMk id="1273" creationId="{F091AFDE-9685-EE62-C258-9CCB022B768C}"/>
          </ac:spMkLst>
        </pc:spChg>
        <pc:spChg chg="mod">
          <ac:chgData name="White, Alex" userId="eff6cc8c-37d8-483b-9c6c-6b27e9afa9bc" providerId="ADAL" clId="{BF04C754-5BF4-4E83-9615-DB14FA25AF8A}" dt="2023-10-12T11:37:11.898" v="280"/>
          <ac:spMkLst>
            <pc:docMk/>
            <pc:sldMk cId="2376958513" sldId="260"/>
            <ac:spMk id="1275" creationId="{E3AE1618-23A8-AEF7-14B5-640ACD02F65B}"/>
          </ac:spMkLst>
        </pc:spChg>
        <pc:spChg chg="mod">
          <ac:chgData name="White, Alex" userId="eff6cc8c-37d8-483b-9c6c-6b27e9afa9bc" providerId="ADAL" clId="{BF04C754-5BF4-4E83-9615-DB14FA25AF8A}" dt="2023-10-12T11:37:11.898" v="280"/>
          <ac:spMkLst>
            <pc:docMk/>
            <pc:sldMk cId="2376958513" sldId="260"/>
            <ac:spMk id="1276" creationId="{9A425C50-647A-6240-AAD8-184507265905}"/>
          </ac:spMkLst>
        </pc:spChg>
        <pc:spChg chg="mod">
          <ac:chgData name="White, Alex" userId="eff6cc8c-37d8-483b-9c6c-6b27e9afa9bc" providerId="ADAL" clId="{BF04C754-5BF4-4E83-9615-DB14FA25AF8A}" dt="2023-10-12T11:37:11.898" v="280"/>
          <ac:spMkLst>
            <pc:docMk/>
            <pc:sldMk cId="2376958513" sldId="260"/>
            <ac:spMk id="1277" creationId="{9EE0C0B1-BD51-D04C-EFAB-D09E1399C9C9}"/>
          </ac:spMkLst>
        </pc:spChg>
        <pc:spChg chg="mod">
          <ac:chgData name="White, Alex" userId="eff6cc8c-37d8-483b-9c6c-6b27e9afa9bc" providerId="ADAL" clId="{BF04C754-5BF4-4E83-9615-DB14FA25AF8A}" dt="2023-10-12T11:37:11.898" v="280"/>
          <ac:spMkLst>
            <pc:docMk/>
            <pc:sldMk cId="2376958513" sldId="260"/>
            <ac:spMk id="1278" creationId="{5143B35F-44E3-23C5-AA2C-012E94B1B10B}"/>
          </ac:spMkLst>
        </pc:spChg>
        <pc:spChg chg="mod">
          <ac:chgData name="White, Alex" userId="eff6cc8c-37d8-483b-9c6c-6b27e9afa9bc" providerId="ADAL" clId="{BF04C754-5BF4-4E83-9615-DB14FA25AF8A}" dt="2023-10-12T11:37:11.898" v="280"/>
          <ac:spMkLst>
            <pc:docMk/>
            <pc:sldMk cId="2376958513" sldId="260"/>
            <ac:spMk id="1279" creationId="{C0EFD913-59D5-8A26-6F56-961E2B3AC9CE}"/>
          </ac:spMkLst>
        </pc:spChg>
        <pc:spChg chg="mod">
          <ac:chgData name="White, Alex" userId="eff6cc8c-37d8-483b-9c6c-6b27e9afa9bc" providerId="ADAL" clId="{BF04C754-5BF4-4E83-9615-DB14FA25AF8A}" dt="2023-10-12T11:37:11.898" v="280"/>
          <ac:spMkLst>
            <pc:docMk/>
            <pc:sldMk cId="2376958513" sldId="260"/>
            <ac:spMk id="1280" creationId="{E90D5F24-2445-15C9-AD0B-E750FC15A43F}"/>
          </ac:spMkLst>
        </pc:spChg>
        <pc:spChg chg="mod">
          <ac:chgData name="White, Alex" userId="eff6cc8c-37d8-483b-9c6c-6b27e9afa9bc" providerId="ADAL" clId="{BF04C754-5BF4-4E83-9615-DB14FA25AF8A}" dt="2023-10-12T11:37:11.898" v="280"/>
          <ac:spMkLst>
            <pc:docMk/>
            <pc:sldMk cId="2376958513" sldId="260"/>
            <ac:spMk id="1281" creationId="{96EFE08C-6FCC-0DE2-94C1-0F2EBAD9325A}"/>
          </ac:spMkLst>
        </pc:spChg>
        <pc:spChg chg="mod">
          <ac:chgData name="White, Alex" userId="eff6cc8c-37d8-483b-9c6c-6b27e9afa9bc" providerId="ADAL" clId="{BF04C754-5BF4-4E83-9615-DB14FA25AF8A}" dt="2023-10-12T11:37:11.898" v="280"/>
          <ac:spMkLst>
            <pc:docMk/>
            <pc:sldMk cId="2376958513" sldId="260"/>
            <ac:spMk id="1282" creationId="{73D145A5-996F-F0A3-226B-8099CAF5DE00}"/>
          </ac:spMkLst>
        </pc:spChg>
        <pc:spChg chg="mod">
          <ac:chgData name="White, Alex" userId="eff6cc8c-37d8-483b-9c6c-6b27e9afa9bc" providerId="ADAL" clId="{BF04C754-5BF4-4E83-9615-DB14FA25AF8A}" dt="2023-10-12T11:37:11.898" v="280"/>
          <ac:spMkLst>
            <pc:docMk/>
            <pc:sldMk cId="2376958513" sldId="260"/>
            <ac:spMk id="1283" creationId="{F2B720A7-9317-4947-FABF-3493E9F3603E}"/>
          </ac:spMkLst>
        </pc:spChg>
        <pc:spChg chg="mod">
          <ac:chgData name="White, Alex" userId="eff6cc8c-37d8-483b-9c6c-6b27e9afa9bc" providerId="ADAL" clId="{BF04C754-5BF4-4E83-9615-DB14FA25AF8A}" dt="2023-10-12T11:37:11.898" v="280"/>
          <ac:spMkLst>
            <pc:docMk/>
            <pc:sldMk cId="2376958513" sldId="260"/>
            <ac:spMk id="1284" creationId="{F9A7F575-8F69-6FF5-8EDE-D6595F873D48}"/>
          </ac:spMkLst>
        </pc:spChg>
        <pc:spChg chg="mod">
          <ac:chgData name="White, Alex" userId="eff6cc8c-37d8-483b-9c6c-6b27e9afa9bc" providerId="ADAL" clId="{BF04C754-5BF4-4E83-9615-DB14FA25AF8A}" dt="2023-10-12T11:37:11.898" v="280"/>
          <ac:spMkLst>
            <pc:docMk/>
            <pc:sldMk cId="2376958513" sldId="260"/>
            <ac:spMk id="1285" creationId="{3BF1C194-04DB-E71A-3704-98993AA338C7}"/>
          </ac:spMkLst>
        </pc:spChg>
        <pc:spChg chg="mod">
          <ac:chgData name="White, Alex" userId="eff6cc8c-37d8-483b-9c6c-6b27e9afa9bc" providerId="ADAL" clId="{BF04C754-5BF4-4E83-9615-DB14FA25AF8A}" dt="2023-10-12T11:37:11.898" v="280"/>
          <ac:spMkLst>
            <pc:docMk/>
            <pc:sldMk cId="2376958513" sldId="260"/>
            <ac:spMk id="1286" creationId="{F7C9B52A-FEBF-1165-FDDF-50152159AFB4}"/>
          </ac:spMkLst>
        </pc:spChg>
        <pc:spChg chg="mod">
          <ac:chgData name="White, Alex" userId="eff6cc8c-37d8-483b-9c6c-6b27e9afa9bc" providerId="ADAL" clId="{BF04C754-5BF4-4E83-9615-DB14FA25AF8A}" dt="2023-10-12T11:37:11.898" v="280"/>
          <ac:spMkLst>
            <pc:docMk/>
            <pc:sldMk cId="2376958513" sldId="260"/>
            <ac:spMk id="1287" creationId="{D2A725FA-670F-10E8-3361-50C4D0E2DA32}"/>
          </ac:spMkLst>
        </pc:spChg>
        <pc:spChg chg="mod">
          <ac:chgData name="White, Alex" userId="eff6cc8c-37d8-483b-9c6c-6b27e9afa9bc" providerId="ADAL" clId="{BF04C754-5BF4-4E83-9615-DB14FA25AF8A}" dt="2023-10-12T11:37:11.898" v="280"/>
          <ac:spMkLst>
            <pc:docMk/>
            <pc:sldMk cId="2376958513" sldId="260"/>
            <ac:spMk id="1288" creationId="{1A08B2B9-5EFB-84C6-C89F-E2FF68CB687C}"/>
          </ac:spMkLst>
        </pc:spChg>
        <pc:spChg chg="mod">
          <ac:chgData name="White, Alex" userId="eff6cc8c-37d8-483b-9c6c-6b27e9afa9bc" providerId="ADAL" clId="{BF04C754-5BF4-4E83-9615-DB14FA25AF8A}" dt="2023-10-12T11:37:11.898" v="280"/>
          <ac:spMkLst>
            <pc:docMk/>
            <pc:sldMk cId="2376958513" sldId="260"/>
            <ac:spMk id="1289" creationId="{5F23484A-A420-6529-01E9-6F06B59D78CF}"/>
          </ac:spMkLst>
        </pc:spChg>
        <pc:spChg chg="mod">
          <ac:chgData name="White, Alex" userId="eff6cc8c-37d8-483b-9c6c-6b27e9afa9bc" providerId="ADAL" clId="{BF04C754-5BF4-4E83-9615-DB14FA25AF8A}" dt="2023-10-12T11:37:11.898" v="280"/>
          <ac:spMkLst>
            <pc:docMk/>
            <pc:sldMk cId="2376958513" sldId="260"/>
            <ac:spMk id="1290" creationId="{0A8649FF-E178-1516-B9A0-A498F8D5F091}"/>
          </ac:spMkLst>
        </pc:spChg>
        <pc:spChg chg="mod">
          <ac:chgData name="White, Alex" userId="eff6cc8c-37d8-483b-9c6c-6b27e9afa9bc" providerId="ADAL" clId="{BF04C754-5BF4-4E83-9615-DB14FA25AF8A}" dt="2023-10-12T11:37:11.898" v="280"/>
          <ac:spMkLst>
            <pc:docMk/>
            <pc:sldMk cId="2376958513" sldId="260"/>
            <ac:spMk id="1291" creationId="{1EA9413B-7C20-C500-FA23-32413A23EEFD}"/>
          </ac:spMkLst>
        </pc:spChg>
        <pc:spChg chg="mod">
          <ac:chgData name="White, Alex" userId="eff6cc8c-37d8-483b-9c6c-6b27e9afa9bc" providerId="ADAL" clId="{BF04C754-5BF4-4E83-9615-DB14FA25AF8A}" dt="2023-10-12T11:37:11.898" v="280"/>
          <ac:spMkLst>
            <pc:docMk/>
            <pc:sldMk cId="2376958513" sldId="260"/>
            <ac:spMk id="1292" creationId="{794687A3-BA49-5B18-3108-5DF796864764}"/>
          </ac:spMkLst>
        </pc:spChg>
        <pc:spChg chg="mod">
          <ac:chgData name="White, Alex" userId="eff6cc8c-37d8-483b-9c6c-6b27e9afa9bc" providerId="ADAL" clId="{BF04C754-5BF4-4E83-9615-DB14FA25AF8A}" dt="2023-10-12T11:37:11.898" v="280"/>
          <ac:spMkLst>
            <pc:docMk/>
            <pc:sldMk cId="2376958513" sldId="260"/>
            <ac:spMk id="1293" creationId="{AD84025B-4038-8DF9-FD1E-21664DB72FFD}"/>
          </ac:spMkLst>
        </pc:spChg>
        <pc:spChg chg="mod">
          <ac:chgData name="White, Alex" userId="eff6cc8c-37d8-483b-9c6c-6b27e9afa9bc" providerId="ADAL" clId="{BF04C754-5BF4-4E83-9615-DB14FA25AF8A}" dt="2023-10-12T11:37:11.898" v="280"/>
          <ac:spMkLst>
            <pc:docMk/>
            <pc:sldMk cId="2376958513" sldId="260"/>
            <ac:spMk id="1294" creationId="{9409D52A-3479-158F-F5E2-C6255167BE67}"/>
          </ac:spMkLst>
        </pc:spChg>
        <pc:spChg chg="mod">
          <ac:chgData name="White, Alex" userId="eff6cc8c-37d8-483b-9c6c-6b27e9afa9bc" providerId="ADAL" clId="{BF04C754-5BF4-4E83-9615-DB14FA25AF8A}" dt="2023-10-12T11:37:11.898" v="280"/>
          <ac:spMkLst>
            <pc:docMk/>
            <pc:sldMk cId="2376958513" sldId="260"/>
            <ac:spMk id="1295" creationId="{8C50FE0F-664B-2B49-3FD4-48B1D641F12B}"/>
          </ac:spMkLst>
        </pc:spChg>
        <pc:spChg chg="mod">
          <ac:chgData name="White, Alex" userId="eff6cc8c-37d8-483b-9c6c-6b27e9afa9bc" providerId="ADAL" clId="{BF04C754-5BF4-4E83-9615-DB14FA25AF8A}" dt="2023-10-12T11:37:11.898" v="280"/>
          <ac:spMkLst>
            <pc:docMk/>
            <pc:sldMk cId="2376958513" sldId="260"/>
            <ac:spMk id="1296" creationId="{A8AF8003-642B-0D0A-1947-D11EC255E597}"/>
          </ac:spMkLst>
        </pc:spChg>
        <pc:spChg chg="mod">
          <ac:chgData name="White, Alex" userId="eff6cc8c-37d8-483b-9c6c-6b27e9afa9bc" providerId="ADAL" clId="{BF04C754-5BF4-4E83-9615-DB14FA25AF8A}" dt="2023-10-12T11:37:11.898" v="280"/>
          <ac:spMkLst>
            <pc:docMk/>
            <pc:sldMk cId="2376958513" sldId="260"/>
            <ac:spMk id="1297" creationId="{5679374A-93E2-0F15-3775-29F1B609A28A}"/>
          </ac:spMkLst>
        </pc:spChg>
        <pc:spChg chg="mod">
          <ac:chgData name="White, Alex" userId="eff6cc8c-37d8-483b-9c6c-6b27e9afa9bc" providerId="ADAL" clId="{BF04C754-5BF4-4E83-9615-DB14FA25AF8A}" dt="2023-10-12T11:37:11.898" v="280"/>
          <ac:spMkLst>
            <pc:docMk/>
            <pc:sldMk cId="2376958513" sldId="260"/>
            <ac:spMk id="1298" creationId="{718FC2E7-7FBF-6A21-B7F3-91BE87D53590}"/>
          </ac:spMkLst>
        </pc:spChg>
        <pc:spChg chg="mod">
          <ac:chgData name="White, Alex" userId="eff6cc8c-37d8-483b-9c6c-6b27e9afa9bc" providerId="ADAL" clId="{BF04C754-5BF4-4E83-9615-DB14FA25AF8A}" dt="2023-10-12T11:37:11.898" v="280"/>
          <ac:spMkLst>
            <pc:docMk/>
            <pc:sldMk cId="2376958513" sldId="260"/>
            <ac:spMk id="1299" creationId="{B2CF8D4A-7476-0194-1A15-4D6F2617E2E3}"/>
          </ac:spMkLst>
        </pc:spChg>
        <pc:spChg chg="mod">
          <ac:chgData name="White, Alex" userId="eff6cc8c-37d8-483b-9c6c-6b27e9afa9bc" providerId="ADAL" clId="{BF04C754-5BF4-4E83-9615-DB14FA25AF8A}" dt="2023-10-12T11:37:11.898" v="280"/>
          <ac:spMkLst>
            <pc:docMk/>
            <pc:sldMk cId="2376958513" sldId="260"/>
            <ac:spMk id="1300" creationId="{C6119B35-D668-D655-5DD2-5BB963A1AEA4}"/>
          </ac:spMkLst>
        </pc:spChg>
        <pc:spChg chg="mod">
          <ac:chgData name="White, Alex" userId="eff6cc8c-37d8-483b-9c6c-6b27e9afa9bc" providerId="ADAL" clId="{BF04C754-5BF4-4E83-9615-DB14FA25AF8A}" dt="2023-10-12T11:37:11.898" v="280"/>
          <ac:spMkLst>
            <pc:docMk/>
            <pc:sldMk cId="2376958513" sldId="260"/>
            <ac:spMk id="1301" creationId="{899002B5-4D45-84FA-2DBD-39568CED7127}"/>
          </ac:spMkLst>
        </pc:spChg>
        <pc:spChg chg="mod">
          <ac:chgData name="White, Alex" userId="eff6cc8c-37d8-483b-9c6c-6b27e9afa9bc" providerId="ADAL" clId="{BF04C754-5BF4-4E83-9615-DB14FA25AF8A}" dt="2023-10-12T11:37:11.898" v="280"/>
          <ac:spMkLst>
            <pc:docMk/>
            <pc:sldMk cId="2376958513" sldId="260"/>
            <ac:spMk id="1302" creationId="{F6B4736A-507D-4DC9-495E-BCD3C2E84424}"/>
          </ac:spMkLst>
        </pc:spChg>
        <pc:spChg chg="mod">
          <ac:chgData name="White, Alex" userId="eff6cc8c-37d8-483b-9c6c-6b27e9afa9bc" providerId="ADAL" clId="{BF04C754-5BF4-4E83-9615-DB14FA25AF8A}" dt="2023-10-12T11:37:11.898" v="280"/>
          <ac:spMkLst>
            <pc:docMk/>
            <pc:sldMk cId="2376958513" sldId="260"/>
            <ac:spMk id="1303" creationId="{87A85356-A98E-3506-E783-C3D78FFC99C2}"/>
          </ac:spMkLst>
        </pc:spChg>
        <pc:spChg chg="mod">
          <ac:chgData name="White, Alex" userId="eff6cc8c-37d8-483b-9c6c-6b27e9afa9bc" providerId="ADAL" clId="{BF04C754-5BF4-4E83-9615-DB14FA25AF8A}" dt="2023-10-12T11:37:11.898" v="280"/>
          <ac:spMkLst>
            <pc:docMk/>
            <pc:sldMk cId="2376958513" sldId="260"/>
            <ac:spMk id="1304" creationId="{28D46AA2-160E-737F-FC86-C3F473753EBF}"/>
          </ac:spMkLst>
        </pc:spChg>
        <pc:spChg chg="mod">
          <ac:chgData name="White, Alex" userId="eff6cc8c-37d8-483b-9c6c-6b27e9afa9bc" providerId="ADAL" clId="{BF04C754-5BF4-4E83-9615-DB14FA25AF8A}" dt="2023-10-12T11:37:11.898" v="280"/>
          <ac:spMkLst>
            <pc:docMk/>
            <pc:sldMk cId="2376958513" sldId="260"/>
            <ac:spMk id="1305" creationId="{A209690F-40B6-2ACC-9DCB-21D28BA3228F}"/>
          </ac:spMkLst>
        </pc:spChg>
        <pc:spChg chg="mod">
          <ac:chgData name="White, Alex" userId="eff6cc8c-37d8-483b-9c6c-6b27e9afa9bc" providerId="ADAL" clId="{BF04C754-5BF4-4E83-9615-DB14FA25AF8A}" dt="2023-10-12T11:37:11.898" v="280"/>
          <ac:spMkLst>
            <pc:docMk/>
            <pc:sldMk cId="2376958513" sldId="260"/>
            <ac:spMk id="1306" creationId="{AED6F71C-84CA-4D12-D7C3-4A61E3108E63}"/>
          </ac:spMkLst>
        </pc:spChg>
        <pc:spChg chg="mod">
          <ac:chgData name="White, Alex" userId="eff6cc8c-37d8-483b-9c6c-6b27e9afa9bc" providerId="ADAL" clId="{BF04C754-5BF4-4E83-9615-DB14FA25AF8A}" dt="2023-10-12T11:37:11.898" v="280"/>
          <ac:spMkLst>
            <pc:docMk/>
            <pc:sldMk cId="2376958513" sldId="260"/>
            <ac:spMk id="1307" creationId="{157DF856-8982-8D17-8B41-02ED05813D83}"/>
          </ac:spMkLst>
        </pc:spChg>
        <pc:spChg chg="mod">
          <ac:chgData name="White, Alex" userId="eff6cc8c-37d8-483b-9c6c-6b27e9afa9bc" providerId="ADAL" clId="{BF04C754-5BF4-4E83-9615-DB14FA25AF8A}" dt="2023-10-12T11:37:11.898" v="280"/>
          <ac:spMkLst>
            <pc:docMk/>
            <pc:sldMk cId="2376958513" sldId="260"/>
            <ac:spMk id="1308" creationId="{BC02017B-419E-B752-7D9B-F21A86110ED6}"/>
          </ac:spMkLst>
        </pc:spChg>
        <pc:spChg chg="mod">
          <ac:chgData name="White, Alex" userId="eff6cc8c-37d8-483b-9c6c-6b27e9afa9bc" providerId="ADAL" clId="{BF04C754-5BF4-4E83-9615-DB14FA25AF8A}" dt="2023-10-12T11:37:11.898" v="280"/>
          <ac:spMkLst>
            <pc:docMk/>
            <pc:sldMk cId="2376958513" sldId="260"/>
            <ac:spMk id="1309" creationId="{5C287643-ABCC-A0B5-B3BF-C56C9E81A8BC}"/>
          </ac:spMkLst>
        </pc:spChg>
        <pc:spChg chg="mod">
          <ac:chgData name="White, Alex" userId="eff6cc8c-37d8-483b-9c6c-6b27e9afa9bc" providerId="ADAL" clId="{BF04C754-5BF4-4E83-9615-DB14FA25AF8A}" dt="2023-10-12T11:37:11.898" v="280"/>
          <ac:spMkLst>
            <pc:docMk/>
            <pc:sldMk cId="2376958513" sldId="260"/>
            <ac:spMk id="1310" creationId="{2A1A1152-44F6-C3E4-B225-9C54D16698B2}"/>
          </ac:spMkLst>
        </pc:spChg>
        <pc:spChg chg="mod">
          <ac:chgData name="White, Alex" userId="eff6cc8c-37d8-483b-9c6c-6b27e9afa9bc" providerId="ADAL" clId="{BF04C754-5BF4-4E83-9615-DB14FA25AF8A}" dt="2023-10-12T11:37:11.898" v="280"/>
          <ac:spMkLst>
            <pc:docMk/>
            <pc:sldMk cId="2376958513" sldId="260"/>
            <ac:spMk id="1311" creationId="{D291BC62-4E7F-4514-73B6-C4C991367BCD}"/>
          </ac:spMkLst>
        </pc:spChg>
        <pc:spChg chg="mod">
          <ac:chgData name="White, Alex" userId="eff6cc8c-37d8-483b-9c6c-6b27e9afa9bc" providerId="ADAL" clId="{BF04C754-5BF4-4E83-9615-DB14FA25AF8A}" dt="2023-10-12T11:37:11.898" v="280"/>
          <ac:spMkLst>
            <pc:docMk/>
            <pc:sldMk cId="2376958513" sldId="260"/>
            <ac:spMk id="1312" creationId="{ED76B6C2-6184-4C68-B1A1-F7F2C6A1F02D}"/>
          </ac:spMkLst>
        </pc:spChg>
        <pc:spChg chg="mod">
          <ac:chgData name="White, Alex" userId="eff6cc8c-37d8-483b-9c6c-6b27e9afa9bc" providerId="ADAL" clId="{BF04C754-5BF4-4E83-9615-DB14FA25AF8A}" dt="2023-10-12T11:37:11.898" v="280"/>
          <ac:spMkLst>
            <pc:docMk/>
            <pc:sldMk cId="2376958513" sldId="260"/>
            <ac:spMk id="1313" creationId="{FBD245F7-43F7-6B26-C004-645D14C535EC}"/>
          </ac:spMkLst>
        </pc:spChg>
        <pc:spChg chg="mod">
          <ac:chgData name="White, Alex" userId="eff6cc8c-37d8-483b-9c6c-6b27e9afa9bc" providerId="ADAL" clId="{BF04C754-5BF4-4E83-9615-DB14FA25AF8A}" dt="2023-10-12T11:37:11.898" v="280"/>
          <ac:spMkLst>
            <pc:docMk/>
            <pc:sldMk cId="2376958513" sldId="260"/>
            <ac:spMk id="1314" creationId="{3C1B2778-A6CA-3512-B1D5-C75B5324951C}"/>
          </ac:spMkLst>
        </pc:spChg>
        <pc:spChg chg="mod">
          <ac:chgData name="White, Alex" userId="eff6cc8c-37d8-483b-9c6c-6b27e9afa9bc" providerId="ADAL" clId="{BF04C754-5BF4-4E83-9615-DB14FA25AF8A}" dt="2023-10-12T11:37:11.898" v="280"/>
          <ac:spMkLst>
            <pc:docMk/>
            <pc:sldMk cId="2376958513" sldId="260"/>
            <ac:spMk id="1315" creationId="{2FBB3C2F-DA59-10FB-371C-64566A06D3B2}"/>
          </ac:spMkLst>
        </pc:spChg>
        <pc:spChg chg="mod">
          <ac:chgData name="White, Alex" userId="eff6cc8c-37d8-483b-9c6c-6b27e9afa9bc" providerId="ADAL" clId="{BF04C754-5BF4-4E83-9615-DB14FA25AF8A}" dt="2023-10-12T11:37:11.898" v="280"/>
          <ac:spMkLst>
            <pc:docMk/>
            <pc:sldMk cId="2376958513" sldId="260"/>
            <ac:spMk id="1316" creationId="{EA18445F-38FB-56AA-6B74-06B95E1D9AD5}"/>
          </ac:spMkLst>
        </pc:spChg>
        <pc:spChg chg="mod">
          <ac:chgData name="White, Alex" userId="eff6cc8c-37d8-483b-9c6c-6b27e9afa9bc" providerId="ADAL" clId="{BF04C754-5BF4-4E83-9615-DB14FA25AF8A}" dt="2023-10-12T11:37:11.898" v="280"/>
          <ac:spMkLst>
            <pc:docMk/>
            <pc:sldMk cId="2376958513" sldId="260"/>
            <ac:spMk id="1317" creationId="{47783905-191B-FC3C-7036-AF7434C43F0A}"/>
          </ac:spMkLst>
        </pc:spChg>
        <pc:spChg chg="mod">
          <ac:chgData name="White, Alex" userId="eff6cc8c-37d8-483b-9c6c-6b27e9afa9bc" providerId="ADAL" clId="{BF04C754-5BF4-4E83-9615-DB14FA25AF8A}" dt="2023-10-12T11:37:11.898" v="280"/>
          <ac:spMkLst>
            <pc:docMk/>
            <pc:sldMk cId="2376958513" sldId="260"/>
            <ac:spMk id="1318" creationId="{DDFD8798-2D3F-C589-7DC8-B24134778854}"/>
          </ac:spMkLst>
        </pc:spChg>
        <pc:spChg chg="mod">
          <ac:chgData name="White, Alex" userId="eff6cc8c-37d8-483b-9c6c-6b27e9afa9bc" providerId="ADAL" clId="{BF04C754-5BF4-4E83-9615-DB14FA25AF8A}" dt="2023-10-12T11:37:11.898" v="280"/>
          <ac:spMkLst>
            <pc:docMk/>
            <pc:sldMk cId="2376958513" sldId="260"/>
            <ac:spMk id="1319" creationId="{390F22C7-CE1A-7E35-B301-633FE0DB7009}"/>
          </ac:spMkLst>
        </pc:spChg>
        <pc:spChg chg="mod">
          <ac:chgData name="White, Alex" userId="eff6cc8c-37d8-483b-9c6c-6b27e9afa9bc" providerId="ADAL" clId="{BF04C754-5BF4-4E83-9615-DB14FA25AF8A}" dt="2023-10-12T11:37:11.898" v="280"/>
          <ac:spMkLst>
            <pc:docMk/>
            <pc:sldMk cId="2376958513" sldId="260"/>
            <ac:spMk id="1320" creationId="{36618305-3BAA-7FE2-01FF-3A4D17DB5A0C}"/>
          </ac:spMkLst>
        </pc:spChg>
        <pc:spChg chg="mod">
          <ac:chgData name="White, Alex" userId="eff6cc8c-37d8-483b-9c6c-6b27e9afa9bc" providerId="ADAL" clId="{BF04C754-5BF4-4E83-9615-DB14FA25AF8A}" dt="2023-10-12T11:37:11.898" v="280"/>
          <ac:spMkLst>
            <pc:docMk/>
            <pc:sldMk cId="2376958513" sldId="260"/>
            <ac:spMk id="1321" creationId="{B39ADADA-EC28-7E89-CE8D-28D70ADD09C2}"/>
          </ac:spMkLst>
        </pc:spChg>
        <pc:spChg chg="mod">
          <ac:chgData name="White, Alex" userId="eff6cc8c-37d8-483b-9c6c-6b27e9afa9bc" providerId="ADAL" clId="{BF04C754-5BF4-4E83-9615-DB14FA25AF8A}" dt="2023-10-12T11:37:11.898" v="280"/>
          <ac:spMkLst>
            <pc:docMk/>
            <pc:sldMk cId="2376958513" sldId="260"/>
            <ac:spMk id="1322" creationId="{99AEE05B-FE5C-6EC5-5EDC-B5A1589DC03C}"/>
          </ac:spMkLst>
        </pc:spChg>
        <pc:spChg chg="mod">
          <ac:chgData name="White, Alex" userId="eff6cc8c-37d8-483b-9c6c-6b27e9afa9bc" providerId="ADAL" clId="{BF04C754-5BF4-4E83-9615-DB14FA25AF8A}" dt="2023-10-12T11:37:11.898" v="280"/>
          <ac:spMkLst>
            <pc:docMk/>
            <pc:sldMk cId="2376958513" sldId="260"/>
            <ac:spMk id="1323" creationId="{C793D661-8712-2C94-A40C-7ED4D72EBCBE}"/>
          </ac:spMkLst>
        </pc:spChg>
        <pc:spChg chg="mod">
          <ac:chgData name="White, Alex" userId="eff6cc8c-37d8-483b-9c6c-6b27e9afa9bc" providerId="ADAL" clId="{BF04C754-5BF4-4E83-9615-DB14FA25AF8A}" dt="2023-10-12T11:37:11.898" v="280"/>
          <ac:spMkLst>
            <pc:docMk/>
            <pc:sldMk cId="2376958513" sldId="260"/>
            <ac:spMk id="1324" creationId="{463E7A1B-14F6-5EBE-68F5-30B83EE545A7}"/>
          </ac:spMkLst>
        </pc:spChg>
        <pc:spChg chg="mod">
          <ac:chgData name="White, Alex" userId="eff6cc8c-37d8-483b-9c6c-6b27e9afa9bc" providerId="ADAL" clId="{BF04C754-5BF4-4E83-9615-DB14FA25AF8A}" dt="2023-10-12T11:37:11.898" v="280"/>
          <ac:spMkLst>
            <pc:docMk/>
            <pc:sldMk cId="2376958513" sldId="260"/>
            <ac:spMk id="1325" creationId="{8D4FD893-EF5E-B261-BF39-EBAD3DC1F804}"/>
          </ac:spMkLst>
        </pc:spChg>
        <pc:spChg chg="mod">
          <ac:chgData name="White, Alex" userId="eff6cc8c-37d8-483b-9c6c-6b27e9afa9bc" providerId="ADAL" clId="{BF04C754-5BF4-4E83-9615-DB14FA25AF8A}" dt="2023-10-12T11:37:11.898" v="280"/>
          <ac:spMkLst>
            <pc:docMk/>
            <pc:sldMk cId="2376958513" sldId="260"/>
            <ac:spMk id="1326" creationId="{8F26E87F-BABB-BCC7-B56B-EA43EB3D3067}"/>
          </ac:spMkLst>
        </pc:spChg>
        <pc:spChg chg="mod">
          <ac:chgData name="White, Alex" userId="eff6cc8c-37d8-483b-9c6c-6b27e9afa9bc" providerId="ADAL" clId="{BF04C754-5BF4-4E83-9615-DB14FA25AF8A}" dt="2023-10-12T11:37:11.898" v="280"/>
          <ac:spMkLst>
            <pc:docMk/>
            <pc:sldMk cId="2376958513" sldId="260"/>
            <ac:spMk id="1327" creationId="{F1EF5A36-D5B2-AD04-1971-09A894987ACC}"/>
          </ac:spMkLst>
        </pc:spChg>
        <pc:spChg chg="mod">
          <ac:chgData name="White, Alex" userId="eff6cc8c-37d8-483b-9c6c-6b27e9afa9bc" providerId="ADAL" clId="{BF04C754-5BF4-4E83-9615-DB14FA25AF8A}" dt="2023-10-12T11:37:11.898" v="280"/>
          <ac:spMkLst>
            <pc:docMk/>
            <pc:sldMk cId="2376958513" sldId="260"/>
            <ac:spMk id="1328" creationId="{D28108DC-BECF-D76F-21FF-044473FDAB07}"/>
          </ac:spMkLst>
        </pc:spChg>
        <pc:spChg chg="mod">
          <ac:chgData name="White, Alex" userId="eff6cc8c-37d8-483b-9c6c-6b27e9afa9bc" providerId="ADAL" clId="{BF04C754-5BF4-4E83-9615-DB14FA25AF8A}" dt="2023-10-12T11:37:11.898" v="280"/>
          <ac:spMkLst>
            <pc:docMk/>
            <pc:sldMk cId="2376958513" sldId="260"/>
            <ac:spMk id="1329" creationId="{BB811A2B-B390-9D19-3525-51F64F7752C9}"/>
          </ac:spMkLst>
        </pc:spChg>
        <pc:spChg chg="mod">
          <ac:chgData name="White, Alex" userId="eff6cc8c-37d8-483b-9c6c-6b27e9afa9bc" providerId="ADAL" clId="{BF04C754-5BF4-4E83-9615-DB14FA25AF8A}" dt="2023-10-12T11:37:11.898" v="280"/>
          <ac:spMkLst>
            <pc:docMk/>
            <pc:sldMk cId="2376958513" sldId="260"/>
            <ac:spMk id="1330" creationId="{0B32623C-04C3-98F0-97EA-B0FCBB3CD8ED}"/>
          </ac:spMkLst>
        </pc:spChg>
        <pc:spChg chg="mod">
          <ac:chgData name="White, Alex" userId="eff6cc8c-37d8-483b-9c6c-6b27e9afa9bc" providerId="ADAL" clId="{BF04C754-5BF4-4E83-9615-DB14FA25AF8A}" dt="2023-10-12T11:37:11.898" v="280"/>
          <ac:spMkLst>
            <pc:docMk/>
            <pc:sldMk cId="2376958513" sldId="260"/>
            <ac:spMk id="1331" creationId="{3CAE1E87-1801-E94E-800D-EB13633712A7}"/>
          </ac:spMkLst>
        </pc:spChg>
        <pc:spChg chg="mod">
          <ac:chgData name="White, Alex" userId="eff6cc8c-37d8-483b-9c6c-6b27e9afa9bc" providerId="ADAL" clId="{BF04C754-5BF4-4E83-9615-DB14FA25AF8A}" dt="2023-10-12T11:37:11.898" v="280"/>
          <ac:spMkLst>
            <pc:docMk/>
            <pc:sldMk cId="2376958513" sldId="260"/>
            <ac:spMk id="1332" creationId="{F891202E-99CF-1F51-26E6-4DE6DBB9DD79}"/>
          </ac:spMkLst>
        </pc:spChg>
        <pc:spChg chg="mod">
          <ac:chgData name="White, Alex" userId="eff6cc8c-37d8-483b-9c6c-6b27e9afa9bc" providerId="ADAL" clId="{BF04C754-5BF4-4E83-9615-DB14FA25AF8A}" dt="2023-10-12T11:37:11.898" v="280"/>
          <ac:spMkLst>
            <pc:docMk/>
            <pc:sldMk cId="2376958513" sldId="260"/>
            <ac:spMk id="1333" creationId="{1FF6A5BB-E755-ACB8-910D-7AB1669024E7}"/>
          </ac:spMkLst>
        </pc:spChg>
        <pc:spChg chg="mod">
          <ac:chgData name="White, Alex" userId="eff6cc8c-37d8-483b-9c6c-6b27e9afa9bc" providerId="ADAL" clId="{BF04C754-5BF4-4E83-9615-DB14FA25AF8A}" dt="2023-10-12T11:37:11.898" v="280"/>
          <ac:spMkLst>
            <pc:docMk/>
            <pc:sldMk cId="2376958513" sldId="260"/>
            <ac:spMk id="1334" creationId="{98C55D9F-A945-4A9E-FDA5-36CA7B2C4615}"/>
          </ac:spMkLst>
        </pc:spChg>
        <pc:spChg chg="mod">
          <ac:chgData name="White, Alex" userId="eff6cc8c-37d8-483b-9c6c-6b27e9afa9bc" providerId="ADAL" clId="{BF04C754-5BF4-4E83-9615-DB14FA25AF8A}" dt="2023-10-12T11:37:11.898" v="280"/>
          <ac:spMkLst>
            <pc:docMk/>
            <pc:sldMk cId="2376958513" sldId="260"/>
            <ac:spMk id="1335" creationId="{BD6301AF-932D-F46B-855B-712D532FECEF}"/>
          </ac:spMkLst>
        </pc:spChg>
        <pc:spChg chg="mod">
          <ac:chgData name="White, Alex" userId="eff6cc8c-37d8-483b-9c6c-6b27e9afa9bc" providerId="ADAL" clId="{BF04C754-5BF4-4E83-9615-DB14FA25AF8A}" dt="2023-10-12T11:37:11.898" v="280"/>
          <ac:spMkLst>
            <pc:docMk/>
            <pc:sldMk cId="2376958513" sldId="260"/>
            <ac:spMk id="1336" creationId="{25A6BE38-738E-B2AF-6C21-253F4E7EF2F1}"/>
          </ac:spMkLst>
        </pc:spChg>
        <pc:spChg chg="mod">
          <ac:chgData name="White, Alex" userId="eff6cc8c-37d8-483b-9c6c-6b27e9afa9bc" providerId="ADAL" clId="{BF04C754-5BF4-4E83-9615-DB14FA25AF8A}" dt="2023-10-12T11:37:11.898" v="280"/>
          <ac:spMkLst>
            <pc:docMk/>
            <pc:sldMk cId="2376958513" sldId="260"/>
            <ac:spMk id="1337" creationId="{A2A35E0A-F87C-8BEF-7A46-E705A81D0EDD}"/>
          </ac:spMkLst>
        </pc:spChg>
        <pc:spChg chg="mod">
          <ac:chgData name="White, Alex" userId="eff6cc8c-37d8-483b-9c6c-6b27e9afa9bc" providerId="ADAL" clId="{BF04C754-5BF4-4E83-9615-DB14FA25AF8A}" dt="2023-10-12T11:37:11.898" v="280"/>
          <ac:spMkLst>
            <pc:docMk/>
            <pc:sldMk cId="2376958513" sldId="260"/>
            <ac:spMk id="1338" creationId="{DB9B8702-899A-91A3-9112-AAA7F46ACE87}"/>
          </ac:spMkLst>
        </pc:spChg>
        <pc:spChg chg="mod">
          <ac:chgData name="White, Alex" userId="eff6cc8c-37d8-483b-9c6c-6b27e9afa9bc" providerId="ADAL" clId="{BF04C754-5BF4-4E83-9615-DB14FA25AF8A}" dt="2023-10-12T11:37:11.898" v="280"/>
          <ac:spMkLst>
            <pc:docMk/>
            <pc:sldMk cId="2376958513" sldId="260"/>
            <ac:spMk id="1339" creationId="{A62848CE-8558-BAB9-13FC-5D96B5B1C24E}"/>
          </ac:spMkLst>
        </pc:spChg>
        <pc:spChg chg="mod">
          <ac:chgData name="White, Alex" userId="eff6cc8c-37d8-483b-9c6c-6b27e9afa9bc" providerId="ADAL" clId="{BF04C754-5BF4-4E83-9615-DB14FA25AF8A}" dt="2023-10-12T11:37:11.898" v="280"/>
          <ac:spMkLst>
            <pc:docMk/>
            <pc:sldMk cId="2376958513" sldId="260"/>
            <ac:spMk id="1340" creationId="{A18D2D74-6727-EF5E-F305-9C7268755D9A}"/>
          </ac:spMkLst>
        </pc:spChg>
        <pc:spChg chg="mod">
          <ac:chgData name="White, Alex" userId="eff6cc8c-37d8-483b-9c6c-6b27e9afa9bc" providerId="ADAL" clId="{BF04C754-5BF4-4E83-9615-DB14FA25AF8A}" dt="2023-10-12T11:37:11.898" v="280"/>
          <ac:spMkLst>
            <pc:docMk/>
            <pc:sldMk cId="2376958513" sldId="260"/>
            <ac:spMk id="1341" creationId="{568D5A1E-2673-16AF-2DE5-CEB9BED78508}"/>
          </ac:spMkLst>
        </pc:spChg>
        <pc:spChg chg="mod">
          <ac:chgData name="White, Alex" userId="eff6cc8c-37d8-483b-9c6c-6b27e9afa9bc" providerId="ADAL" clId="{BF04C754-5BF4-4E83-9615-DB14FA25AF8A}" dt="2023-10-12T11:37:11.898" v="280"/>
          <ac:spMkLst>
            <pc:docMk/>
            <pc:sldMk cId="2376958513" sldId="260"/>
            <ac:spMk id="1342" creationId="{D9B9F450-A924-090E-9119-F566C0370863}"/>
          </ac:spMkLst>
        </pc:spChg>
        <pc:spChg chg="mod">
          <ac:chgData name="White, Alex" userId="eff6cc8c-37d8-483b-9c6c-6b27e9afa9bc" providerId="ADAL" clId="{BF04C754-5BF4-4E83-9615-DB14FA25AF8A}" dt="2023-10-12T11:37:11.898" v="280"/>
          <ac:spMkLst>
            <pc:docMk/>
            <pc:sldMk cId="2376958513" sldId="260"/>
            <ac:spMk id="1343" creationId="{693C7676-DBCD-DEA2-605D-24ABC70BBFC4}"/>
          </ac:spMkLst>
        </pc:spChg>
        <pc:spChg chg="mod">
          <ac:chgData name="White, Alex" userId="eff6cc8c-37d8-483b-9c6c-6b27e9afa9bc" providerId="ADAL" clId="{BF04C754-5BF4-4E83-9615-DB14FA25AF8A}" dt="2023-10-12T11:37:11.898" v="280"/>
          <ac:spMkLst>
            <pc:docMk/>
            <pc:sldMk cId="2376958513" sldId="260"/>
            <ac:spMk id="1344" creationId="{7DC5DFCE-BCE0-3BD7-191E-3CB81AFFC1BF}"/>
          </ac:spMkLst>
        </pc:spChg>
        <pc:spChg chg="mod">
          <ac:chgData name="White, Alex" userId="eff6cc8c-37d8-483b-9c6c-6b27e9afa9bc" providerId="ADAL" clId="{BF04C754-5BF4-4E83-9615-DB14FA25AF8A}" dt="2023-10-12T11:37:11.898" v="280"/>
          <ac:spMkLst>
            <pc:docMk/>
            <pc:sldMk cId="2376958513" sldId="260"/>
            <ac:spMk id="1345" creationId="{490B7D7D-7CF6-9A71-9EB7-F6028A43F66C}"/>
          </ac:spMkLst>
        </pc:spChg>
        <pc:spChg chg="mod">
          <ac:chgData name="White, Alex" userId="eff6cc8c-37d8-483b-9c6c-6b27e9afa9bc" providerId="ADAL" clId="{BF04C754-5BF4-4E83-9615-DB14FA25AF8A}" dt="2023-10-12T11:37:11.898" v="280"/>
          <ac:spMkLst>
            <pc:docMk/>
            <pc:sldMk cId="2376958513" sldId="260"/>
            <ac:spMk id="1346" creationId="{43709E72-799F-D693-7A8E-01382407281D}"/>
          </ac:spMkLst>
        </pc:spChg>
        <pc:spChg chg="mod">
          <ac:chgData name="White, Alex" userId="eff6cc8c-37d8-483b-9c6c-6b27e9afa9bc" providerId="ADAL" clId="{BF04C754-5BF4-4E83-9615-DB14FA25AF8A}" dt="2023-10-12T11:37:11.898" v="280"/>
          <ac:spMkLst>
            <pc:docMk/>
            <pc:sldMk cId="2376958513" sldId="260"/>
            <ac:spMk id="1347" creationId="{AE3500CB-ED5D-0C2D-D114-6AF621A30697}"/>
          </ac:spMkLst>
        </pc:spChg>
        <pc:spChg chg="mod">
          <ac:chgData name="White, Alex" userId="eff6cc8c-37d8-483b-9c6c-6b27e9afa9bc" providerId="ADAL" clId="{BF04C754-5BF4-4E83-9615-DB14FA25AF8A}" dt="2023-10-12T11:37:11.898" v="280"/>
          <ac:spMkLst>
            <pc:docMk/>
            <pc:sldMk cId="2376958513" sldId="260"/>
            <ac:spMk id="1348" creationId="{CC2FAA88-B5DB-CCEC-5EDC-AD9360FB32E3}"/>
          </ac:spMkLst>
        </pc:spChg>
        <pc:spChg chg="mod">
          <ac:chgData name="White, Alex" userId="eff6cc8c-37d8-483b-9c6c-6b27e9afa9bc" providerId="ADAL" clId="{BF04C754-5BF4-4E83-9615-DB14FA25AF8A}" dt="2023-10-12T11:37:11.898" v="280"/>
          <ac:spMkLst>
            <pc:docMk/>
            <pc:sldMk cId="2376958513" sldId="260"/>
            <ac:spMk id="1349" creationId="{1F10ED9C-95A6-B158-7BD5-E827983E1761}"/>
          </ac:spMkLst>
        </pc:spChg>
        <pc:spChg chg="mod">
          <ac:chgData name="White, Alex" userId="eff6cc8c-37d8-483b-9c6c-6b27e9afa9bc" providerId="ADAL" clId="{BF04C754-5BF4-4E83-9615-DB14FA25AF8A}" dt="2023-10-12T11:37:11.898" v="280"/>
          <ac:spMkLst>
            <pc:docMk/>
            <pc:sldMk cId="2376958513" sldId="260"/>
            <ac:spMk id="1350" creationId="{98117DF1-34DD-3C35-8514-B37AEBE0AF7C}"/>
          </ac:spMkLst>
        </pc:spChg>
        <pc:spChg chg="mod">
          <ac:chgData name="White, Alex" userId="eff6cc8c-37d8-483b-9c6c-6b27e9afa9bc" providerId="ADAL" clId="{BF04C754-5BF4-4E83-9615-DB14FA25AF8A}" dt="2023-10-12T11:37:11.898" v="280"/>
          <ac:spMkLst>
            <pc:docMk/>
            <pc:sldMk cId="2376958513" sldId="260"/>
            <ac:spMk id="1351" creationId="{A0AC6E6E-0F00-D172-88AD-E3FA0B655644}"/>
          </ac:spMkLst>
        </pc:spChg>
        <pc:spChg chg="mod">
          <ac:chgData name="White, Alex" userId="eff6cc8c-37d8-483b-9c6c-6b27e9afa9bc" providerId="ADAL" clId="{BF04C754-5BF4-4E83-9615-DB14FA25AF8A}" dt="2023-10-12T11:37:11.898" v="280"/>
          <ac:spMkLst>
            <pc:docMk/>
            <pc:sldMk cId="2376958513" sldId="260"/>
            <ac:spMk id="1352" creationId="{90A9CA63-7D17-EF67-65EA-8C795A408547}"/>
          </ac:spMkLst>
        </pc:spChg>
        <pc:spChg chg="mod">
          <ac:chgData name="White, Alex" userId="eff6cc8c-37d8-483b-9c6c-6b27e9afa9bc" providerId="ADAL" clId="{BF04C754-5BF4-4E83-9615-DB14FA25AF8A}" dt="2023-10-12T11:37:11.898" v="280"/>
          <ac:spMkLst>
            <pc:docMk/>
            <pc:sldMk cId="2376958513" sldId="260"/>
            <ac:spMk id="1353" creationId="{28DF2E54-BD2E-C783-6B96-07D563DCDA48}"/>
          </ac:spMkLst>
        </pc:spChg>
        <pc:spChg chg="mod">
          <ac:chgData name="White, Alex" userId="eff6cc8c-37d8-483b-9c6c-6b27e9afa9bc" providerId="ADAL" clId="{BF04C754-5BF4-4E83-9615-DB14FA25AF8A}" dt="2023-10-12T11:37:11.898" v="280"/>
          <ac:spMkLst>
            <pc:docMk/>
            <pc:sldMk cId="2376958513" sldId="260"/>
            <ac:spMk id="1354" creationId="{D2E35030-09EE-213A-2C54-776F2CCCCC31}"/>
          </ac:spMkLst>
        </pc:spChg>
        <pc:spChg chg="mod">
          <ac:chgData name="White, Alex" userId="eff6cc8c-37d8-483b-9c6c-6b27e9afa9bc" providerId="ADAL" clId="{BF04C754-5BF4-4E83-9615-DB14FA25AF8A}" dt="2023-10-12T11:37:11.898" v="280"/>
          <ac:spMkLst>
            <pc:docMk/>
            <pc:sldMk cId="2376958513" sldId="260"/>
            <ac:spMk id="1355" creationId="{7188F12B-5A76-610E-1167-C79ECDA93919}"/>
          </ac:spMkLst>
        </pc:spChg>
        <pc:spChg chg="mod">
          <ac:chgData name="White, Alex" userId="eff6cc8c-37d8-483b-9c6c-6b27e9afa9bc" providerId="ADAL" clId="{BF04C754-5BF4-4E83-9615-DB14FA25AF8A}" dt="2023-10-12T11:37:11.898" v="280"/>
          <ac:spMkLst>
            <pc:docMk/>
            <pc:sldMk cId="2376958513" sldId="260"/>
            <ac:spMk id="1356" creationId="{2FAA374A-6B1F-8521-3342-46C11D3FCCDF}"/>
          </ac:spMkLst>
        </pc:spChg>
        <pc:spChg chg="mod">
          <ac:chgData name="White, Alex" userId="eff6cc8c-37d8-483b-9c6c-6b27e9afa9bc" providerId="ADAL" clId="{BF04C754-5BF4-4E83-9615-DB14FA25AF8A}" dt="2023-10-12T11:37:11.898" v="280"/>
          <ac:spMkLst>
            <pc:docMk/>
            <pc:sldMk cId="2376958513" sldId="260"/>
            <ac:spMk id="1357" creationId="{51E1A90B-AACF-0027-8253-AFED911C7571}"/>
          </ac:spMkLst>
        </pc:spChg>
        <pc:spChg chg="mod">
          <ac:chgData name="White, Alex" userId="eff6cc8c-37d8-483b-9c6c-6b27e9afa9bc" providerId="ADAL" clId="{BF04C754-5BF4-4E83-9615-DB14FA25AF8A}" dt="2023-10-12T11:37:11.898" v="280"/>
          <ac:spMkLst>
            <pc:docMk/>
            <pc:sldMk cId="2376958513" sldId="260"/>
            <ac:spMk id="1358" creationId="{09714D6C-AD8D-B18E-842C-30B86A1DA56B}"/>
          </ac:spMkLst>
        </pc:spChg>
        <pc:spChg chg="mod">
          <ac:chgData name="White, Alex" userId="eff6cc8c-37d8-483b-9c6c-6b27e9afa9bc" providerId="ADAL" clId="{BF04C754-5BF4-4E83-9615-DB14FA25AF8A}" dt="2023-10-12T11:37:11.898" v="280"/>
          <ac:spMkLst>
            <pc:docMk/>
            <pc:sldMk cId="2376958513" sldId="260"/>
            <ac:spMk id="1359" creationId="{B02AB30F-EFCF-6643-F6CA-9B12BFE8A08F}"/>
          </ac:spMkLst>
        </pc:spChg>
        <pc:spChg chg="mod">
          <ac:chgData name="White, Alex" userId="eff6cc8c-37d8-483b-9c6c-6b27e9afa9bc" providerId="ADAL" clId="{BF04C754-5BF4-4E83-9615-DB14FA25AF8A}" dt="2023-10-12T11:37:11.898" v="280"/>
          <ac:spMkLst>
            <pc:docMk/>
            <pc:sldMk cId="2376958513" sldId="260"/>
            <ac:spMk id="1360" creationId="{B47231B3-2E95-3A39-19B0-3489D56D5BF6}"/>
          </ac:spMkLst>
        </pc:spChg>
        <pc:spChg chg="mod">
          <ac:chgData name="White, Alex" userId="eff6cc8c-37d8-483b-9c6c-6b27e9afa9bc" providerId="ADAL" clId="{BF04C754-5BF4-4E83-9615-DB14FA25AF8A}" dt="2023-10-12T11:37:11.898" v="280"/>
          <ac:spMkLst>
            <pc:docMk/>
            <pc:sldMk cId="2376958513" sldId="260"/>
            <ac:spMk id="1361" creationId="{F1DE10F0-E862-474C-DCFA-F165940CD85F}"/>
          </ac:spMkLst>
        </pc:spChg>
        <pc:spChg chg="mod">
          <ac:chgData name="White, Alex" userId="eff6cc8c-37d8-483b-9c6c-6b27e9afa9bc" providerId="ADAL" clId="{BF04C754-5BF4-4E83-9615-DB14FA25AF8A}" dt="2023-10-12T11:37:11.898" v="280"/>
          <ac:spMkLst>
            <pc:docMk/>
            <pc:sldMk cId="2376958513" sldId="260"/>
            <ac:spMk id="1362" creationId="{CC8B4CBB-D6B9-1D16-B3EF-944BC480AC5E}"/>
          </ac:spMkLst>
        </pc:spChg>
        <pc:spChg chg="mod">
          <ac:chgData name="White, Alex" userId="eff6cc8c-37d8-483b-9c6c-6b27e9afa9bc" providerId="ADAL" clId="{BF04C754-5BF4-4E83-9615-DB14FA25AF8A}" dt="2023-10-12T11:37:11.898" v="280"/>
          <ac:spMkLst>
            <pc:docMk/>
            <pc:sldMk cId="2376958513" sldId="260"/>
            <ac:spMk id="1363" creationId="{E57C1139-EA7F-73D5-1914-822167CDE1C5}"/>
          </ac:spMkLst>
        </pc:spChg>
        <pc:spChg chg="mod">
          <ac:chgData name="White, Alex" userId="eff6cc8c-37d8-483b-9c6c-6b27e9afa9bc" providerId="ADAL" clId="{BF04C754-5BF4-4E83-9615-DB14FA25AF8A}" dt="2023-10-12T11:37:11.898" v="280"/>
          <ac:spMkLst>
            <pc:docMk/>
            <pc:sldMk cId="2376958513" sldId="260"/>
            <ac:spMk id="1364" creationId="{4C51E45B-51FE-4368-D889-1AC29AF109AB}"/>
          </ac:spMkLst>
        </pc:spChg>
        <pc:spChg chg="mod">
          <ac:chgData name="White, Alex" userId="eff6cc8c-37d8-483b-9c6c-6b27e9afa9bc" providerId="ADAL" clId="{BF04C754-5BF4-4E83-9615-DB14FA25AF8A}" dt="2023-10-12T11:37:11.898" v="280"/>
          <ac:spMkLst>
            <pc:docMk/>
            <pc:sldMk cId="2376958513" sldId="260"/>
            <ac:spMk id="1365" creationId="{D2D09A11-3D36-FBFA-D422-0811DA31E900}"/>
          </ac:spMkLst>
        </pc:spChg>
        <pc:spChg chg="mod">
          <ac:chgData name="White, Alex" userId="eff6cc8c-37d8-483b-9c6c-6b27e9afa9bc" providerId="ADAL" clId="{BF04C754-5BF4-4E83-9615-DB14FA25AF8A}" dt="2023-10-12T11:37:11.898" v="280"/>
          <ac:spMkLst>
            <pc:docMk/>
            <pc:sldMk cId="2376958513" sldId="260"/>
            <ac:spMk id="1366" creationId="{ED3803F5-5D10-C759-AC8C-3F7FCA5CF6FD}"/>
          </ac:spMkLst>
        </pc:spChg>
        <pc:spChg chg="mod">
          <ac:chgData name="White, Alex" userId="eff6cc8c-37d8-483b-9c6c-6b27e9afa9bc" providerId="ADAL" clId="{BF04C754-5BF4-4E83-9615-DB14FA25AF8A}" dt="2023-10-12T11:37:11.898" v="280"/>
          <ac:spMkLst>
            <pc:docMk/>
            <pc:sldMk cId="2376958513" sldId="260"/>
            <ac:spMk id="1367" creationId="{3108449B-B343-EF07-E992-6F47B04E7CAD}"/>
          </ac:spMkLst>
        </pc:spChg>
        <pc:spChg chg="mod">
          <ac:chgData name="White, Alex" userId="eff6cc8c-37d8-483b-9c6c-6b27e9afa9bc" providerId="ADAL" clId="{BF04C754-5BF4-4E83-9615-DB14FA25AF8A}" dt="2023-10-12T11:37:11.898" v="280"/>
          <ac:spMkLst>
            <pc:docMk/>
            <pc:sldMk cId="2376958513" sldId="260"/>
            <ac:spMk id="1368" creationId="{E087A516-4BBD-897C-CAE7-32050C1428E6}"/>
          </ac:spMkLst>
        </pc:spChg>
        <pc:spChg chg="mod">
          <ac:chgData name="White, Alex" userId="eff6cc8c-37d8-483b-9c6c-6b27e9afa9bc" providerId="ADAL" clId="{BF04C754-5BF4-4E83-9615-DB14FA25AF8A}" dt="2023-10-12T11:37:11.898" v="280"/>
          <ac:spMkLst>
            <pc:docMk/>
            <pc:sldMk cId="2376958513" sldId="260"/>
            <ac:spMk id="1369" creationId="{7CAAE2E7-14D8-7EC2-9F4F-841852791E33}"/>
          </ac:spMkLst>
        </pc:spChg>
        <pc:spChg chg="mod">
          <ac:chgData name="White, Alex" userId="eff6cc8c-37d8-483b-9c6c-6b27e9afa9bc" providerId="ADAL" clId="{BF04C754-5BF4-4E83-9615-DB14FA25AF8A}" dt="2023-10-12T11:37:11.898" v="280"/>
          <ac:spMkLst>
            <pc:docMk/>
            <pc:sldMk cId="2376958513" sldId="260"/>
            <ac:spMk id="1370" creationId="{C37EB9C2-3721-1BE2-E7AB-253A302E740A}"/>
          </ac:spMkLst>
        </pc:spChg>
        <pc:spChg chg="mod">
          <ac:chgData name="White, Alex" userId="eff6cc8c-37d8-483b-9c6c-6b27e9afa9bc" providerId="ADAL" clId="{BF04C754-5BF4-4E83-9615-DB14FA25AF8A}" dt="2023-10-12T11:37:11.898" v="280"/>
          <ac:spMkLst>
            <pc:docMk/>
            <pc:sldMk cId="2376958513" sldId="260"/>
            <ac:spMk id="1371" creationId="{732AD64D-BDE0-B51F-7CD0-B659EBC92489}"/>
          </ac:spMkLst>
        </pc:spChg>
        <pc:spChg chg="mod">
          <ac:chgData name="White, Alex" userId="eff6cc8c-37d8-483b-9c6c-6b27e9afa9bc" providerId="ADAL" clId="{BF04C754-5BF4-4E83-9615-DB14FA25AF8A}" dt="2023-10-12T11:37:11.898" v="280"/>
          <ac:spMkLst>
            <pc:docMk/>
            <pc:sldMk cId="2376958513" sldId="260"/>
            <ac:spMk id="1372" creationId="{6BA33C44-01B8-A627-8F69-7C033AB61C85}"/>
          </ac:spMkLst>
        </pc:spChg>
        <pc:spChg chg="mod">
          <ac:chgData name="White, Alex" userId="eff6cc8c-37d8-483b-9c6c-6b27e9afa9bc" providerId="ADAL" clId="{BF04C754-5BF4-4E83-9615-DB14FA25AF8A}" dt="2023-10-12T11:37:11.898" v="280"/>
          <ac:spMkLst>
            <pc:docMk/>
            <pc:sldMk cId="2376958513" sldId="260"/>
            <ac:spMk id="1373" creationId="{9DB80217-5C10-2FCB-7221-199A0C924176}"/>
          </ac:spMkLst>
        </pc:spChg>
        <pc:spChg chg="mod">
          <ac:chgData name="White, Alex" userId="eff6cc8c-37d8-483b-9c6c-6b27e9afa9bc" providerId="ADAL" clId="{BF04C754-5BF4-4E83-9615-DB14FA25AF8A}" dt="2023-10-12T11:37:11.898" v="280"/>
          <ac:spMkLst>
            <pc:docMk/>
            <pc:sldMk cId="2376958513" sldId="260"/>
            <ac:spMk id="1374" creationId="{3260B284-8E44-670B-B226-A98975C96D78}"/>
          </ac:spMkLst>
        </pc:spChg>
        <pc:spChg chg="mod">
          <ac:chgData name="White, Alex" userId="eff6cc8c-37d8-483b-9c6c-6b27e9afa9bc" providerId="ADAL" clId="{BF04C754-5BF4-4E83-9615-DB14FA25AF8A}" dt="2023-10-12T11:37:35.130" v="286"/>
          <ac:spMkLst>
            <pc:docMk/>
            <pc:sldMk cId="2376958513" sldId="260"/>
            <ac:spMk id="1376" creationId="{661A804A-2F19-FCC6-A105-A7B7F8259A81}"/>
          </ac:spMkLst>
        </pc:spChg>
        <pc:spChg chg="mod">
          <ac:chgData name="White, Alex" userId="eff6cc8c-37d8-483b-9c6c-6b27e9afa9bc" providerId="ADAL" clId="{BF04C754-5BF4-4E83-9615-DB14FA25AF8A}" dt="2023-10-12T11:37:35.130" v="286"/>
          <ac:spMkLst>
            <pc:docMk/>
            <pc:sldMk cId="2376958513" sldId="260"/>
            <ac:spMk id="1377" creationId="{B7C492B5-A6AD-DB23-D59B-28D7B57ABAD8}"/>
          </ac:spMkLst>
        </pc:spChg>
        <pc:spChg chg="mod">
          <ac:chgData name="White, Alex" userId="eff6cc8c-37d8-483b-9c6c-6b27e9afa9bc" providerId="ADAL" clId="{BF04C754-5BF4-4E83-9615-DB14FA25AF8A}" dt="2023-10-12T11:37:35.130" v="286"/>
          <ac:spMkLst>
            <pc:docMk/>
            <pc:sldMk cId="2376958513" sldId="260"/>
            <ac:spMk id="1378" creationId="{C9DCC9B7-2B8E-70D9-625B-1E2E8D332BD1}"/>
          </ac:spMkLst>
        </pc:spChg>
        <pc:spChg chg="mod">
          <ac:chgData name="White, Alex" userId="eff6cc8c-37d8-483b-9c6c-6b27e9afa9bc" providerId="ADAL" clId="{BF04C754-5BF4-4E83-9615-DB14FA25AF8A}" dt="2023-10-12T11:37:35.130" v="286"/>
          <ac:spMkLst>
            <pc:docMk/>
            <pc:sldMk cId="2376958513" sldId="260"/>
            <ac:spMk id="1379" creationId="{15E24170-D7FD-92AA-FC79-2B9CE85486A5}"/>
          </ac:spMkLst>
        </pc:spChg>
        <pc:spChg chg="mod">
          <ac:chgData name="White, Alex" userId="eff6cc8c-37d8-483b-9c6c-6b27e9afa9bc" providerId="ADAL" clId="{BF04C754-5BF4-4E83-9615-DB14FA25AF8A}" dt="2023-10-12T11:37:35.130" v="286"/>
          <ac:spMkLst>
            <pc:docMk/>
            <pc:sldMk cId="2376958513" sldId="260"/>
            <ac:spMk id="1380" creationId="{FFD7E49D-6D91-330F-3D17-9DBD6B46EC43}"/>
          </ac:spMkLst>
        </pc:spChg>
        <pc:spChg chg="mod">
          <ac:chgData name="White, Alex" userId="eff6cc8c-37d8-483b-9c6c-6b27e9afa9bc" providerId="ADAL" clId="{BF04C754-5BF4-4E83-9615-DB14FA25AF8A}" dt="2023-10-12T11:37:35.130" v="286"/>
          <ac:spMkLst>
            <pc:docMk/>
            <pc:sldMk cId="2376958513" sldId="260"/>
            <ac:spMk id="1381" creationId="{6AB4D810-312E-9FB4-57A0-7037C1E4FFD2}"/>
          </ac:spMkLst>
        </pc:spChg>
        <pc:spChg chg="mod">
          <ac:chgData name="White, Alex" userId="eff6cc8c-37d8-483b-9c6c-6b27e9afa9bc" providerId="ADAL" clId="{BF04C754-5BF4-4E83-9615-DB14FA25AF8A}" dt="2023-10-12T11:37:35.130" v="286"/>
          <ac:spMkLst>
            <pc:docMk/>
            <pc:sldMk cId="2376958513" sldId="260"/>
            <ac:spMk id="1382" creationId="{B17FBF71-42C5-202B-3304-9C20E890B771}"/>
          </ac:spMkLst>
        </pc:spChg>
        <pc:spChg chg="mod">
          <ac:chgData name="White, Alex" userId="eff6cc8c-37d8-483b-9c6c-6b27e9afa9bc" providerId="ADAL" clId="{BF04C754-5BF4-4E83-9615-DB14FA25AF8A}" dt="2023-10-12T11:37:35.130" v="286"/>
          <ac:spMkLst>
            <pc:docMk/>
            <pc:sldMk cId="2376958513" sldId="260"/>
            <ac:spMk id="1383" creationId="{99EF2F34-5C15-55EC-055B-E842109821CA}"/>
          </ac:spMkLst>
        </pc:spChg>
        <pc:spChg chg="mod">
          <ac:chgData name="White, Alex" userId="eff6cc8c-37d8-483b-9c6c-6b27e9afa9bc" providerId="ADAL" clId="{BF04C754-5BF4-4E83-9615-DB14FA25AF8A}" dt="2023-10-12T11:37:35.130" v="286"/>
          <ac:spMkLst>
            <pc:docMk/>
            <pc:sldMk cId="2376958513" sldId="260"/>
            <ac:spMk id="1384" creationId="{EFA0ABAA-EF08-E611-1E7F-7D0EB46BEDBE}"/>
          </ac:spMkLst>
        </pc:spChg>
        <pc:spChg chg="mod">
          <ac:chgData name="White, Alex" userId="eff6cc8c-37d8-483b-9c6c-6b27e9afa9bc" providerId="ADAL" clId="{BF04C754-5BF4-4E83-9615-DB14FA25AF8A}" dt="2023-10-12T11:37:35.130" v="286"/>
          <ac:spMkLst>
            <pc:docMk/>
            <pc:sldMk cId="2376958513" sldId="260"/>
            <ac:spMk id="1385" creationId="{12AEA4BB-F83E-58E9-3205-EDAC9D662642}"/>
          </ac:spMkLst>
        </pc:spChg>
        <pc:spChg chg="mod">
          <ac:chgData name="White, Alex" userId="eff6cc8c-37d8-483b-9c6c-6b27e9afa9bc" providerId="ADAL" clId="{BF04C754-5BF4-4E83-9615-DB14FA25AF8A}" dt="2023-10-12T11:37:35.130" v="286"/>
          <ac:spMkLst>
            <pc:docMk/>
            <pc:sldMk cId="2376958513" sldId="260"/>
            <ac:spMk id="1386" creationId="{555FBCDD-728B-DEBA-81AF-00A75B87DFAB}"/>
          </ac:spMkLst>
        </pc:spChg>
        <pc:spChg chg="mod">
          <ac:chgData name="White, Alex" userId="eff6cc8c-37d8-483b-9c6c-6b27e9afa9bc" providerId="ADAL" clId="{BF04C754-5BF4-4E83-9615-DB14FA25AF8A}" dt="2023-10-12T11:37:35.130" v="286"/>
          <ac:spMkLst>
            <pc:docMk/>
            <pc:sldMk cId="2376958513" sldId="260"/>
            <ac:spMk id="1387" creationId="{5DD959F5-14F5-2D08-42C0-A525F16DC58A}"/>
          </ac:spMkLst>
        </pc:spChg>
        <pc:spChg chg="mod">
          <ac:chgData name="White, Alex" userId="eff6cc8c-37d8-483b-9c6c-6b27e9afa9bc" providerId="ADAL" clId="{BF04C754-5BF4-4E83-9615-DB14FA25AF8A}" dt="2023-10-12T11:37:35.130" v="286"/>
          <ac:spMkLst>
            <pc:docMk/>
            <pc:sldMk cId="2376958513" sldId="260"/>
            <ac:spMk id="1388" creationId="{A350DBCD-132C-98E5-1F0C-9B0BFD19A2BF}"/>
          </ac:spMkLst>
        </pc:spChg>
        <pc:spChg chg="mod">
          <ac:chgData name="White, Alex" userId="eff6cc8c-37d8-483b-9c6c-6b27e9afa9bc" providerId="ADAL" clId="{BF04C754-5BF4-4E83-9615-DB14FA25AF8A}" dt="2023-10-12T11:37:35.130" v="286"/>
          <ac:spMkLst>
            <pc:docMk/>
            <pc:sldMk cId="2376958513" sldId="260"/>
            <ac:spMk id="1389" creationId="{ECD0D57B-DB9F-0160-9624-586712C9F5C9}"/>
          </ac:spMkLst>
        </pc:spChg>
        <pc:spChg chg="mod">
          <ac:chgData name="White, Alex" userId="eff6cc8c-37d8-483b-9c6c-6b27e9afa9bc" providerId="ADAL" clId="{BF04C754-5BF4-4E83-9615-DB14FA25AF8A}" dt="2023-10-12T11:37:35.130" v="286"/>
          <ac:spMkLst>
            <pc:docMk/>
            <pc:sldMk cId="2376958513" sldId="260"/>
            <ac:spMk id="1390" creationId="{18873D0E-D7E5-48CE-DD50-CC0422A24947}"/>
          </ac:spMkLst>
        </pc:spChg>
        <pc:spChg chg="mod">
          <ac:chgData name="White, Alex" userId="eff6cc8c-37d8-483b-9c6c-6b27e9afa9bc" providerId="ADAL" clId="{BF04C754-5BF4-4E83-9615-DB14FA25AF8A}" dt="2023-10-12T11:37:35.130" v="286"/>
          <ac:spMkLst>
            <pc:docMk/>
            <pc:sldMk cId="2376958513" sldId="260"/>
            <ac:spMk id="1391" creationId="{97BABC6C-8CFD-7696-5123-3048852EDACC}"/>
          </ac:spMkLst>
        </pc:spChg>
        <pc:spChg chg="mod">
          <ac:chgData name="White, Alex" userId="eff6cc8c-37d8-483b-9c6c-6b27e9afa9bc" providerId="ADAL" clId="{BF04C754-5BF4-4E83-9615-DB14FA25AF8A}" dt="2023-10-12T11:37:35.130" v="286"/>
          <ac:spMkLst>
            <pc:docMk/>
            <pc:sldMk cId="2376958513" sldId="260"/>
            <ac:spMk id="1392" creationId="{299EF543-3DAF-6450-D846-50A2214DCF09}"/>
          </ac:spMkLst>
        </pc:spChg>
        <pc:spChg chg="mod">
          <ac:chgData name="White, Alex" userId="eff6cc8c-37d8-483b-9c6c-6b27e9afa9bc" providerId="ADAL" clId="{BF04C754-5BF4-4E83-9615-DB14FA25AF8A}" dt="2023-10-12T11:37:35.130" v="286"/>
          <ac:spMkLst>
            <pc:docMk/>
            <pc:sldMk cId="2376958513" sldId="260"/>
            <ac:spMk id="1393" creationId="{115D0D59-478C-BF83-F1CA-B4C9EB0EC3CC}"/>
          </ac:spMkLst>
        </pc:spChg>
        <pc:spChg chg="mod">
          <ac:chgData name="White, Alex" userId="eff6cc8c-37d8-483b-9c6c-6b27e9afa9bc" providerId="ADAL" clId="{BF04C754-5BF4-4E83-9615-DB14FA25AF8A}" dt="2023-10-12T11:37:35.130" v="286"/>
          <ac:spMkLst>
            <pc:docMk/>
            <pc:sldMk cId="2376958513" sldId="260"/>
            <ac:spMk id="1394" creationId="{45546A75-9602-C012-5B01-32CF0B35553D}"/>
          </ac:spMkLst>
        </pc:spChg>
        <pc:spChg chg="mod">
          <ac:chgData name="White, Alex" userId="eff6cc8c-37d8-483b-9c6c-6b27e9afa9bc" providerId="ADAL" clId="{BF04C754-5BF4-4E83-9615-DB14FA25AF8A}" dt="2023-10-12T11:37:35.130" v="286"/>
          <ac:spMkLst>
            <pc:docMk/>
            <pc:sldMk cId="2376958513" sldId="260"/>
            <ac:spMk id="1395" creationId="{5648E652-2159-CC8A-E3C3-8102B9DD9420}"/>
          </ac:spMkLst>
        </pc:spChg>
        <pc:spChg chg="mod">
          <ac:chgData name="White, Alex" userId="eff6cc8c-37d8-483b-9c6c-6b27e9afa9bc" providerId="ADAL" clId="{BF04C754-5BF4-4E83-9615-DB14FA25AF8A}" dt="2023-10-12T11:37:35.130" v="286"/>
          <ac:spMkLst>
            <pc:docMk/>
            <pc:sldMk cId="2376958513" sldId="260"/>
            <ac:spMk id="1396" creationId="{4D9900E6-90A1-67DC-E2E3-796B8C99ABC5}"/>
          </ac:spMkLst>
        </pc:spChg>
        <pc:spChg chg="mod">
          <ac:chgData name="White, Alex" userId="eff6cc8c-37d8-483b-9c6c-6b27e9afa9bc" providerId="ADAL" clId="{BF04C754-5BF4-4E83-9615-DB14FA25AF8A}" dt="2023-10-12T11:37:35.130" v="286"/>
          <ac:spMkLst>
            <pc:docMk/>
            <pc:sldMk cId="2376958513" sldId="260"/>
            <ac:spMk id="1397" creationId="{8BFA3A8E-990B-4591-915A-B958362425FE}"/>
          </ac:spMkLst>
        </pc:spChg>
        <pc:spChg chg="mod">
          <ac:chgData name="White, Alex" userId="eff6cc8c-37d8-483b-9c6c-6b27e9afa9bc" providerId="ADAL" clId="{BF04C754-5BF4-4E83-9615-DB14FA25AF8A}" dt="2023-10-12T11:37:35.130" v="286"/>
          <ac:spMkLst>
            <pc:docMk/>
            <pc:sldMk cId="2376958513" sldId="260"/>
            <ac:spMk id="1398" creationId="{F09E29DD-CA8B-8035-51E6-1AE91BC00631}"/>
          </ac:spMkLst>
        </pc:spChg>
        <pc:spChg chg="mod">
          <ac:chgData name="White, Alex" userId="eff6cc8c-37d8-483b-9c6c-6b27e9afa9bc" providerId="ADAL" clId="{BF04C754-5BF4-4E83-9615-DB14FA25AF8A}" dt="2023-10-12T11:37:35.130" v="286"/>
          <ac:spMkLst>
            <pc:docMk/>
            <pc:sldMk cId="2376958513" sldId="260"/>
            <ac:spMk id="1399" creationId="{97588C02-643B-C025-42D4-5CA31E40CC84}"/>
          </ac:spMkLst>
        </pc:spChg>
        <pc:spChg chg="mod">
          <ac:chgData name="White, Alex" userId="eff6cc8c-37d8-483b-9c6c-6b27e9afa9bc" providerId="ADAL" clId="{BF04C754-5BF4-4E83-9615-DB14FA25AF8A}" dt="2023-10-12T11:37:35.130" v="286"/>
          <ac:spMkLst>
            <pc:docMk/>
            <pc:sldMk cId="2376958513" sldId="260"/>
            <ac:spMk id="1400" creationId="{43EBA6E4-6F75-86B0-79E6-16430F20EB36}"/>
          </ac:spMkLst>
        </pc:spChg>
        <pc:spChg chg="mod">
          <ac:chgData name="White, Alex" userId="eff6cc8c-37d8-483b-9c6c-6b27e9afa9bc" providerId="ADAL" clId="{BF04C754-5BF4-4E83-9615-DB14FA25AF8A}" dt="2023-10-12T11:37:35.130" v="286"/>
          <ac:spMkLst>
            <pc:docMk/>
            <pc:sldMk cId="2376958513" sldId="260"/>
            <ac:spMk id="1401" creationId="{4A1180C9-941B-3D59-0880-2F2022AAD7EF}"/>
          </ac:spMkLst>
        </pc:spChg>
        <pc:spChg chg="mod">
          <ac:chgData name="White, Alex" userId="eff6cc8c-37d8-483b-9c6c-6b27e9afa9bc" providerId="ADAL" clId="{BF04C754-5BF4-4E83-9615-DB14FA25AF8A}" dt="2023-10-12T11:37:35.130" v="286"/>
          <ac:spMkLst>
            <pc:docMk/>
            <pc:sldMk cId="2376958513" sldId="260"/>
            <ac:spMk id="1402" creationId="{1D596440-1CE2-FFB3-9EE5-67304273A024}"/>
          </ac:spMkLst>
        </pc:spChg>
        <pc:spChg chg="mod">
          <ac:chgData name="White, Alex" userId="eff6cc8c-37d8-483b-9c6c-6b27e9afa9bc" providerId="ADAL" clId="{BF04C754-5BF4-4E83-9615-DB14FA25AF8A}" dt="2023-10-12T11:37:35.130" v="286"/>
          <ac:spMkLst>
            <pc:docMk/>
            <pc:sldMk cId="2376958513" sldId="260"/>
            <ac:spMk id="1403" creationId="{03B1819F-025B-1EB4-F5D9-ABB7275BDD4B}"/>
          </ac:spMkLst>
        </pc:spChg>
        <pc:spChg chg="mod">
          <ac:chgData name="White, Alex" userId="eff6cc8c-37d8-483b-9c6c-6b27e9afa9bc" providerId="ADAL" clId="{BF04C754-5BF4-4E83-9615-DB14FA25AF8A}" dt="2023-10-12T11:37:35.130" v="286"/>
          <ac:spMkLst>
            <pc:docMk/>
            <pc:sldMk cId="2376958513" sldId="260"/>
            <ac:spMk id="1404" creationId="{148D16C8-9BF8-1B27-42F4-2E5F6F78631E}"/>
          </ac:spMkLst>
        </pc:spChg>
        <pc:spChg chg="mod">
          <ac:chgData name="White, Alex" userId="eff6cc8c-37d8-483b-9c6c-6b27e9afa9bc" providerId="ADAL" clId="{BF04C754-5BF4-4E83-9615-DB14FA25AF8A}" dt="2023-10-12T11:37:35.130" v="286"/>
          <ac:spMkLst>
            <pc:docMk/>
            <pc:sldMk cId="2376958513" sldId="260"/>
            <ac:spMk id="1405" creationId="{3291158C-673D-BC0D-B1E6-CE68DA5E1038}"/>
          </ac:spMkLst>
        </pc:spChg>
        <pc:spChg chg="mod">
          <ac:chgData name="White, Alex" userId="eff6cc8c-37d8-483b-9c6c-6b27e9afa9bc" providerId="ADAL" clId="{BF04C754-5BF4-4E83-9615-DB14FA25AF8A}" dt="2023-10-12T11:37:35.130" v="286"/>
          <ac:spMkLst>
            <pc:docMk/>
            <pc:sldMk cId="2376958513" sldId="260"/>
            <ac:spMk id="1406" creationId="{02822A61-C492-53D0-66BC-CAEAA11DB6E6}"/>
          </ac:spMkLst>
        </pc:spChg>
        <pc:spChg chg="mod">
          <ac:chgData name="White, Alex" userId="eff6cc8c-37d8-483b-9c6c-6b27e9afa9bc" providerId="ADAL" clId="{BF04C754-5BF4-4E83-9615-DB14FA25AF8A}" dt="2023-10-12T11:37:35.130" v="286"/>
          <ac:spMkLst>
            <pc:docMk/>
            <pc:sldMk cId="2376958513" sldId="260"/>
            <ac:spMk id="1407" creationId="{E2AD6D41-3016-D076-D843-F83C080B0D49}"/>
          </ac:spMkLst>
        </pc:spChg>
        <pc:spChg chg="mod">
          <ac:chgData name="White, Alex" userId="eff6cc8c-37d8-483b-9c6c-6b27e9afa9bc" providerId="ADAL" clId="{BF04C754-5BF4-4E83-9615-DB14FA25AF8A}" dt="2023-10-12T11:37:35.130" v="286"/>
          <ac:spMkLst>
            <pc:docMk/>
            <pc:sldMk cId="2376958513" sldId="260"/>
            <ac:spMk id="1408" creationId="{D90A4E39-3466-2ACD-C1AE-97D5E1BE8228}"/>
          </ac:spMkLst>
        </pc:spChg>
        <pc:spChg chg="mod">
          <ac:chgData name="White, Alex" userId="eff6cc8c-37d8-483b-9c6c-6b27e9afa9bc" providerId="ADAL" clId="{BF04C754-5BF4-4E83-9615-DB14FA25AF8A}" dt="2023-10-12T11:37:35.130" v="286"/>
          <ac:spMkLst>
            <pc:docMk/>
            <pc:sldMk cId="2376958513" sldId="260"/>
            <ac:spMk id="1409" creationId="{1E9A054B-5155-A1F2-1163-BD720859D145}"/>
          </ac:spMkLst>
        </pc:spChg>
        <pc:spChg chg="mod">
          <ac:chgData name="White, Alex" userId="eff6cc8c-37d8-483b-9c6c-6b27e9afa9bc" providerId="ADAL" clId="{BF04C754-5BF4-4E83-9615-DB14FA25AF8A}" dt="2023-10-12T11:37:35.130" v="286"/>
          <ac:spMkLst>
            <pc:docMk/>
            <pc:sldMk cId="2376958513" sldId="260"/>
            <ac:spMk id="1410" creationId="{AF3D1FA9-AE53-14A9-EADF-08C3F4822C2A}"/>
          </ac:spMkLst>
        </pc:spChg>
        <pc:spChg chg="mod">
          <ac:chgData name="White, Alex" userId="eff6cc8c-37d8-483b-9c6c-6b27e9afa9bc" providerId="ADAL" clId="{BF04C754-5BF4-4E83-9615-DB14FA25AF8A}" dt="2023-10-12T11:37:35.130" v="286"/>
          <ac:spMkLst>
            <pc:docMk/>
            <pc:sldMk cId="2376958513" sldId="260"/>
            <ac:spMk id="1411" creationId="{DAB7B637-D311-9BD7-0ED9-D9798473470B}"/>
          </ac:spMkLst>
        </pc:spChg>
        <pc:spChg chg="mod">
          <ac:chgData name="White, Alex" userId="eff6cc8c-37d8-483b-9c6c-6b27e9afa9bc" providerId="ADAL" clId="{BF04C754-5BF4-4E83-9615-DB14FA25AF8A}" dt="2023-10-12T11:37:35.130" v="286"/>
          <ac:spMkLst>
            <pc:docMk/>
            <pc:sldMk cId="2376958513" sldId="260"/>
            <ac:spMk id="1412" creationId="{AC65CE93-BE6D-F75F-D9BF-F050EF6F2274}"/>
          </ac:spMkLst>
        </pc:spChg>
        <pc:spChg chg="mod">
          <ac:chgData name="White, Alex" userId="eff6cc8c-37d8-483b-9c6c-6b27e9afa9bc" providerId="ADAL" clId="{BF04C754-5BF4-4E83-9615-DB14FA25AF8A}" dt="2023-10-12T11:37:35.130" v="286"/>
          <ac:spMkLst>
            <pc:docMk/>
            <pc:sldMk cId="2376958513" sldId="260"/>
            <ac:spMk id="1413" creationId="{7A06F03F-AF81-ED04-01AD-5A45B9D71303}"/>
          </ac:spMkLst>
        </pc:spChg>
        <pc:spChg chg="mod">
          <ac:chgData name="White, Alex" userId="eff6cc8c-37d8-483b-9c6c-6b27e9afa9bc" providerId="ADAL" clId="{BF04C754-5BF4-4E83-9615-DB14FA25AF8A}" dt="2023-10-12T11:37:35.130" v="286"/>
          <ac:spMkLst>
            <pc:docMk/>
            <pc:sldMk cId="2376958513" sldId="260"/>
            <ac:spMk id="1414" creationId="{E95C8F01-785F-C4B1-C042-8F2A521A5F82}"/>
          </ac:spMkLst>
        </pc:spChg>
        <pc:spChg chg="mod">
          <ac:chgData name="White, Alex" userId="eff6cc8c-37d8-483b-9c6c-6b27e9afa9bc" providerId="ADAL" clId="{BF04C754-5BF4-4E83-9615-DB14FA25AF8A}" dt="2023-10-12T11:37:35.130" v="286"/>
          <ac:spMkLst>
            <pc:docMk/>
            <pc:sldMk cId="2376958513" sldId="260"/>
            <ac:spMk id="1415" creationId="{C916DD6F-95EF-B77D-768E-FDEA54E0C70B}"/>
          </ac:spMkLst>
        </pc:spChg>
        <pc:spChg chg="mod">
          <ac:chgData name="White, Alex" userId="eff6cc8c-37d8-483b-9c6c-6b27e9afa9bc" providerId="ADAL" clId="{BF04C754-5BF4-4E83-9615-DB14FA25AF8A}" dt="2023-10-12T11:37:35.130" v="286"/>
          <ac:spMkLst>
            <pc:docMk/>
            <pc:sldMk cId="2376958513" sldId="260"/>
            <ac:spMk id="1416" creationId="{B8FF99D1-FC48-32D4-D840-C389477151A3}"/>
          </ac:spMkLst>
        </pc:spChg>
        <pc:spChg chg="mod">
          <ac:chgData name="White, Alex" userId="eff6cc8c-37d8-483b-9c6c-6b27e9afa9bc" providerId="ADAL" clId="{BF04C754-5BF4-4E83-9615-DB14FA25AF8A}" dt="2023-10-12T11:37:35.130" v="286"/>
          <ac:spMkLst>
            <pc:docMk/>
            <pc:sldMk cId="2376958513" sldId="260"/>
            <ac:spMk id="1417" creationId="{BB741390-0718-19AE-53AD-2B1D43A000A1}"/>
          </ac:spMkLst>
        </pc:spChg>
        <pc:spChg chg="mod">
          <ac:chgData name="White, Alex" userId="eff6cc8c-37d8-483b-9c6c-6b27e9afa9bc" providerId="ADAL" clId="{BF04C754-5BF4-4E83-9615-DB14FA25AF8A}" dt="2023-10-12T11:37:35.130" v="286"/>
          <ac:spMkLst>
            <pc:docMk/>
            <pc:sldMk cId="2376958513" sldId="260"/>
            <ac:spMk id="1418" creationId="{3100E1EA-7665-841E-1D07-9F0AB1BA500C}"/>
          </ac:spMkLst>
        </pc:spChg>
        <pc:spChg chg="mod">
          <ac:chgData name="White, Alex" userId="eff6cc8c-37d8-483b-9c6c-6b27e9afa9bc" providerId="ADAL" clId="{BF04C754-5BF4-4E83-9615-DB14FA25AF8A}" dt="2023-10-12T11:37:35.130" v="286"/>
          <ac:spMkLst>
            <pc:docMk/>
            <pc:sldMk cId="2376958513" sldId="260"/>
            <ac:spMk id="1419" creationId="{B7345036-4414-59D8-89E1-63E8AC6ADA77}"/>
          </ac:spMkLst>
        </pc:spChg>
        <pc:spChg chg="mod">
          <ac:chgData name="White, Alex" userId="eff6cc8c-37d8-483b-9c6c-6b27e9afa9bc" providerId="ADAL" clId="{BF04C754-5BF4-4E83-9615-DB14FA25AF8A}" dt="2023-10-12T11:37:35.130" v="286"/>
          <ac:spMkLst>
            <pc:docMk/>
            <pc:sldMk cId="2376958513" sldId="260"/>
            <ac:spMk id="1420" creationId="{62B502A6-4D3C-852A-E38A-3580627FC79C}"/>
          </ac:spMkLst>
        </pc:spChg>
        <pc:spChg chg="mod">
          <ac:chgData name="White, Alex" userId="eff6cc8c-37d8-483b-9c6c-6b27e9afa9bc" providerId="ADAL" clId="{BF04C754-5BF4-4E83-9615-DB14FA25AF8A}" dt="2023-10-12T11:37:35.130" v="286"/>
          <ac:spMkLst>
            <pc:docMk/>
            <pc:sldMk cId="2376958513" sldId="260"/>
            <ac:spMk id="1421" creationId="{6BA7C937-BB0C-1588-BAE1-1CF93A6BF543}"/>
          </ac:spMkLst>
        </pc:spChg>
        <pc:spChg chg="mod">
          <ac:chgData name="White, Alex" userId="eff6cc8c-37d8-483b-9c6c-6b27e9afa9bc" providerId="ADAL" clId="{BF04C754-5BF4-4E83-9615-DB14FA25AF8A}" dt="2023-10-12T11:37:35.130" v="286"/>
          <ac:spMkLst>
            <pc:docMk/>
            <pc:sldMk cId="2376958513" sldId="260"/>
            <ac:spMk id="1422" creationId="{BBA56338-E22C-3E1F-4C3D-A6C77F79D3CA}"/>
          </ac:spMkLst>
        </pc:spChg>
        <pc:spChg chg="mod">
          <ac:chgData name="White, Alex" userId="eff6cc8c-37d8-483b-9c6c-6b27e9afa9bc" providerId="ADAL" clId="{BF04C754-5BF4-4E83-9615-DB14FA25AF8A}" dt="2023-10-12T11:37:35.130" v="286"/>
          <ac:spMkLst>
            <pc:docMk/>
            <pc:sldMk cId="2376958513" sldId="260"/>
            <ac:spMk id="1423" creationId="{57156E29-B118-103D-568A-AF8B14149B1A}"/>
          </ac:spMkLst>
        </pc:spChg>
        <pc:spChg chg="mod">
          <ac:chgData name="White, Alex" userId="eff6cc8c-37d8-483b-9c6c-6b27e9afa9bc" providerId="ADAL" clId="{BF04C754-5BF4-4E83-9615-DB14FA25AF8A}" dt="2023-10-12T11:37:35.130" v="286"/>
          <ac:spMkLst>
            <pc:docMk/>
            <pc:sldMk cId="2376958513" sldId="260"/>
            <ac:spMk id="1424" creationId="{8BD89985-EADF-3B68-B2F2-B82729E5EC13}"/>
          </ac:spMkLst>
        </pc:spChg>
        <pc:spChg chg="mod">
          <ac:chgData name="White, Alex" userId="eff6cc8c-37d8-483b-9c6c-6b27e9afa9bc" providerId="ADAL" clId="{BF04C754-5BF4-4E83-9615-DB14FA25AF8A}" dt="2023-10-12T11:37:35.130" v="286"/>
          <ac:spMkLst>
            <pc:docMk/>
            <pc:sldMk cId="2376958513" sldId="260"/>
            <ac:spMk id="1425" creationId="{DBD7B790-9471-CA13-EE0D-CE83BE543AC0}"/>
          </ac:spMkLst>
        </pc:spChg>
        <pc:spChg chg="mod">
          <ac:chgData name="White, Alex" userId="eff6cc8c-37d8-483b-9c6c-6b27e9afa9bc" providerId="ADAL" clId="{BF04C754-5BF4-4E83-9615-DB14FA25AF8A}" dt="2023-10-12T11:37:35.130" v="286"/>
          <ac:spMkLst>
            <pc:docMk/>
            <pc:sldMk cId="2376958513" sldId="260"/>
            <ac:spMk id="1426" creationId="{A603177B-9DA6-55A1-5105-E2290C13991D}"/>
          </ac:spMkLst>
        </pc:spChg>
        <pc:spChg chg="mod">
          <ac:chgData name="White, Alex" userId="eff6cc8c-37d8-483b-9c6c-6b27e9afa9bc" providerId="ADAL" clId="{BF04C754-5BF4-4E83-9615-DB14FA25AF8A}" dt="2023-10-12T11:37:35.130" v="286"/>
          <ac:spMkLst>
            <pc:docMk/>
            <pc:sldMk cId="2376958513" sldId="260"/>
            <ac:spMk id="1427" creationId="{C09CF061-C85D-0E57-B8B1-38A9DD89174B}"/>
          </ac:spMkLst>
        </pc:spChg>
        <pc:spChg chg="mod">
          <ac:chgData name="White, Alex" userId="eff6cc8c-37d8-483b-9c6c-6b27e9afa9bc" providerId="ADAL" clId="{BF04C754-5BF4-4E83-9615-DB14FA25AF8A}" dt="2023-10-12T11:37:35.130" v="286"/>
          <ac:spMkLst>
            <pc:docMk/>
            <pc:sldMk cId="2376958513" sldId="260"/>
            <ac:spMk id="1428" creationId="{59A1CC46-4405-CC52-F82E-A1B295BCD762}"/>
          </ac:spMkLst>
        </pc:spChg>
        <pc:spChg chg="mod">
          <ac:chgData name="White, Alex" userId="eff6cc8c-37d8-483b-9c6c-6b27e9afa9bc" providerId="ADAL" clId="{BF04C754-5BF4-4E83-9615-DB14FA25AF8A}" dt="2023-10-12T11:37:35.130" v="286"/>
          <ac:spMkLst>
            <pc:docMk/>
            <pc:sldMk cId="2376958513" sldId="260"/>
            <ac:spMk id="1429" creationId="{002ED4B3-1B9D-8EEF-C0D1-5C6413B3D05E}"/>
          </ac:spMkLst>
        </pc:spChg>
        <pc:spChg chg="mod">
          <ac:chgData name="White, Alex" userId="eff6cc8c-37d8-483b-9c6c-6b27e9afa9bc" providerId="ADAL" clId="{BF04C754-5BF4-4E83-9615-DB14FA25AF8A}" dt="2023-10-12T11:37:35.130" v="286"/>
          <ac:spMkLst>
            <pc:docMk/>
            <pc:sldMk cId="2376958513" sldId="260"/>
            <ac:spMk id="1430" creationId="{2F9DF340-C463-B2C0-2A7B-A485209667BF}"/>
          </ac:spMkLst>
        </pc:spChg>
        <pc:spChg chg="mod">
          <ac:chgData name="White, Alex" userId="eff6cc8c-37d8-483b-9c6c-6b27e9afa9bc" providerId="ADAL" clId="{BF04C754-5BF4-4E83-9615-DB14FA25AF8A}" dt="2023-10-12T11:37:35.130" v="286"/>
          <ac:spMkLst>
            <pc:docMk/>
            <pc:sldMk cId="2376958513" sldId="260"/>
            <ac:spMk id="1431" creationId="{597E6CA2-17AB-4D8B-B7E1-B30D2195C5AD}"/>
          </ac:spMkLst>
        </pc:spChg>
        <pc:spChg chg="mod">
          <ac:chgData name="White, Alex" userId="eff6cc8c-37d8-483b-9c6c-6b27e9afa9bc" providerId="ADAL" clId="{BF04C754-5BF4-4E83-9615-DB14FA25AF8A}" dt="2023-10-12T11:37:35.130" v="286"/>
          <ac:spMkLst>
            <pc:docMk/>
            <pc:sldMk cId="2376958513" sldId="260"/>
            <ac:spMk id="1432" creationId="{552115AC-BB92-5A80-91C9-B5F16096B4E6}"/>
          </ac:spMkLst>
        </pc:spChg>
        <pc:spChg chg="mod">
          <ac:chgData name="White, Alex" userId="eff6cc8c-37d8-483b-9c6c-6b27e9afa9bc" providerId="ADAL" clId="{BF04C754-5BF4-4E83-9615-DB14FA25AF8A}" dt="2023-10-12T11:37:35.130" v="286"/>
          <ac:spMkLst>
            <pc:docMk/>
            <pc:sldMk cId="2376958513" sldId="260"/>
            <ac:spMk id="1433" creationId="{DD2D1593-55D8-655E-5A06-C2AADE8AB331}"/>
          </ac:spMkLst>
        </pc:spChg>
        <pc:spChg chg="mod">
          <ac:chgData name="White, Alex" userId="eff6cc8c-37d8-483b-9c6c-6b27e9afa9bc" providerId="ADAL" clId="{BF04C754-5BF4-4E83-9615-DB14FA25AF8A}" dt="2023-10-12T11:37:35.130" v="286"/>
          <ac:spMkLst>
            <pc:docMk/>
            <pc:sldMk cId="2376958513" sldId="260"/>
            <ac:spMk id="1434" creationId="{5766D02F-C3FF-391D-9FC3-5270170BA20D}"/>
          </ac:spMkLst>
        </pc:spChg>
        <pc:spChg chg="mod">
          <ac:chgData name="White, Alex" userId="eff6cc8c-37d8-483b-9c6c-6b27e9afa9bc" providerId="ADAL" clId="{BF04C754-5BF4-4E83-9615-DB14FA25AF8A}" dt="2023-10-12T11:37:35.130" v="286"/>
          <ac:spMkLst>
            <pc:docMk/>
            <pc:sldMk cId="2376958513" sldId="260"/>
            <ac:spMk id="1435" creationId="{077C59D5-EA2E-55BA-4C33-697F1F0EB3F1}"/>
          </ac:spMkLst>
        </pc:spChg>
        <pc:spChg chg="mod">
          <ac:chgData name="White, Alex" userId="eff6cc8c-37d8-483b-9c6c-6b27e9afa9bc" providerId="ADAL" clId="{BF04C754-5BF4-4E83-9615-DB14FA25AF8A}" dt="2023-10-12T11:37:35.130" v="286"/>
          <ac:spMkLst>
            <pc:docMk/>
            <pc:sldMk cId="2376958513" sldId="260"/>
            <ac:spMk id="1436" creationId="{DD4F8CBF-03E4-2AE6-0A49-E666B31D398F}"/>
          </ac:spMkLst>
        </pc:spChg>
        <pc:spChg chg="mod">
          <ac:chgData name="White, Alex" userId="eff6cc8c-37d8-483b-9c6c-6b27e9afa9bc" providerId="ADAL" clId="{BF04C754-5BF4-4E83-9615-DB14FA25AF8A}" dt="2023-10-12T11:37:35.130" v="286"/>
          <ac:spMkLst>
            <pc:docMk/>
            <pc:sldMk cId="2376958513" sldId="260"/>
            <ac:spMk id="1437" creationId="{E130F204-C568-4CAF-BFB6-65F585A86090}"/>
          </ac:spMkLst>
        </pc:spChg>
        <pc:spChg chg="mod">
          <ac:chgData name="White, Alex" userId="eff6cc8c-37d8-483b-9c6c-6b27e9afa9bc" providerId="ADAL" clId="{BF04C754-5BF4-4E83-9615-DB14FA25AF8A}" dt="2023-10-12T11:37:35.130" v="286"/>
          <ac:spMkLst>
            <pc:docMk/>
            <pc:sldMk cId="2376958513" sldId="260"/>
            <ac:spMk id="1438" creationId="{6D08004C-7100-2098-D40F-12C8D1ED92CE}"/>
          </ac:spMkLst>
        </pc:spChg>
        <pc:spChg chg="mod">
          <ac:chgData name="White, Alex" userId="eff6cc8c-37d8-483b-9c6c-6b27e9afa9bc" providerId="ADAL" clId="{BF04C754-5BF4-4E83-9615-DB14FA25AF8A}" dt="2023-10-12T11:37:35.130" v="286"/>
          <ac:spMkLst>
            <pc:docMk/>
            <pc:sldMk cId="2376958513" sldId="260"/>
            <ac:spMk id="1439" creationId="{5B4C82B9-AC6A-D3EA-F659-8EC4FA6283FD}"/>
          </ac:spMkLst>
        </pc:spChg>
        <pc:spChg chg="mod">
          <ac:chgData name="White, Alex" userId="eff6cc8c-37d8-483b-9c6c-6b27e9afa9bc" providerId="ADAL" clId="{BF04C754-5BF4-4E83-9615-DB14FA25AF8A}" dt="2023-10-12T11:37:35.130" v="286"/>
          <ac:spMkLst>
            <pc:docMk/>
            <pc:sldMk cId="2376958513" sldId="260"/>
            <ac:spMk id="1440" creationId="{441D3A1C-FFCB-DDC7-4DED-D1C04053292E}"/>
          </ac:spMkLst>
        </pc:spChg>
        <pc:spChg chg="mod">
          <ac:chgData name="White, Alex" userId="eff6cc8c-37d8-483b-9c6c-6b27e9afa9bc" providerId="ADAL" clId="{BF04C754-5BF4-4E83-9615-DB14FA25AF8A}" dt="2023-10-12T11:37:35.130" v="286"/>
          <ac:spMkLst>
            <pc:docMk/>
            <pc:sldMk cId="2376958513" sldId="260"/>
            <ac:spMk id="1441" creationId="{4795FEE2-8B09-E4E6-21B6-7834819716F0}"/>
          </ac:spMkLst>
        </pc:spChg>
        <pc:spChg chg="mod">
          <ac:chgData name="White, Alex" userId="eff6cc8c-37d8-483b-9c6c-6b27e9afa9bc" providerId="ADAL" clId="{BF04C754-5BF4-4E83-9615-DB14FA25AF8A}" dt="2023-10-12T11:37:35.130" v="286"/>
          <ac:spMkLst>
            <pc:docMk/>
            <pc:sldMk cId="2376958513" sldId="260"/>
            <ac:spMk id="1442" creationId="{590BC323-21F0-AB05-AAA2-A664CBBC677D}"/>
          </ac:spMkLst>
        </pc:spChg>
        <pc:spChg chg="mod">
          <ac:chgData name="White, Alex" userId="eff6cc8c-37d8-483b-9c6c-6b27e9afa9bc" providerId="ADAL" clId="{BF04C754-5BF4-4E83-9615-DB14FA25AF8A}" dt="2023-10-12T11:37:35.130" v="286"/>
          <ac:spMkLst>
            <pc:docMk/>
            <pc:sldMk cId="2376958513" sldId="260"/>
            <ac:spMk id="1443" creationId="{1AFF31DE-3EE4-55CE-0A9F-D412E1951CCD}"/>
          </ac:spMkLst>
        </pc:spChg>
        <pc:spChg chg="mod">
          <ac:chgData name="White, Alex" userId="eff6cc8c-37d8-483b-9c6c-6b27e9afa9bc" providerId="ADAL" clId="{BF04C754-5BF4-4E83-9615-DB14FA25AF8A}" dt="2023-10-12T11:37:35.130" v="286"/>
          <ac:spMkLst>
            <pc:docMk/>
            <pc:sldMk cId="2376958513" sldId="260"/>
            <ac:spMk id="1444" creationId="{E93DF416-3682-87FE-9898-7506C0838902}"/>
          </ac:spMkLst>
        </pc:spChg>
        <pc:spChg chg="mod">
          <ac:chgData name="White, Alex" userId="eff6cc8c-37d8-483b-9c6c-6b27e9afa9bc" providerId="ADAL" clId="{BF04C754-5BF4-4E83-9615-DB14FA25AF8A}" dt="2023-10-12T11:37:35.130" v="286"/>
          <ac:spMkLst>
            <pc:docMk/>
            <pc:sldMk cId="2376958513" sldId="260"/>
            <ac:spMk id="1445" creationId="{FA5E09D8-3E9B-34D8-AA66-8F19B3C991D5}"/>
          </ac:spMkLst>
        </pc:spChg>
        <pc:spChg chg="mod">
          <ac:chgData name="White, Alex" userId="eff6cc8c-37d8-483b-9c6c-6b27e9afa9bc" providerId="ADAL" clId="{BF04C754-5BF4-4E83-9615-DB14FA25AF8A}" dt="2023-10-12T11:37:35.130" v="286"/>
          <ac:spMkLst>
            <pc:docMk/>
            <pc:sldMk cId="2376958513" sldId="260"/>
            <ac:spMk id="1446" creationId="{65043F52-1647-FD47-17E2-91B6E02AB059}"/>
          </ac:spMkLst>
        </pc:spChg>
        <pc:spChg chg="mod">
          <ac:chgData name="White, Alex" userId="eff6cc8c-37d8-483b-9c6c-6b27e9afa9bc" providerId="ADAL" clId="{BF04C754-5BF4-4E83-9615-DB14FA25AF8A}" dt="2023-10-12T11:37:35.130" v="286"/>
          <ac:spMkLst>
            <pc:docMk/>
            <pc:sldMk cId="2376958513" sldId="260"/>
            <ac:spMk id="1447" creationId="{3D76712A-EFDF-5587-10B5-D2DF5D4711D7}"/>
          </ac:spMkLst>
        </pc:spChg>
        <pc:spChg chg="mod">
          <ac:chgData name="White, Alex" userId="eff6cc8c-37d8-483b-9c6c-6b27e9afa9bc" providerId="ADAL" clId="{BF04C754-5BF4-4E83-9615-DB14FA25AF8A}" dt="2023-10-12T11:37:35.130" v="286"/>
          <ac:spMkLst>
            <pc:docMk/>
            <pc:sldMk cId="2376958513" sldId="260"/>
            <ac:spMk id="1448" creationId="{54F3E2A9-EFBA-CF9B-1256-B0B234611C87}"/>
          </ac:spMkLst>
        </pc:spChg>
        <pc:spChg chg="mod">
          <ac:chgData name="White, Alex" userId="eff6cc8c-37d8-483b-9c6c-6b27e9afa9bc" providerId="ADAL" clId="{BF04C754-5BF4-4E83-9615-DB14FA25AF8A}" dt="2023-10-12T11:37:35.130" v="286"/>
          <ac:spMkLst>
            <pc:docMk/>
            <pc:sldMk cId="2376958513" sldId="260"/>
            <ac:spMk id="1449" creationId="{770831A1-4370-E4A1-984D-A4B2C5BEDB09}"/>
          </ac:spMkLst>
        </pc:spChg>
        <pc:spChg chg="mod">
          <ac:chgData name="White, Alex" userId="eff6cc8c-37d8-483b-9c6c-6b27e9afa9bc" providerId="ADAL" clId="{BF04C754-5BF4-4E83-9615-DB14FA25AF8A}" dt="2023-10-12T11:37:35.130" v="286"/>
          <ac:spMkLst>
            <pc:docMk/>
            <pc:sldMk cId="2376958513" sldId="260"/>
            <ac:spMk id="1450" creationId="{25DE1A82-B0EF-4956-4748-737F677A1969}"/>
          </ac:spMkLst>
        </pc:spChg>
        <pc:spChg chg="mod">
          <ac:chgData name="White, Alex" userId="eff6cc8c-37d8-483b-9c6c-6b27e9afa9bc" providerId="ADAL" clId="{BF04C754-5BF4-4E83-9615-DB14FA25AF8A}" dt="2023-10-12T11:37:35.130" v="286"/>
          <ac:spMkLst>
            <pc:docMk/>
            <pc:sldMk cId="2376958513" sldId="260"/>
            <ac:spMk id="1451" creationId="{B5C4B297-AABD-6BFA-80AD-C60E72CCDE5B}"/>
          </ac:spMkLst>
        </pc:spChg>
        <pc:spChg chg="mod">
          <ac:chgData name="White, Alex" userId="eff6cc8c-37d8-483b-9c6c-6b27e9afa9bc" providerId="ADAL" clId="{BF04C754-5BF4-4E83-9615-DB14FA25AF8A}" dt="2023-10-12T11:37:35.130" v="286"/>
          <ac:spMkLst>
            <pc:docMk/>
            <pc:sldMk cId="2376958513" sldId="260"/>
            <ac:spMk id="1452" creationId="{6732B3AA-8FD0-EA69-C505-58ADD9CE5F5E}"/>
          </ac:spMkLst>
        </pc:spChg>
        <pc:spChg chg="mod">
          <ac:chgData name="White, Alex" userId="eff6cc8c-37d8-483b-9c6c-6b27e9afa9bc" providerId="ADAL" clId="{BF04C754-5BF4-4E83-9615-DB14FA25AF8A}" dt="2023-10-12T11:37:35.130" v="286"/>
          <ac:spMkLst>
            <pc:docMk/>
            <pc:sldMk cId="2376958513" sldId="260"/>
            <ac:spMk id="1453" creationId="{E7AA9303-12F4-F71D-E1EA-D7B43803B3FB}"/>
          </ac:spMkLst>
        </pc:spChg>
        <pc:spChg chg="mod">
          <ac:chgData name="White, Alex" userId="eff6cc8c-37d8-483b-9c6c-6b27e9afa9bc" providerId="ADAL" clId="{BF04C754-5BF4-4E83-9615-DB14FA25AF8A}" dt="2023-10-12T11:37:35.130" v="286"/>
          <ac:spMkLst>
            <pc:docMk/>
            <pc:sldMk cId="2376958513" sldId="260"/>
            <ac:spMk id="1454" creationId="{256B64F0-E106-B919-B88C-06EC89D20A79}"/>
          </ac:spMkLst>
        </pc:spChg>
        <pc:spChg chg="mod">
          <ac:chgData name="White, Alex" userId="eff6cc8c-37d8-483b-9c6c-6b27e9afa9bc" providerId="ADAL" clId="{BF04C754-5BF4-4E83-9615-DB14FA25AF8A}" dt="2023-10-12T11:37:35.130" v="286"/>
          <ac:spMkLst>
            <pc:docMk/>
            <pc:sldMk cId="2376958513" sldId="260"/>
            <ac:spMk id="1455" creationId="{699B6BDD-64C3-014A-F9E8-F373DC438718}"/>
          </ac:spMkLst>
        </pc:spChg>
        <pc:spChg chg="mod">
          <ac:chgData name="White, Alex" userId="eff6cc8c-37d8-483b-9c6c-6b27e9afa9bc" providerId="ADAL" clId="{BF04C754-5BF4-4E83-9615-DB14FA25AF8A}" dt="2023-10-12T11:37:35.130" v="286"/>
          <ac:spMkLst>
            <pc:docMk/>
            <pc:sldMk cId="2376958513" sldId="260"/>
            <ac:spMk id="1456" creationId="{52C5D418-2C96-F7C6-BD00-B67243DF4878}"/>
          </ac:spMkLst>
        </pc:spChg>
        <pc:spChg chg="mod">
          <ac:chgData name="White, Alex" userId="eff6cc8c-37d8-483b-9c6c-6b27e9afa9bc" providerId="ADAL" clId="{BF04C754-5BF4-4E83-9615-DB14FA25AF8A}" dt="2023-10-12T11:37:35.130" v="286"/>
          <ac:spMkLst>
            <pc:docMk/>
            <pc:sldMk cId="2376958513" sldId="260"/>
            <ac:spMk id="1457" creationId="{54E722DC-58D0-818E-1DDF-9CA70A61903B}"/>
          </ac:spMkLst>
        </pc:spChg>
        <pc:spChg chg="mod">
          <ac:chgData name="White, Alex" userId="eff6cc8c-37d8-483b-9c6c-6b27e9afa9bc" providerId="ADAL" clId="{BF04C754-5BF4-4E83-9615-DB14FA25AF8A}" dt="2023-10-12T11:37:35.130" v="286"/>
          <ac:spMkLst>
            <pc:docMk/>
            <pc:sldMk cId="2376958513" sldId="260"/>
            <ac:spMk id="1458" creationId="{C915C5C1-DE19-9354-E8A6-09B3E96EDFCF}"/>
          </ac:spMkLst>
        </pc:spChg>
        <pc:spChg chg="mod">
          <ac:chgData name="White, Alex" userId="eff6cc8c-37d8-483b-9c6c-6b27e9afa9bc" providerId="ADAL" clId="{BF04C754-5BF4-4E83-9615-DB14FA25AF8A}" dt="2023-10-12T11:37:35.130" v="286"/>
          <ac:spMkLst>
            <pc:docMk/>
            <pc:sldMk cId="2376958513" sldId="260"/>
            <ac:spMk id="1459" creationId="{CE8F1186-6E19-4944-6CF5-C92803660A68}"/>
          </ac:spMkLst>
        </pc:spChg>
        <pc:spChg chg="mod">
          <ac:chgData name="White, Alex" userId="eff6cc8c-37d8-483b-9c6c-6b27e9afa9bc" providerId="ADAL" clId="{BF04C754-5BF4-4E83-9615-DB14FA25AF8A}" dt="2023-10-12T11:37:35.130" v="286"/>
          <ac:spMkLst>
            <pc:docMk/>
            <pc:sldMk cId="2376958513" sldId="260"/>
            <ac:spMk id="1460" creationId="{98E5525A-E61E-638A-EF44-8C2B8C174715}"/>
          </ac:spMkLst>
        </pc:spChg>
        <pc:spChg chg="mod">
          <ac:chgData name="White, Alex" userId="eff6cc8c-37d8-483b-9c6c-6b27e9afa9bc" providerId="ADAL" clId="{BF04C754-5BF4-4E83-9615-DB14FA25AF8A}" dt="2023-10-12T11:37:35.130" v="286"/>
          <ac:spMkLst>
            <pc:docMk/>
            <pc:sldMk cId="2376958513" sldId="260"/>
            <ac:spMk id="1461" creationId="{A4E804FE-D310-549D-8FFD-9D468D36D388}"/>
          </ac:spMkLst>
        </pc:spChg>
        <pc:spChg chg="mod">
          <ac:chgData name="White, Alex" userId="eff6cc8c-37d8-483b-9c6c-6b27e9afa9bc" providerId="ADAL" clId="{BF04C754-5BF4-4E83-9615-DB14FA25AF8A}" dt="2023-10-12T11:37:35.130" v="286"/>
          <ac:spMkLst>
            <pc:docMk/>
            <pc:sldMk cId="2376958513" sldId="260"/>
            <ac:spMk id="1462" creationId="{E1D4003F-FF63-C7F4-0DEA-BDB2B0050007}"/>
          </ac:spMkLst>
        </pc:spChg>
        <pc:spChg chg="mod">
          <ac:chgData name="White, Alex" userId="eff6cc8c-37d8-483b-9c6c-6b27e9afa9bc" providerId="ADAL" clId="{BF04C754-5BF4-4E83-9615-DB14FA25AF8A}" dt="2023-10-12T11:37:35.130" v="286"/>
          <ac:spMkLst>
            <pc:docMk/>
            <pc:sldMk cId="2376958513" sldId="260"/>
            <ac:spMk id="1463" creationId="{97E15AEB-2A31-E9CC-AE39-455AD91E45B2}"/>
          </ac:spMkLst>
        </pc:spChg>
        <pc:spChg chg="mod">
          <ac:chgData name="White, Alex" userId="eff6cc8c-37d8-483b-9c6c-6b27e9afa9bc" providerId="ADAL" clId="{BF04C754-5BF4-4E83-9615-DB14FA25AF8A}" dt="2023-10-12T11:37:35.130" v="286"/>
          <ac:spMkLst>
            <pc:docMk/>
            <pc:sldMk cId="2376958513" sldId="260"/>
            <ac:spMk id="1464" creationId="{713884A6-1762-1D6D-F6A7-E394A165A5CF}"/>
          </ac:spMkLst>
        </pc:spChg>
        <pc:spChg chg="mod">
          <ac:chgData name="White, Alex" userId="eff6cc8c-37d8-483b-9c6c-6b27e9afa9bc" providerId="ADAL" clId="{BF04C754-5BF4-4E83-9615-DB14FA25AF8A}" dt="2023-10-12T11:37:35.130" v="286"/>
          <ac:spMkLst>
            <pc:docMk/>
            <pc:sldMk cId="2376958513" sldId="260"/>
            <ac:spMk id="1465" creationId="{72DC92C4-C4C4-ADA1-DA64-B10614C8476D}"/>
          </ac:spMkLst>
        </pc:spChg>
        <pc:spChg chg="mod">
          <ac:chgData name="White, Alex" userId="eff6cc8c-37d8-483b-9c6c-6b27e9afa9bc" providerId="ADAL" clId="{BF04C754-5BF4-4E83-9615-DB14FA25AF8A}" dt="2023-10-12T11:37:35.130" v="286"/>
          <ac:spMkLst>
            <pc:docMk/>
            <pc:sldMk cId="2376958513" sldId="260"/>
            <ac:spMk id="1466" creationId="{D5AE2288-1CF7-BA73-E7E0-5E02FDD1A0C3}"/>
          </ac:spMkLst>
        </pc:spChg>
        <pc:spChg chg="mod">
          <ac:chgData name="White, Alex" userId="eff6cc8c-37d8-483b-9c6c-6b27e9afa9bc" providerId="ADAL" clId="{BF04C754-5BF4-4E83-9615-DB14FA25AF8A}" dt="2023-10-12T11:37:35.130" v="286"/>
          <ac:spMkLst>
            <pc:docMk/>
            <pc:sldMk cId="2376958513" sldId="260"/>
            <ac:spMk id="1467" creationId="{76A677D3-EB90-84CF-8D0C-D3093343ED87}"/>
          </ac:spMkLst>
        </pc:spChg>
        <pc:spChg chg="mod">
          <ac:chgData name="White, Alex" userId="eff6cc8c-37d8-483b-9c6c-6b27e9afa9bc" providerId="ADAL" clId="{BF04C754-5BF4-4E83-9615-DB14FA25AF8A}" dt="2023-10-12T11:37:35.130" v="286"/>
          <ac:spMkLst>
            <pc:docMk/>
            <pc:sldMk cId="2376958513" sldId="260"/>
            <ac:spMk id="1468" creationId="{14881238-98BC-E29E-A7DC-FC5C1C196352}"/>
          </ac:spMkLst>
        </pc:spChg>
        <pc:spChg chg="mod">
          <ac:chgData name="White, Alex" userId="eff6cc8c-37d8-483b-9c6c-6b27e9afa9bc" providerId="ADAL" clId="{BF04C754-5BF4-4E83-9615-DB14FA25AF8A}" dt="2023-10-12T11:37:35.130" v="286"/>
          <ac:spMkLst>
            <pc:docMk/>
            <pc:sldMk cId="2376958513" sldId="260"/>
            <ac:spMk id="1469" creationId="{4C2548BD-2173-CCF9-7289-14571F49361E}"/>
          </ac:spMkLst>
        </pc:spChg>
        <pc:spChg chg="mod">
          <ac:chgData name="White, Alex" userId="eff6cc8c-37d8-483b-9c6c-6b27e9afa9bc" providerId="ADAL" clId="{BF04C754-5BF4-4E83-9615-DB14FA25AF8A}" dt="2023-10-12T11:37:35.130" v="286"/>
          <ac:spMkLst>
            <pc:docMk/>
            <pc:sldMk cId="2376958513" sldId="260"/>
            <ac:spMk id="1470" creationId="{C5A85B7E-661B-ECD7-1476-598408D054D1}"/>
          </ac:spMkLst>
        </pc:spChg>
        <pc:spChg chg="mod">
          <ac:chgData name="White, Alex" userId="eff6cc8c-37d8-483b-9c6c-6b27e9afa9bc" providerId="ADAL" clId="{BF04C754-5BF4-4E83-9615-DB14FA25AF8A}" dt="2023-10-12T11:37:35.130" v="286"/>
          <ac:spMkLst>
            <pc:docMk/>
            <pc:sldMk cId="2376958513" sldId="260"/>
            <ac:spMk id="1471" creationId="{E947F74A-DCCC-0931-992D-AF7CD9FE3C31}"/>
          </ac:spMkLst>
        </pc:spChg>
        <pc:spChg chg="mod">
          <ac:chgData name="White, Alex" userId="eff6cc8c-37d8-483b-9c6c-6b27e9afa9bc" providerId="ADAL" clId="{BF04C754-5BF4-4E83-9615-DB14FA25AF8A}" dt="2023-10-12T11:37:35.130" v="286"/>
          <ac:spMkLst>
            <pc:docMk/>
            <pc:sldMk cId="2376958513" sldId="260"/>
            <ac:spMk id="1472" creationId="{A6260EEC-D837-39C2-22BD-08B2F67907FA}"/>
          </ac:spMkLst>
        </pc:spChg>
        <pc:spChg chg="mod">
          <ac:chgData name="White, Alex" userId="eff6cc8c-37d8-483b-9c6c-6b27e9afa9bc" providerId="ADAL" clId="{BF04C754-5BF4-4E83-9615-DB14FA25AF8A}" dt="2023-10-12T11:37:35.130" v="286"/>
          <ac:spMkLst>
            <pc:docMk/>
            <pc:sldMk cId="2376958513" sldId="260"/>
            <ac:spMk id="1473" creationId="{222771D1-5732-FD8E-8225-396906385F0F}"/>
          </ac:spMkLst>
        </pc:spChg>
        <pc:spChg chg="mod">
          <ac:chgData name="White, Alex" userId="eff6cc8c-37d8-483b-9c6c-6b27e9afa9bc" providerId="ADAL" clId="{BF04C754-5BF4-4E83-9615-DB14FA25AF8A}" dt="2023-10-12T11:37:35.130" v="286"/>
          <ac:spMkLst>
            <pc:docMk/>
            <pc:sldMk cId="2376958513" sldId="260"/>
            <ac:spMk id="1474" creationId="{2CC38A3D-D935-F5B9-FAD3-C11C06551A84}"/>
          </ac:spMkLst>
        </pc:spChg>
        <pc:spChg chg="mod">
          <ac:chgData name="White, Alex" userId="eff6cc8c-37d8-483b-9c6c-6b27e9afa9bc" providerId="ADAL" clId="{BF04C754-5BF4-4E83-9615-DB14FA25AF8A}" dt="2023-10-12T11:37:35.130" v="286"/>
          <ac:spMkLst>
            <pc:docMk/>
            <pc:sldMk cId="2376958513" sldId="260"/>
            <ac:spMk id="1475" creationId="{6A2291AC-B69E-42DE-D4B9-30CC409FC2E4}"/>
          </ac:spMkLst>
        </pc:spChg>
        <pc:spChg chg="mod">
          <ac:chgData name="White, Alex" userId="eff6cc8c-37d8-483b-9c6c-6b27e9afa9bc" providerId="ADAL" clId="{BF04C754-5BF4-4E83-9615-DB14FA25AF8A}" dt="2023-10-12T11:37:35.130" v="286"/>
          <ac:spMkLst>
            <pc:docMk/>
            <pc:sldMk cId="2376958513" sldId="260"/>
            <ac:spMk id="1477" creationId="{4B817229-930D-54C8-EC8D-D4FEAC8E6F26}"/>
          </ac:spMkLst>
        </pc:spChg>
        <pc:spChg chg="mod">
          <ac:chgData name="White, Alex" userId="eff6cc8c-37d8-483b-9c6c-6b27e9afa9bc" providerId="ADAL" clId="{BF04C754-5BF4-4E83-9615-DB14FA25AF8A}" dt="2023-10-12T11:37:35.130" v="286"/>
          <ac:spMkLst>
            <pc:docMk/>
            <pc:sldMk cId="2376958513" sldId="260"/>
            <ac:spMk id="1478" creationId="{2AA88DC5-7D6A-83A5-2163-5C598B1246AB}"/>
          </ac:spMkLst>
        </pc:spChg>
        <pc:spChg chg="mod">
          <ac:chgData name="White, Alex" userId="eff6cc8c-37d8-483b-9c6c-6b27e9afa9bc" providerId="ADAL" clId="{BF04C754-5BF4-4E83-9615-DB14FA25AF8A}" dt="2023-10-12T11:37:35.130" v="286"/>
          <ac:spMkLst>
            <pc:docMk/>
            <pc:sldMk cId="2376958513" sldId="260"/>
            <ac:spMk id="1479" creationId="{C68B445C-8D54-EF94-F41F-387A3A198935}"/>
          </ac:spMkLst>
        </pc:spChg>
        <pc:spChg chg="mod">
          <ac:chgData name="White, Alex" userId="eff6cc8c-37d8-483b-9c6c-6b27e9afa9bc" providerId="ADAL" clId="{BF04C754-5BF4-4E83-9615-DB14FA25AF8A}" dt="2023-10-12T11:37:35.130" v="286"/>
          <ac:spMkLst>
            <pc:docMk/>
            <pc:sldMk cId="2376958513" sldId="260"/>
            <ac:spMk id="1480" creationId="{77FCE032-5FD6-3368-D71D-0DACCA5A1834}"/>
          </ac:spMkLst>
        </pc:spChg>
        <pc:spChg chg="mod">
          <ac:chgData name="White, Alex" userId="eff6cc8c-37d8-483b-9c6c-6b27e9afa9bc" providerId="ADAL" clId="{BF04C754-5BF4-4E83-9615-DB14FA25AF8A}" dt="2023-10-12T11:37:35.130" v="286"/>
          <ac:spMkLst>
            <pc:docMk/>
            <pc:sldMk cId="2376958513" sldId="260"/>
            <ac:spMk id="1481" creationId="{5370F513-A583-9B62-B6CA-C9893F29B739}"/>
          </ac:spMkLst>
        </pc:spChg>
        <pc:spChg chg="mod">
          <ac:chgData name="White, Alex" userId="eff6cc8c-37d8-483b-9c6c-6b27e9afa9bc" providerId="ADAL" clId="{BF04C754-5BF4-4E83-9615-DB14FA25AF8A}" dt="2023-10-12T11:37:35.130" v="286"/>
          <ac:spMkLst>
            <pc:docMk/>
            <pc:sldMk cId="2376958513" sldId="260"/>
            <ac:spMk id="1482" creationId="{26239C70-BBE7-812C-950F-4082205F4EF3}"/>
          </ac:spMkLst>
        </pc:spChg>
        <pc:spChg chg="mod">
          <ac:chgData name="White, Alex" userId="eff6cc8c-37d8-483b-9c6c-6b27e9afa9bc" providerId="ADAL" clId="{BF04C754-5BF4-4E83-9615-DB14FA25AF8A}" dt="2023-10-12T11:37:35.130" v="286"/>
          <ac:spMkLst>
            <pc:docMk/>
            <pc:sldMk cId="2376958513" sldId="260"/>
            <ac:spMk id="1483" creationId="{092BD757-3ED0-6538-6BB0-C9E1D34FB69F}"/>
          </ac:spMkLst>
        </pc:spChg>
        <pc:spChg chg="mod">
          <ac:chgData name="White, Alex" userId="eff6cc8c-37d8-483b-9c6c-6b27e9afa9bc" providerId="ADAL" clId="{BF04C754-5BF4-4E83-9615-DB14FA25AF8A}" dt="2023-10-12T11:37:35.130" v="286"/>
          <ac:spMkLst>
            <pc:docMk/>
            <pc:sldMk cId="2376958513" sldId="260"/>
            <ac:spMk id="1484" creationId="{B6C8BC8F-5F73-A5EF-2530-E426CEE279DA}"/>
          </ac:spMkLst>
        </pc:spChg>
        <pc:spChg chg="mod">
          <ac:chgData name="White, Alex" userId="eff6cc8c-37d8-483b-9c6c-6b27e9afa9bc" providerId="ADAL" clId="{BF04C754-5BF4-4E83-9615-DB14FA25AF8A}" dt="2023-10-12T11:37:35.130" v="286"/>
          <ac:spMkLst>
            <pc:docMk/>
            <pc:sldMk cId="2376958513" sldId="260"/>
            <ac:spMk id="1485" creationId="{7E826DFA-4B9F-408D-6A31-4467B8666338}"/>
          </ac:spMkLst>
        </pc:spChg>
        <pc:spChg chg="mod">
          <ac:chgData name="White, Alex" userId="eff6cc8c-37d8-483b-9c6c-6b27e9afa9bc" providerId="ADAL" clId="{BF04C754-5BF4-4E83-9615-DB14FA25AF8A}" dt="2023-10-12T11:37:35.130" v="286"/>
          <ac:spMkLst>
            <pc:docMk/>
            <pc:sldMk cId="2376958513" sldId="260"/>
            <ac:spMk id="1486" creationId="{DF65D286-7BEB-6CBF-DE28-F18B5285F6BC}"/>
          </ac:spMkLst>
        </pc:spChg>
        <pc:spChg chg="mod">
          <ac:chgData name="White, Alex" userId="eff6cc8c-37d8-483b-9c6c-6b27e9afa9bc" providerId="ADAL" clId="{BF04C754-5BF4-4E83-9615-DB14FA25AF8A}" dt="2023-10-12T11:37:35.130" v="286"/>
          <ac:spMkLst>
            <pc:docMk/>
            <pc:sldMk cId="2376958513" sldId="260"/>
            <ac:spMk id="1487" creationId="{38BDEF08-CCF9-AB31-32B0-3017A0575B58}"/>
          </ac:spMkLst>
        </pc:spChg>
        <pc:spChg chg="mod">
          <ac:chgData name="White, Alex" userId="eff6cc8c-37d8-483b-9c6c-6b27e9afa9bc" providerId="ADAL" clId="{BF04C754-5BF4-4E83-9615-DB14FA25AF8A}" dt="2023-10-12T11:37:35.130" v="286"/>
          <ac:spMkLst>
            <pc:docMk/>
            <pc:sldMk cId="2376958513" sldId="260"/>
            <ac:spMk id="1488" creationId="{C8692DC4-E798-09D5-72E6-E928584B503E}"/>
          </ac:spMkLst>
        </pc:spChg>
        <pc:spChg chg="mod">
          <ac:chgData name="White, Alex" userId="eff6cc8c-37d8-483b-9c6c-6b27e9afa9bc" providerId="ADAL" clId="{BF04C754-5BF4-4E83-9615-DB14FA25AF8A}" dt="2023-10-12T11:37:35.130" v="286"/>
          <ac:spMkLst>
            <pc:docMk/>
            <pc:sldMk cId="2376958513" sldId="260"/>
            <ac:spMk id="1489" creationId="{01C71E26-1C79-A8FC-1A24-27C2C308F17A}"/>
          </ac:spMkLst>
        </pc:spChg>
        <pc:spChg chg="mod">
          <ac:chgData name="White, Alex" userId="eff6cc8c-37d8-483b-9c6c-6b27e9afa9bc" providerId="ADAL" clId="{BF04C754-5BF4-4E83-9615-DB14FA25AF8A}" dt="2023-10-12T11:37:35.130" v="286"/>
          <ac:spMkLst>
            <pc:docMk/>
            <pc:sldMk cId="2376958513" sldId="260"/>
            <ac:spMk id="1490" creationId="{614D23EC-0935-14AE-76C9-A2DAC85D134A}"/>
          </ac:spMkLst>
        </pc:spChg>
        <pc:spChg chg="mod">
          <ac:chgData name="White, Alex" userId="eff6cc8c-37d8-483b-9c6c-6b27e9afa9bc" providerId="ADAL" clId="{BF04C754-5BF4-4E83-9615-DB14FA25AF8A}" dt="2023-10-12T11:37:35.130" v="286"/>
          <ac:spMkLst>
            <pc:docMk/>
            <pc:sldMk cId="2376958513" sldId="260"/>
            <ac:spMk id="1491" creationId="{25EB616B-B102-6742-44DC-4BA0F8024E2C}"/>
          </ac:spMkLst>
        </pc:spChg>
        <pc:spChg chg="mod">
          <ac:chgData name="White, Alex" userId="eff6cc8c-37d8-483b-9c6c-6b27e9afa9bc" providerId="ADAL" clId="{BF04C754-5BF4-4E83-9615-DB14FA25AF8A}" dt="2023-10-12T11:37:35.130" v="286"/>
          <ac:spMkLst>
            <pc:docMk/>
            <pc:sldMk cId="2376958513" sldId="260"/>
            <ac:spMk id="1492" creationId="{9DFF3076-538F-5FE4-3D50-0B90D9A7FF3A}"/>
          </ac:spMkLst>
        </pc:spChg>
        <pc:spChg chg="mod">
          <ac:chgData name="White, Alex" userId="eff6cc8c-37d8-483b-9c6c-6b27e9afa9bc" providerId="ADAL" clId="{BF04C754-5BF4-4E83-9615-DB14FA25AF8A}" dt="2023-10-12T11:37:35.130" v="286"/>
          <ac:spMkLst>
            <pc:docMk/>
            <pc:sldMk cId="2376958513" sldId="260"/>
            <ac:spMk id="1493" creationId="{8EB69AAA-54B7-DCDC-5FD9-18E907F7E2D3}"/>
          </ac:spMkLst>
        </pc:spChg>
        <pc:spChg chg="mod">
          <ac:chgData name="White, Alex" userId="eff6cc8c-37d8-483b-9c6c-6b27e9afa9bc" providerId="ADAL" clId="{BF04C754-5BF4-4E83-9615-DB14FA25AF8A}" dt="2023-10-12T11:37:35.130" v="286"/>
          <ac:spMkLst>
            <pc:docMk/>
            <pc:sldMk cId="2376958513" sldId="260"/>
            <ac:spMk id="1494" creationId="{4CD72538-3AA0-021E-F1D9-6C4863B7DC76}"/>
          </ac:spMkLst>
        </pc:spChg>
        <pc:spChg chg="mod">
          <ac:chgData name="White, Alex" userId="eff6cc8c-37d8-483b-9c6c-6b27e9afa9bc" providerId="ADAL" clId="{BF04C754-5BF4-4E83-9615-DB14FA25AF8A}" dt="2023-10-12T11:37:35.130" v="286"/>
          <ac:spMkLst>
            <pc:docMk/>
            <pc:sldMk cId="2376958513" sldId="260"/>
            <ac:spMk id="1495" creationId="{586B673A-948D-FA4B-1535-6D3BB9E41C1D}"/>
          </ac:spMkLst>
        </pc:spChg>
        <pc:spChg chg="mod">
          <ac:chgData name="White, Alex" userId="eff6cc8c-37d8-483b-9c6c-6b27e9afa9bc" providerId="ADAL" clId="{BF04C754-5BF4-4E83-9615-DB14FA25AF8A}" dt="2023-10-12T11:37:35.130" v="286"/>
          <ac:spMkLst>
            <pc:docMk/>
            <pc:sldMk cId="2376958513" sldId="260"/>
            <ac:spMk id="1496" creationId="{CE33F5FB-6EA6-0F68-D534-6E4198A64670}"/>
          </ac:spMkLst>
        </pc:spChg>
        <pc:spChg chg="mod">
          <ac:chgData name="White, Alex" userId="eff6cc8c-37d8-483b-9c6c-6b27e9afa9bc" providerId="ADAL" clId="{BF04C754-5BF4-4E83-9615-DB14FA25AF8A}" dt="2023-10-12T11:37:35.130" v="286"/>
          <ac:spMkLst>
            <pc:docMk/>
            <pc:sldMk cId="2376958513" sldId="260"/>
            <ac:spMk id="1497" creationId="{D22F94CE-BAD7-F86B-616E-880DD6A572FA}"/>
          </ac:spMkLst>
        </pc:spChg>
        <pc:spChg chg="mod">
          <ac:chgData name="White, Alex" userId="eff6cc8c-37d8-483b-9c6c-6b27e9afa9bc" providerId="ADAL" clId="{BF04C754-5BF4-4E83-9615-DB14FA25AF8A}" dt="2023-10-12T11:37:35.130" v="286"/>
          <ac:spMkLst>
            <pc:docMk/>
            <pc:sldMk cId="2376958513" sldId="260"/>
            <ac:spMk id="1498" creationId="{D62B26AD-4800-918A-2A9E-4355B40A27D9}"/>
          </ac:spMkLst>
        </pc:spChg>
        <pc:spChg chg="mod">
          <ac:chgData name="White, Alex" userId="eff6cc8c-37d8-483b-9c6c-6b27e9afa9bc" providerId="ADAL" clId="{BF04C754-5BF4-4E83-9615-DB14FA25AF8A}" dt="2023-10-12T11:37:35.130" v="286"/>
          <ac:spMkLst>
            <pc:docMk/>
            <pc:sldMk cId="2376958513" sldId="260"/>
            <ac:spMk id="1499" creationId="{81715520-0B03-9080-D06F-BBCA626B56FC}"/>
          </ac:spMkLst>
        </pc:spChg>
        <pc:spChg chg="mod">
          <ac:chgData name="White, Alex" userId="eff6cc8c-37d8-483b-9c6c-6b27e9afa9bc" providerId="ADAL" clId="{BF04C754-5BF4-4E83-9615-DB14FA25AF8A}" dt="2023-10-12T11:37:35.130" v="286"/>
          <ac:spMkLst>
            <pc:docMk/>
            <pc:sldMk cId="2376958513" sldId="260"/>
            <ac:spMk id="1500" creationId="{E6A6AD5F-B056-E96B-6C29-E53C3D19A573}"/>
          </ac:spMkLst>
        </pc:spChg>
        <pc:spChg chg="mod">
          <ac:chgData name="White, Alex" userId="eff6cc8c-37d8-483b-9c6c-6b27e9afa9bc" providerId="ADAL" clId="{BF04C754-5BF4-4E83-9615-DB14FA25AF8A}" dt="2023-10-12T11:37:35.130" v="286"/>
          <ac:spMkLst>
            <pc:docMk/>
            <pc:sldMk cId="2376958513" sldId="260"/>
            <ac:spMk id="1501" creationId="{584512E5-135A-F921-C8FE-3FF9C2CF7209}"/>
          </ac:spMkLst>
        </pc:spChg>
        <pc:spChg chg="mod">
          <ac:chgData name="White, Alex" userId="eff6cc8c-37d8-483b-9c6c-6b27e9afa9bc" providerId="ADAL" clId="{BF04C754-5BF4-4E83-9615-DB14FA25AF8A}" dt="2023-10-12T11:37:35.130" v="286"/>
          <ac:spMkLst>
            <pc:docMk/>
            <pc:sldMk cId="2376958513" sldId="260"/>
            <ac:spMk id="1502" creationId="{C60C1AEE-C0D3-74EF-F17C-6890DF0E2659}"/>
          </ac:spMkLst>
        </pc:spChg>
        <pc:spChg chg="mod">
          <ac:chgData name="White, Alex" userId="eff6cc8c-37d8-483b-9c6c-6b27e9afa9bc" providerId="ADAL" clId="{BF04C754-5BF4-4E83-9615-DB14FA25AF8A}" dt="2023-10-12T11:37:35.130" v="286"/>
          <ac:spMkLst>
            <pc:docMk/>
            <pc:sldMk cId="2376958513" sldId="260"/>
            <ac:spMk id="1503" creationId="{7DA915A5-B6B9-3777-FC58-248C1CC969FA}"/>
          </ac:spMkLst>
        </pc:spChg>
        <pc:spChg chg="mod">
          <ac:chgData name="White, Alex" userId="eff6cc8c-37d8-483b-9c6c-6b27e9afa9bc" providerId="ADAL" clId="{BF04C754-5BF4-4E83-9615-DB14FA25AF8A}" dt="2023-10-12T11:37:35.130" v="286"/>
          <ac:spMkLst>
            <pc:docMk/>
            <pc:sldMk cId="2376958513" sldId="260"/>
            <ac:spMk id="1504" creationId="{C68EACB9-4576-9B79-A4FA-36CCF8D9280B}"/>
          </ac:spMkLst>
        </pc:spChg>
        <pc:spChg chg="mod">
          <ac:chgData name="White, Alex" userId="eff6cc8c-37d8-483b-9c6c-6b27e9afa9bc" providerId="ADAL" clId="{BF04C754-5BF4-4E83-9615-DB14FA25AF8A}" dt="2023-10-12T11:37:35.130" v="286"/>
          <ac:spMkLst>
            <pc:docMk/>
            <pc:sldMk cId="2376958513" sldId="260"/>
            <ac:spMk id="1505" creationId="{4B7BE66E-7BFF-285E-A358-4DEBA98E349C}"/>
          </ac:spMkLst>
        </pc:spChg>
        <pc:spChg chg="mod">
          <ac:chgData name="White, Alex" userId="eff6cc8c-37d8-483b-9c6c-6b27e9afa9bc" providerId="ADAL" clId="{BF04C754-5BF4-4E83-9615-DB14FA25AF8A}" dt="2023-10-12T11:37:35.130" v="286"/>
          <ac:spMkLst>
            <pc:docMk/>
            <pc:sldMk cId="2376958513" sldId="260"/>
            <ac:spMk id="1506" creationId="{484904C2-AA2C-38E5-29B9-D1537D27B79F}"/>
          </ac:spMkLst>
        </pc:spChg>
        <pc:spChg chg="mod">
          <ac:chgData name="White, Alex" userId="eff6cc8c-37d8-483b-9c6c-6b27e9afa9bc" providerId="ADAL" clId="{BF04C754-5BF4-4E83-9615-DB14FA25AF8A}" dt="2023-10-12T11:37:35.130" v="286"/>
          <ac:spMkLst>
            <pc:docMk/>
            <pc:sldMk cId="2376958513" sldId="260"/>
            <ac:spMk id="1507" creationId="{E2E5FE55-D1C9-B1D0-EDE7-BA39AB3DC0E9}"/>
          </ac:spMkLst>
        </pc:spChg>
        <pc:spChg chg="mod">
          <ac:chgData name="White, Alex" userId="eff6cc8c-37d8-483b-9c6c-6b27e9afa9bc" providerId="ADAL" clId="{BF04C754-5BF4-4E83-9615-DB14FA25AF8A}" dt="2023-10-12T11:37:35.130" v="286"/>
          <ac:spMkLst>
            <pc:docMk/>
            <pc:sldMk cId="2376958513" sldId="260"/>
            <ac:spMk id="1508" creationId="{2226703E-AF59-047F-ADAB-6C43E9108B2A}"/>
          </ac:spMkLst>
        </pc:spChg>
        <pc:spChg chg="mod">
          <ac:chgData name="White, Alex" userId="eff6cc8c-37d8-483b-9c6c-6b27e9afa9bc" providerId="ADAL" clId="{BF04C754-5BF4-4E83-9615-DB14FA25AF8A}" dt="2023-10-12T11:37:35.130" v="286"/>
          <ac:spMkLst>
            <pc:docMk/>
            <pc:sldMk cId="2376958513" sldId="260"/>
            <ac:spMk id="1509" creationId="{FABB9FFE-FF73-4DBD-6C47-E7ED850474D7}"/>
          </ac:spMkLst>
        </pc:spChg>
        <pc:spChg chg="mod">
          <ac:chgData name="White, Alex" userId="eff6cc8c-37d8-483b-9c6c-6b27e9afa9bc" providerId="ADAL" clId="{BF04C754-5BF4-4E83-9615-DB14FA25AF8A}" dt="2023-10-12T11:37:35.130" v="286"/>
          <ac:spMkLst>
            <pc:docMk/>
            <pc:sldMk cId="2376958513" sldId="260"/>
            <ac:spMk id="1510" creationId="{D52EC195-6154-9215-5E84-F5FE03212F97}"/>
          </ac:spMkLst>
        </pc:spChg>
        <pc:spChg chg="mod">
          <ac:chgData name="White, Alex" userId="eff6cc8c-37d8-483b-9c6c-6b27e9afa9bc" providerId="ADAL" clId="{BF04C754-5BF4-4E83-9615-DB14FA25AF8A}" dt="2023-10-12T11:37:35.130" v="286"/>
          <ac:spMkLst>
            <pc:docMk/>
            <pc:sldMk cId="2376958513" sldId="260"/>
            <ac:spMk id="1511" creationId="{BCFB7755-A5C2-8A1C-0FE3-F34C06957A7A}"/>
          </ac:spMkLst>
        </pc:spChg>
        <pc:spChg chg="mod">
          <ac:chgData name="White, Alex" userId="eff6cc8c-37d8-483b-9c6c-6b27e9afa9bc" providerId="ADAL" clId="{BF04C754-5BF4-4E83-9615-DB14FA25AF8A}" dt="2023-10-12T11:37:35.130" v="286"/>
          <ac:spMkLst>
            <pc:docMk/>
            <pc:sldMk cId="2376958513" sldId="260"/>
            <ac:spMk id="1512" creationId="{2EE8CCB4-FD9D-F506-1B63-00F9A26C4178}"/>
          </ac:spMkLst>
        </pc:spChg>
        <pc:spChg chg="mod">
          <ac:chgData name="White, Alex" userId="eff6cc8c-37d8-483b-9c6c-6b27e9afa9bc" providerId="ADAL" clId="{BF04C754-5BF4-4E83-9615-DB14FA25AF8A}" dt="2023-10-12T11:37:35.130" v="286"/>
          <ac:spMkLst>
            <pc:docMk/>
            <pc:sldMk cId="2376958513" sldId="260"/>
            <ac:spMk id="1513" creationId="{68CF5CBE-5227-A0B5-825C-606DA319362D}"/>
          </ac:spMkLst>
        </pc:spChg>
        <pc:spChg chg="mod">
          <ac:chgData name="White, Alex" userId="eff6cc8c-37d8-483b-9c6c-6b27e9afa9bc" providerId="ADAL" clId="{BF04C754-5BF4-4E83-9615-DB14FA25AF8A}" dt="2023-10-12T11:37:35.130" v="286"/>
          <ac:spMkLst>
            <pc:docMk/>
            <pc:sldMk cId="2376958513" sldId="260"/>
            <ac:spMk id="1514" creationId="{5B1D3828-F745-F100-2C5A-E6D7C253B0D2}"/>
          </ac:spMkLst>
        </pc:spChg>
        <pc:spChg chg="mod">
          <ac:chgData name="White, Alex" userId="eff6cc8c-37d8-483b-9c6c-6b27e9afa9bc" providerId="ADAL" clId="{BF04C754-5BF4-4E83-9615-DB14FA25AF8A}" dt="2023-10-12T11:37:35.130" v="286"/>
          <ac:spMkLst>
            <pc:docMk/>
            <pc:sldMk cId="2376958513" sldId="260"/>
            <ac:spMk id="1515" creationId="{9A7ABDC8-0EA8-911D-DC6E-C7B0B11E1FEE}"/>
          </ac:spMkLst>
        </pc:spChg>
        <pc:spChg chg="mod">
          <ac:chgData name="White, Alex" userId="eff6cc8c-37d8-483b-9c6c-6b27e9afa9bc" providerId="ADAL" clId="{BF04C754-5BF4-4E83-9615-DB14FA25AF8A}" dt="2023-10-12T11:37:35.130" v="286"/>
          <ac:spMkLst>
            <pc:docMk/>
            <pc:sldMk cId="2376958513" sldId="260"/>
            <ac:spMk id="1516" creationId="{1F0D0BD9-B80A-569C-D1C4-C66761E622A2}"/>
          </ac:spMkLst>
        </pc:spChg>
        <pc:spChg chg="mod">
          <ac:chgData name="White, Alex" userId="eff6cc8c-37d8-483b-9c6c-6b27e9afa9bc" providerId="ADAL" clId="{BF04C754-5BF4-4E83-9615-DB14FA25AF8A}" dt="2023-10-12T11:37:35.130" v="286"/>
          <ac:spMkLst>
            <pc:docMk/>
            <pc:sldMk cId="2376958513" sldId="260"/>
            <ac:spMk id="1517" creationId="{4D8C0599-D0E3-59DC-37B1-9D778A45CDF8}"/>
          </ac:spMkLst>
        </pc:spChg>
        <pc:spChg chg="mod">
          <ac:chgData name="White, Alex" userId="eff6cc8c-37d8-483b-9c6c-6b27e9afa9bc" providerId="ADAL" clId="{BF04C754-5BF4-4E83-9615-DB14FA25AF8A}" dt="2023-10-12T11:37:35.130" v="286"/>
          <ac:spMkLst>
            <pc:docMk/>
            <pc:sldMk cId="2376958513" sldId="260"/>
            <ac:spMk id="1518" creationId="{62D17CD8-4110-9BB5-AE1A-C16B23F38B97}"/>
          </ac:spMkLst>
        </pc:spChg>
        <pc:spChg chg="mod">
          <ac:chgData name="White, Alex" userId="eff6cc8c-37d8-483b-9c6c-6b27e9afa9bc" providerId="ADAL" clId="{BF04C754-5BF4-4E83-9615-DB14FA25AF8A}" dt="2023-10-12T11:37:35.130" v="286"/>
          <ac:spMkLst>
            <pc:docMk/>
            <pc:sldMk cId="2376958513" sldId="260"/>
            <ac:spMk id="1519" creationId="{27D63AF4-CF0A-AAFB-3C01-D5F8FA1FF38D}"/>
          </ac:spMkLst>
        </pc:spChg>
        <pc:spChg chg="mod">
          <ac:chgData name="White, Alex" userId="eff6cc8c-37d8-483b-9c6c-6b27e9afa9bc" providerId="ADAL" clId="{BF04C754-5BF4-4E83-9615-DB14FA25AF8A}" dt="2023-10-12T11:37:35.130" v="286"/>
          <ac:spMkLst>
            <pc:docMk/>
            <pc:sldMk cId="2376958513" sldId="260"/>
            <ac:spMk id="1520" creationId="{E34E14B3-4D2F-1691-481A-97503283FA41}"/>
          </ac:spMkLst>
        </pc:spChg>
        <pc:spChg chg="mod">
          <ac:chgData name="White, Alex" userId="eff6cc8c-37d8-483b-9c6c-6b27e9afa9bc" providerId="ADAL" clId="{BF04C754-5BF4-4E83-9615-DB14FA25AF8A}" dt="2023-10-12T11:37:35.130" v="286"/>
          <ac:spMkLst>
            <pc:docMk/>
            <pc:sldMk cId="2376958513" sldId="260"/>
            <ac:spMk id="1521" creationId="{1CDF3D4C-95B8-9CEB-1D0F-7F9BE3401809}"/>
          </ac:spMkLst>
        </pc:spChg>
        <pc:spChg chg="mod">
          <ac:chgData name="White, Alex" userId="eff6cc8c-37d8-483b-9c6c-6b27e9afa9bc" providerId="ADAL" clId="{BF04C754-5BF4-4E83-9615-DB14FA25AF8A}" dt="2023-10-12T11:37:35.130" v="286"/>
          <ac:spMkLst>
            <pc:docMk/>
            <pc:sldMk cId="2376958513" sldId="260"/>
            <ac:spMk id="1522" creationId="{16A190EC-D0D1-490D-98CA-7C2AAD29C5E1}"/>
          </ac:spMkLst>
        </pc:spChg>
        <pc:spChg chg="mod">
          <ac:chgData name="White, Alex" userId="eff6cc8c-37d8-483b-9c6c-6b27e9afa9bc" providerId="ADAL" clId="{BF04C754-5BF4-4E83-9615-DB14FA25AF8A}" dt="2023-10-12T11:37:35.130" v="286"/>
          <ac:spMkLst>
            <pc:docMk/>
            <pc:sldMk cId="2376958513" sldId="260"/>
            <ac:spMk id="1523" creationId="{1E996398-8817-5EC7-47AD-96F07684995B}"/>
          </ac:spMkLst>
        </pc:spChg>
        <pc:spChg chg="mod">
          <ac:chgData name="White, Alex" userId="eff6cc8c-37d8-483b-9c6c-6b27e9afa9bc" providerId="ADAL" clId="{BF04C754-5BF4-4E83-9615-DB14FA25AF8A}" dt="2023-10-12T11:37:35.130" v="286"/>
          <ac:spMkLst>
            <pc:docMk/>
            <pc:sldMk cId="2376958513" sldId="260"/>
            <ac:spMk id="1524" creationId="{6A7BFA71-07AE-667C-DA4F-E5932523CE85}"/>
          </ac:spMkLst>
        </pc:spChg>
        <pc:spChg chg="mod">
          <ac:chgData name="White, Alex" userId="eff6cc8c-37d8-483b-9c6c-6b27e9afa9bc" providerId="ADAL" clId="{BF04C754-5BF4-4E83-9615-DB14FA25AF8A}" dt="2023-10-12T11:37:35.130" v="286"/>
          <ac:spMkLst>
            <pc:docMk/>
            <pc:sldMk cId="2376958513" sldId="260"/>
            <ac:spMk id="1525" creationId="{78D4C141-F13E-0B9E-3EDE-DB801EAF1582}"/>
          </ac:spMkLst>
        </pc:spChg>
        <pc:spChg chg="mod">
          <ac:chgData name="White, Alex" userId="eff6cc8c-37d8-483b-9c6c-6b27e9afa9bc" providerId="ADAL" clId="{BF04C754-5BF4-4E83-9615-DB14FA25AF8A}" dt="2023-10-12T11:37:35.130" v="286"/>
          <ac:spMkLst>
            <pc:docMk/>
            <pc:sldMk cId="2376958513" sldId="260"/>
            <ac:spMk id="1526" creationId="{A8C10E7B-0FF4-F3CC-1FCB-DFDDDF421460}"/>
          </ac:spMkLst>
        </pc:spChg>
        <pc:spChg chg="mod">
          <ac:chgData name="White, Alex" userId="eff6cc8c-37d8-483b-9c6c-6b27e9afa9bc" providerId="ADAL" clId="{BF04C754-5BF4-4E83-9615-DB14FA25AF8A}" dt="2023-10-12T11:37:35.130" v="286"/>
          <ac:spMkLst>
            <pc:docMk/>
            <pc:sldMk cId="2376958513" sldId="260"/>
            <ac:spMk id="1527" creationId="{679E5A97-9A9B-E1BB-FC72-2FD048FC0283}"/>
          </ac:spMkLst>
        </pc:spChg>
        <pc:spChg chg="mod">
          <ac:chgData name="White, Alex" userId="eff6cc8c-37d8-483b-9c6c-6b27e9afa9bc" providerId="ADAL" clId="{BF04C754-5BF4-4E83-9615-DB14FA25AF8A}" dt="2023-10-12T11:37:35.130" v="286"/>
          <ac:spMkLst>
            <pc:docMk/>
            <pc:sldMk cId="2376958513" sldId="260"/>
            <ac:spMk id="1528" creationId="{69300D1F-508C-EE5D-3600-58D35DD1DA9A}"/>
          </ac:spMkLst>
        </pc:spChg>
        <pc:spChg chg="mod">
          <ac:chgData name="White, Alex" userId="eff6cc8c-37d8-483b-9c6c-6b27e9afa9bc" providerId="ADAL" clId="{BF04C754-5BF4-4E83-9615-DB14FA25AF8A}" dt="2023-10-12T11:37:35.130" v="286"/>
          <ac:spMkLst>
            <pc:docMk/>
            <pc:sldMk cId="2376958513" sldId="260"/>
            <ac:spMk id="1529" creationId="{6DACEED0-FAC9-6E2D-A811-FA43AF5BE4AD}"/>
          </ac:spMkLst>
        </pc:spChg>
        <pc:spChg chg="mod">
          <ac:chgData name="White, Alex" userId="eff6cc8c-37d8-483b-9c6c-6b27e9afa9bc" providerId="ADAL" clId="{BF04C754-5BF4-4E83-9615-DB14FA25AF8A}" dt="2023-10-12T11:37:35.130" v="286"/>
          <ac:spMkLst>
            <pc:docMk/>
            <pc:sldMk cId="2376958513" sldId="260"/>
            <ac:spMk id="1530" creationId="{49FA278A-1816-C0A5-EDE8-6CFD9C74D3E9}"/>
          </ac:spMkLst>
        </pc:spChg>
        <pc:spChg chg="mod">
          <ac:chgData name="White, Alex" userId="eff6cc8c-37d8-483b-9c6c-6b27e9afa9bc" providerId="ADAL" clId="{BF04C754-5BF4-4E83-9615-DB14FA25AF8A}" dt="2023-10-12T11:37:35.130" v="286"/>
          <ac:spMkLst>
            <pc:docMk/>
            <pc:sldMk cId="2376958513" sldId="260"/>
            <ac:spMk id="1531" creationId="{3DFD5BCC-3E18-5252-223C-A076988A9D4D}"/>
          </ac:spMkLst>
        </pc:spChg>
        <pc:spChg chg="mod">
          <ac:chgData name="White, Alex" userId="eff6cc8c-37d8-483b-9c6c-6b27e9afa9bc" providerId="ADAL" clId="{BF04C754-5BF4-4E83-9615-DB14FA25AF8A}" dt="2023-10-12T11:37:35.130" v="286"/>
          <ac:spMkLst>
            <pc:docMk/>
            <pc:sldMk cId="2376958513" sldId="260"/>
            <ac:spMk id="1532" creationId="{59A05E24-CDA9-4FCE-F306-94AB630590D8}"/>
          </ac:spMkLst>
        </pc:spChg>
        <pc:spChg chg="mod">
          <ac:chgData name="White, Alex" userId="eff6cc8c-37d8-483b-9c6c-6b27e9afa9bc" providerId="ADAL" clId="{BF04C754-5BF4-4E83-9615-DB14FA25AF8A}" dt="2023-10-12T11:37:35.130" v="286"/>
          <ac:spMkLst>
            <pc:docMk/>
            <pc:sldMk cId="2376958513" sldId="260"/>
            <ac:spMk id="1533" creationId="{D76ADB5C-9534-A5C1-0D1A-3531A8974116}"/>
          </ac:spMkLst>
        </pc:spChg>
        <pc:spChg chg="mod">
          <ac:chgData name="White, Alex" userId="eff6cc8c-37d8-483b-9c6c-6b27e9afa9bc" providerId="ADAL" clId="{BF04C754-5BF4-4E83-9615-DB14FA25AF8A}" dt="2023-10-12T11:37:35.130" v="286"/>
          <ac:spMkLst>
            <pc:docMk/>
            <pc:sldMk cId="2376958513" sldId="260"/>
            <ac:spMk id="1534" creationId="{F2D08BE3-6491-0AE5-18B6-BCA869BAC259}"/>
          </ac:spMkLst>
        </pc:spChg>
        <pc:spChg chg="mod">
          <ac:chgData name="White, Alex" userId="eff6cc8c-37d8-483b-9c6c-6b27e9afa9bc" providerId="ADAL" clId="{BF04C754-5BF4-4E83-9615-DB14FA25AF8A}" dt="2023-10-12T11:37:35.130" v="286"/>
          <ac:spMkLst>
            <pc:docMk/>
            <pc:sldMk cId="2376958513" sldId="260"/>
            <ac:spMk id="1535" creationId="{EB24B745-98AE-55A4-173C-0A3B8D744CEB}"/>
          </ac:spMkLst>
        </pc:spChg>
        <pc:spChg chg="mod">
          <ac:chgData name="White, Alex" userId="eff6cc8c-37d8-483b-9c6c-6b27e9afa9bc" providerId="ADAL" clId="{BF04C754-5BF4-4E83-9615-DB14FA25AF8A}" dt="2023-10-12T11:37:35.130" v="286"/>
          <ac:spMkLst>
            <pc:docMk/>
            <pc:sldMk cId="2376958513" sldId="260"/>
            <ac:spMk id="1536" creationId="{498548DC-083C-DBEC-4A95-646B5907B11C}"/>
          </ac:spMkLst>
        </pc:spChg>
        <pc:spChg chg="mod">
          <ac:chgData name="White, Alex" userId="eff6cc8c-37d8-483b-9c6c-6b27e9afa9bc" providerId="ADAL" clId="{BF04C754-5BF4-4E83-9615-DB14FA25AF8A}" dt="2023-10-12T11:37:35.130" v="286"/>
          <ac:spMkLst>
            <pc:docMk/>
            <pc:sldMk cId="2376958513" sldId="260"/>
            <ac:spMk id="1537" creationId="{4341D0BA-242F-2E64-C29A-1285A88597B2}"/>
          </ac:spMkLst>
        </pc:spChg>
        <pc:spChg chg="mod">
          <ac:chgData name="White, Alex" userId="eff6cc8c-37d8-483b-9c6c-6b27e9afa9bc" providerId="ADAL" clId="{BF04C754-5BF4-4E83-9615-DB14FA25AF8A}" dt="2023-10-12T11:37:35.130" v="286"/>
          <ac:spMkLst>
            <pc:docMk/>
            <pc:sldMk cId="2376958513" sldId="260"/>
            <ac:spMk id="1538" creationId="{18C6C938-CE10-7509-2DDF-98EE150EA407}"/>
          </ac:spMkLst>
        </pc:spChg>
        <pc:spChg chg="mod">
          <ac:chgData name="White, Alex" userId="eff6cc8c-37d8-483b-9c6c-6b27e9afa9bc" providerId="ADAL" clId="{BF04C754-5BF4-4E83-9615-DB14FA25AF8A}" dt="2023-10-12T11:37:35.130" v="286"/>
          <ac:spMkLst>
            <pc:docMk/>
            <pc:sldMk cId="2376958513" sldId="260"/>
            <ac:spMk id="1539" creationId="{59134FFB-6F88-CB35-2463-428580142E4E}"/>
          </ac:spMkLst>
        </pc:spChg>
        <pc:spChg chg="mod">
          <ac:chgData name="White, Alex" userId="eff6cc8c-37d8-483b-9c6c-6b27e9afa9bc" providerId="ADAL" clId="{BF04C754-5BF4-4E83-9615-DB14FA25AF8A}" dt="2023-10-12T11:37:35.130" v="286"/>
          <ac:spMkLst>
            <pc:docMk/>
            <pc:sldMk cId="2376958513" sldId="260"/>
            <ac:spMk id="1540" creationId="{21FAD5C0-3638-923E-22BE-2C81757FA640}"/>
          </ac:spMkLst>
        </pc:spChg>
        <pc:spChg chg="mod">
          <ac:chgData name="White, Alex" userId="eff6cc8c-37d8-483b-9c6c-6b27e9afa9bc" providerId="ADAL" clId="{BF04C754-5BF4-4E83-9615-DB14FA25AF8A}" dt="2023-10-12T11:37:35.130" v="286"/>
          <ac:spMkLst>
            <pc:docMk/>
            <pc:sldMk cId="2376958513" sldId="260"/>
            <ac:spMk id="1541" creationId="{68B67BD2-A566-F897-DD1D-54D728D5E565}"/>
          </ac:spMkLst>
        </pc:spChg>
        <pc:spChg chg="mod">
          <ac:chgData name="White, Alex" userId="eff6cc8c-37d8-483b-9c6c-6b27e9afa9bc" providerId="ADAL" clId="{BF04C754-5BF4-4E83-9615-DB14FA25AF8A}" dt="2023-10-12T11:37:35.130" v="286"/>
          <ac:spMkLst>
            <pc:docMk/>
            <pc:sldMk cId="2376958513" sldId="260"/>
            <ac:spMk id="1542" creationId="{9AD7C99D-80A9-7F1A-1AB8-9A4D7119CC65}"/>
          </ac:spMkLst>
        </pc:spChg>
        <pc:spChg chg="mod">
          <ac:chgData name="White, Alex" userId="eff6cc8c-37d8-483b-9c6c-6b27e9afa9bc" providerId="ADAL" clId="{BF04C754-5BF4-4E83-9615-DB14FA25AF8A}" dt="2023-10-12T11:37:35.130" v="286"/>
          <ac:spMkLst>
            <pc:docMk/>
            <pc:sldMk cId="2376958513" sldId="260"/>
            <ac:spMk id="1543" creationId="{461DDAD9-8BAA-402C-02DD-6C204B4FC835}"/>
          </ac:spMkLst>
        </pc:spChg>
        <pc:spChg chg="mod">
          <ac:chgData name="White, Alex" userId="eff6cc8c-37d8-483b-9c6c-6b27e9afa9bc" providerId="ADAL" clId="{BF04C754-5BF4-4E83-9615-DB14FA25AF8A}" dt="2023-10-12T11:37:35.130" v="286"/>
          <ac:spMkLst>
            <pc:docMk/>
            <pc:sldMk cId="2376958513" sldId="260"/>
            <ac:spMk id="1544" creationId="{B9160F64-DE5A-49DE-C9B9-93C2B92913B8}"/>
          </ac:spMkLst>
        </pc:spChg>
        <pc:spChg chg="mod">
          <ac:chgData name="White, Alex" userId="eff6cc8c-37d8-483b-9c6c-6b27e9afa9bc" providerId="ADAL" clId="{BF04C754-5BF4-4E83-9615-DB14FA25AF8A}" dt="2023-10-12T11:37:35.130" v="286"/>
          <ac:spMkLst>
            <pc:docMk/>
            <pc:sldMk cId="2376958513" sldId="260"/>
            <ac:spMk id="1545" creationId="{A656D30E-5C4C-517C-E380-669E3473D68F}"/>
          </ac:spMkLst>
        </pc:spChg>
        <pc:spChg chg="mod">
          <ac:chgData name="White, Alex" userId="eff6cc8c-37d8-483b-9c6c-6b27e9afa9bc" providerId="ADAL" clId="{BF04C754-5BF4-4E83-9615-DB14FA25AF8A}" dt="2023-10-12T11:37:35.130" v="286"/>
          <ac:spMkLst>
            <pc:docMk/>
            <pc:sldMk cId="2376958513" sldId="260"/>
            <ac:spMk id="1546" creationId="{935CFB50-64EC-A4AD-E0A3-71E0038E1178}"/>
          </ac:spMkLst>
        </pc:spChg>
        <pc:spChg chg="mod">
          <ac:chgData name="White, Alex" userId="eff6cc8c-37d8-483b-9c6c-6b27e9afa9bc" providerId="ADAL" clId="{BF04C754-5BF4-4E83-9615-DB14FA25AF8A}" dt="2023-10-12T11:37:35.130" v="286"/>
          <ac:spMkLst>
            <pc:docMk/>
            <pc:sldMk cId="2376958513" sldId="260"/>
            <ac:spMk id="1547" creationId="{36DEE227-0473-28D3-B7E4-6F6C4514B581}"/>
          </ac:spMkLst>
        </pc:spChg>
        <pc:spChg chg="mod">
          <ac:chgData name="White, Alex" userId="eff6cc8c-37d8-483b-9c6c-6b27e9afa9bc" providerId="ADAL" clId="{BF04C754-5BF4-4E83-9615-DB14FA25AF8A}" dt="2023-10-12T11:37:35.130" v="286"/>
          <ac:spMkLst>
            <pc:docMk/>
            <pc:sldMk cId="2376958513" sldId="260"/>
            <ac:spMk id="1548" creationId="{09EC47E6-9170-3286-7A58-3D2AAC213AC0}"/>
          </ac:spMkLst>
        </pc:spChg>
        <pc:spChg chg="mod">
          <ac:chgData name="White, Alex" userId="eff6cc8c-37d8-483b-9c6c-6b27e9afa9bc" providerId="ADAL" clId="{BF04C754-5BF4-4E83-9615-DB14FA25AF8A}" dt="2023-10-12T11:37:35.130" v="286"/>
          <ac:spMkLst>
            <pc:docMk/>
            <pc:sldMk cId="2376958513" sldId="260"/>
            <ac:spMk id="1549" creationId="{7584F59A-50A4-14B3-C936-6B26AEAD08A9}"/>
          </ac:spMkLst>
        </pc:spChg>
        <pc:spChg chg="mod">
          <ac:chgData name="White, Alex" userId="eff6cc8c-37d8-483b-9c6c-6b27e9afa9bc" providerId="ADAL" clId="{BF04C754-5BF4-4E83-9615-DB14FA25AF8A}" dt="2023-10-12T11:37:35.130" v="286"/>
          <ac:spMkLst>
            <pc:docMk/>
            <pc:sldMk cId="2376958513" sldId="260"/>
            <ac:spMk id="1550" creationId="{6D6C25E7-1735-DB93-C361-71010BC07A91}"/>
          </ac:spMkLst>
        </pc:spChg>
        <pc:spChg chg="mod">
          <ac:chgData name="White, Alex" userId="eff6cc8c-37d8-483b-9c6c-6b27e9afa9bc" providerId="ADAL" clId="{BF04C754-5BF4-4E83-9615-DB14FA25AF8A}" dt="2023-10-12T11:37:35.130" v="286"/>
          <ac:spMkLst>
            <pc:docMk/>
            <pc:sldMk cId="2376958513" sldId="260"/>
            <ac:spMk id="1551" creationId="{E988CF3A-3E15-E5A7-BA67-DA1DA75F0C71}"/>
          </ac:spMkLst>
        </pc:spChg>
        <pc:spChg chg="mod">
          <ac:chgData name="White, Alex" userId="eff6cc8c-37d8-483b-9c6c-6b27e9afa9bc" providerId="ADAL" clId="{BF04C754-5BF4-4E83-9615-DB14FA25AF8A}" dt="2023-10-12T11:37:35.130" v="286"/>
          <ac:spMkLst>
            <pc:docMk/>
            <pc:sldMk cId="2376958513" sldId="260"/>
            <ac:spMk id="1552" creationId="{8C69992A-127E-71D7-3350-DFFFB35B1DCD}"/>
          </ac:spMkLst>
        </pc:spChg>
        <pc:spChg chg="mod">
          <ac:chgData name="White, Alex" userId="eff6cc8c-37d8-483b-9c6c-6b27e9afa9bc" providerId="ADAL" clId="{BF04C754-5BF4-4E83-9615-DB14FA25AF8A}" dt="2023-10-12T11:37:35.130" v="286"/>
          <ac:spMkLst>
            <pc:docMk/>
            <pc:sldMk cId="2376958513" sldId="260"/>
            <ac:spMk id="1553" creationId="{B9232894-8921-24A6-17EA-B139E8211DE9}"/>
          </ac:spMkLst>
        </pc:spChg>
        <pc:spChg chg="mod">
          <ac:chgData name="White, Alex" userId="eff6cc8c-37d8-483b-9c6c-6b27e9afa9bc" providerId="ADAL" clId="{BF04C754-5BF4-4E83-9615-DB14FA25AF8A}" dt="2023-10-12T11:37:35.130" v="286"/>
          <ac:spMkLst>
            <pc:docMk/>
            <pc:sldMk cId="2376958513" sldId="260"/>
            <ac:spMk id="1554" creationId="{3D98620B-F874-C344-222D-B6A167B991D2}"/>
          </ac:spMkLst>
        </pc:spChg>
        <pc:spChg chg="mod">
          <ac:chgData name="White, Alex" userId="eff6cc8c-37d8-483b-9c6c-6b27e9afa9bc" providerId="ADAL" clId="{BF04C754-5BF4-4E83-9615-DB14FA25AF8A}" dt="2023-10-12T11:37:35.130" v="286"/>
          <ac:spMkLst>
            <pc:docMk/>
            <pc:sldMk cId="2376958513" sldId="260"/>
            <ac:spMk id="1555" creationId="{78A18389-E1B6-597B-77B4-45EE10F39373}"/>
          </ac:spMkLst>
        </pc:spChg>
        <pc:spChg chg="mod">
          <ac:chgData name="White, Alex" userId="eff6cc8c-37d8-483b-9c6c-6b27e9afa9bc" providerId="ADAL" clId="{BF04C754-5BF4-4E83-9615-DB14FA25AF8A}" dt="2023-10-12T11:37:35.130" v="286"/>
          <ac:spMkLst>
            <pc:docMk/>
            <pc:sldMk cId="2376958513" sldId="260"/>
            <ac:spMk id="1556" creationId="{7BCB5121-0855-B04A-8091-64663D28E47F}"/>
          </ac:spMkLst>
        </pc:spChg>
        <pc:spChg chg="mod">
          <ac:chgData name="White, Alex" userId="eff6cc8c-37d8-483b-9c6c-6b27e9afa9bc" providerId="ADAL" clId="{BF04C754-5BF4-4E83-9615-DB14FA25AF8A}" dt="2023-10-12T11:37:35.130" v="286"/>
          <ac:spMkLst>
            <pc:docMk/>
            <pc:sldMk cId="2376958513" sldId="260"/>
            <ac:spMk id="1557" creationId="{CF3BD49E-F3E6-8DC3-DED2-D5096391F44D}"/>
          </ac:spMkLst>
        </pc:spChg>
        <pc:spChg chg="mod">
          <ac:chgData name="White, Alex" userId="eff6cc8c-37d8-483b-9c6c-6b27e9afa9bc" providerId="ADAL" clId="{BF04C754-5BF4-4E83-9615-DB14FA25AF8A}" dt="2023-10-12T11:37:35.130" v="286"/>
          <ac:spMkLst>
            <pc:docMk/>
            <pc:sldMk cId="2376958513" sldId="260"/>
            <ac:spMk id="1558" creationId="{7008C511-F71A-83E2-C0AC-82589138CDF7}"/>
          </ac:spMkLst>
        </pc:spChg>
        <pc:spChg chg="mod">
          <ac:chgData name="White, Alex" userId="eff6cc8c-37d8-483b-9c6c-6b27e9afa9bc" providerId="ADAL" clId="{BF04C754-5BF4-4E83-9615-DB14FA25AF8A}" dt="2023-10-12T11:37:35.130" v="286"/>
          <ac:spMkLst>
            <pc:docMk/>
            <pc:sldMk cId="2376958513" sldId="260"/>
            <ac:spMk id="1559" creationId="{6D68102C-FBA0-AA86-6D3C-6277B2CE1D7D}"/>
          </ac:spMkLst>
        </pc:spChg>
        <pc:spChg chg="mod">
          <ac:chgData name="White, Alex" userId="eff6cc8c-37d8-483b-9c6c-6b27e9afa9bc" providerId="ADAL" clId="{BF04C754-5BF4-4E83-9615-DB14FA25AF8A}" dt="2023-10-12T11:37:35.130" v="286"/>
          <ac:spMkLst>
            <pc:docMk/>
            <pc:sldMk cId="2376958513" sldId="260"/>
            <ac:spMk id="1560" creationId="{E8B3EAB4-AA31-E93D-0C3E-4EF9FB7B90DC}"/>
          </ac:spMkLst>
        </pc:spChg>
        <pc:spChg chg="mod">
          <ac:chgData name="White, Alex" userId="eff6cc8c-37d8-483b-9c6c-6b27e9afa9bc" providerId="ADAL" clId="{BF04C754-5BF4-4E83-9615-DB14FA25AF8A}" dt="2023-10-12T11:37:35.130" v="286"/>
          <ac:spMkLst>
            <pc:docMk/>
            <pc:sldMk cId="2376958513" sldId="260"/>
            <ac:spMk id="1561" creationId="{6A9C95A9-ADAF-F473-8DA2-FE882DEA3C8C}"/>
          </ac:spMkLst>
        </pc:spChg>
        <pc:spChg chg="mod">
          <ac:chgData name="White, Alex" userId="eff6cc8c-37d8-483b-9c6c-6b27e9afa9bc" providerId="ADAL" clId="{BF04C754-5BF4-4E83-9615-DB14FA25AF8A}" dt="2023-10-12T11:37:35.130" v="286"/>
          <ac:spMkLst>
            <pc:docMk/>
            <pc:sldMk cId="2376958513" sldId="260"/>
            <ac:spMk id="1562" creationId="{8D53B2E6-FDF3-834A-E808-010342B937AA}"/>
          </ac:spMkLst>
        </pc:spChg>
        <pc:spChg chg="mod">
          <ac:chgData name="White, Alex" userId="eff6cc8c-37d8-483b-9c6c-6b27e9afa9bc" providerId="ADAL" clId="{BF04C754-5BF4-4E83-9615-DB14FA25AF8A}" dt="2023-10-12T11:37:35.130" v="286"/>
          <ac:spMkLst>
            <pc:docMk/>
            <pc:sldMk cId="2376958513" sldId="260"/>
            <ac:spMk id="1563" creationId="{733E72F2-FE89-E5DE-D5DA-F394F6988BEE}"/>
          </ac:spMkLst>
        </pc:spChg>
        <pc:spChg chg="mod">
          <ac:chgData name="White, Alex" userId="eff6cc8c-37d8-483b-9c6c-6b27e9afa9bc" providerId="ADAL" clId="{BF04C754-5BF4-4E83-9615-DB14FA25AF8A}" dt="2023-10-12T11:37:35.130" v="286"/>
          <ac:spMkLst>
            <pc:docMk/>
            <pc:sldMk cId="2376958513" sldId="260"/>
            <ac:spMk id="1564" creationId="{578D33AA-3998-EED3-5860-D22988FF35AF}"/>
          </ac:spMkLst>
        </pc:spChg>
        <pc:spChg chg="mod">
          <ac:chgData name="White, Alex" userId="eff6cc8c-37d8-483b-9c6c-6b27e9afa9bc" providerId="ADAL" clId="{BF04C754-5BF4-4E83-9615-DB14FA25AF8A}" dt="2023-10-12T11:37:35.130" v="286"/>
          <ac:spMkLst>
            <pc:docMk/>
            <pc:sldMk cId="2376958513" sldId="260"/>
            <ac:spMk id="1565" creationId="{27433BAA-CEBB-3FEB-24E4-EF84D9FB4E88}"/>
          </ac:spMkLst>
        </pc:spChg>
        <pc:spChg chg="mod">
          <ac:chgData name="White, Alex" userId="eff6cc8c-37d8-483b-9c6c-6b27e9afa9bc" providerId="ADAL" clId="{BF04C754-5BF4-4E83-9615-DB14FA25AF8A}" dt="2023-10-12T11:37:35.130" v="286"/>
          <ac:spMkLst>
            <pc:docMk/>
            <pc:sldMk cId="2376958513" sldId="260"/>
            <ac:spMk id="1566" creationId="{1A59D905-6387-20B2-BFFC-58980B15129D}"/>
          </ac:spMkLst>
        </pc:spChg>
        <pc:spChg chg="mod">
          <ac:chgData name="White, Alex" userId="eff6cc8c-37d8-483b-9c6c-6b27e9afa9bc" providerId="ADAL" clId="{BF04C754-5BF4-4E83-9615-DB14FA25AF8A}" dt="2023-10-12T11:37:35.130" v="286"/>
          <ac:spMkLst>
            <pc:docMk/>
            <pc:sldMk cId="2376958513" sldId="260"/>
            <ac:spMk id="1567" creationId="{A3C027D7-3D41-2CB5-B5B7-E8B5E27953A3}"/>
          </ac:spMkLst>
        </pc:spChg>
        <pc:spChg chg="mod">
          <ac:chgData name="White, Alex" userId="eff6cc8c-37d8-483b-9c6c-6b27e9afa9bc" providerId="ADAL" clId="{BF04C754-5BF4-4E83-9615-DB14FA25AF8A}" dt="2023-10-12T11:37:35.130" v="286"/>
          <ac:spMkLst>
            <pc:docMk/>
            <pc:sldMk cId="2376958513" sldId="260"/>
            <ac:spMk id="1568" creationId="{DD15B449-75E1-7B94-9504-3AC9A842462F}"/>
          </ac:spMkLst>
        </pc:spChg>
        <pc:spChg chg="mod">
          <ac:chgData name="White, Alex" userId="eff6cc8c-37d8-483b-9c6c-6b27e9afa9bc" providerId="ADAL" clId="{BF04C754-5BF4-4E83-9615-DB14FA25AF8A}" dt="2023-10-12T11:37:35.130" v="286"/>
          <ac:spMkLst>
            <pc:docMk/>
            <pc:sldMk cId="2376958513" sldId="260"/>
            <ac:spMk id="1569" creationId="{9EE23859-3D6B-5758-E806-977DFA49F088}"/>
          </ac:spMkLst>
        </pc:spChg>
        <pc:spChg chg="mod">
          <ac:chgData name="White, Alex" userId="eff6cc8c-37d8-483b-9c6c-6b27e9afa9bc" providerId="ADAL" clId="{BF04C754-5BF4-4E83-9615-DB14FA25AF8A}" dt="2023-10-12T11:37:35.130" v="286"/>
          <ac:spMkLst>
            <pc:docMk/>
            <pc:sldMk cId="2376958513" sldId="260"/>
            <ac:spMk id="1570" creationId="{494C1184-5702-3A6E-2FCD-DCCD6B8BCD1B}"/>
          </ac:spMkLst>
        </pc:spChg>
        <pc:spChg chg="mod">
          <ac:chgData name="White, Alex" userId="eff6cc8c-37d8-483b-9c6c-6b27e9afa9bc" providerId="ADAL" clId="{BF04C754-5BF4-4E83-9615-DB14FA25AF8A}" dt="2023-10-12T11:37:35.130" v="286"/>
          <ac:spMkLst>
            <pc:docMk/>
            <pc:sldMk cId="2376958513" sldId="260"/>
            <ac:spMk id="1571" creationId="{F8B84F8E-A4CF-40DD-4B44-E65A7D635C98}"/>
          </ac:spMkLst>
        </pc:spChg>
        <pc:spChg chg="mod">
          <ac:chgData name="White, Alex" userId="eff6cc8c-37d8-483b-9c6c-6b27e9afa9bc" providerId="ADAL" clId="{BF04C754-5BF4-4E83-9615-DB14FA25AF8A}" dt="2023-10-12T11:37:35.130" v="286"/>
          <ac:spMkLst>
            <pc:docMk/>
            <pc:sldMk cId="2376958513" sldId="260"/>
            <ac:spMk id="1572" creationId="{12482C73-951E-C8F3-6F69-8544643F9BAA}"/>
          </ac:spMkLst>
        </pc:spChg>
        <pc:spChg chg="mod">
          <ac:chgData name="White, Alex" userId="eff6cc8c-37d8-483b-9c6c-6b27e9afa9bc" providerId="ADAL" clId="{BF04C754-5BF4-4E83-9615-DB14FA25AF8A}" dt="2023-10-12T11:37:35.130" v="286"/>
          <ac:spMkLst>
            <pc:docMk/>
            <pc:sldMk cId="2376958513" sldId="260"/>
            <ac:spMk id="1573" creationId="{ABAA7ACD-9A7C-55E6-D7E4-9B6BDA089DDC}"/>
          </ac:spMkLst>
        </pc:spChg>
        <pc:spChg chg="mod">
          <ac:chgData name="White, Alex" userId="eff6cc8c-37d8-483b-9c6c-6b27e9afa9bc" providerId="ADAL" clId="{BF04C754-5BF4-4E83-9615-DB14FA25AF8A}" dt="2023-10-12T11:37:35.130" v="286"/>
          <ac:spMkLst>
            <pc:docMk/>
            <pc:sldMk cId="2376958513" sldId="260"/>
            <ac:spMk id="1574" creationId="{1288F8A6-7FEF-E28D-BB2A-623E806745AB}"/>
          </ac:spMkLst>
        </pc:spChg>
        <pc:spChg chg="mod">
          <ac:chgData name="White, Alex" userId="eff6cc8c-37d8-483b-9c6c-6b27e9afa9bc" providerId="ADAL" clId="{BF04C754-5BF4-4E83-9615-DB14FA25AF8A}" dt="2023-10-12T11:37:35.130" v="286"/>
          <ac:spMkLst>
            <pc:docMk/>
            <pc:sldMk cId="2376958513" sldId="260"/>
            <ac:spMk id="1575" creationId="{D896FEFF-B495-6DD3-E5F5-80DB32761E64}"/>
          </ac:spMkLst>
        </pc:spChg>
        <pc:spChg chg="mod">
          <ac:chgData name="White, Alex" userId="eff6cc8c-37d8-483b-9c6c-6b27e9afa9bc" providerId="ADAL" clId="{BF04C754-5BF4-4E83-9615-DB14FA25AF8A}" dt="2023-10-12T11:37:35.130" v="286"/>
          <ac:spMkLst>
            <pc:docMk/>
            <pc:sldMk cId="2376958513" sldId="260"/>
            <ac:spMk id="1576" creationId="{10069527-2BA8-E25B-564F-24583CC76890}"/>
          </ac:spMkLst>
        </pc:spChg>
        <pc:spChg chg="mod">
          <ac:chgData name="White, Alex" userId="eff6cc8c-37d8-483b-9c6c-6b27e9afa9bc" providerId="ADAL" clId="{BF04C754-5BF4-4E83-9615-DB14FA25AF8A}" dt="2023-10-12T11:37:47.867" v="289"/>
          <ac:spMkLst>
            <pc:docMk/>
            <pc:sldMk cId="2376958513" sldId="260"/>
            <ac:spMk id="1589" creationId="{796F1907-BCAD-AA0D-4126-D24371C2882B}"/>
          </ac:spMkLst>
        </pc:spChg>
        <pc:spChg chg="mod">
          <ac:chgData name="White, Alex" userId="eff6cc8c-37d8-483b-9c6c-6b27e9afa9bc" providerId="ADAL" clId="{BF04C754-5BF4-4E83-9615-DB14FA25AF8A}" dt="2023-10-12T11:37:47.867" v="289"/>
          <ac:spMkLst>
            <pc:docMk/>
            <pc:sldMk cId="2376958513" sldId="260"/>
            <ac:spMk id="1590" creationId="{78E55578-FDEB-67A9-4FDB-C6099C602AC3}"/>
          </ac:spMkLst>
        </pc:spChg>
        <pc:spChg chg="mod">
          <ac:chgData name="White, Alex" userId="eff6cc8c-37d8-483b-9c6c-6b27e9afa9bc" providerId="ADAL" clId="{BF04C754-5BF4-4E83-9615-DB14FA25AF8A}" dt="2023-10-12T11:37:47.867" v="289"/>
          <ac:spMkLst>
            <pc:docMk/>
            <pc:sldMk cId="2376958513" sldId="260"/>
            <ac:spMk id="1591" creationId="{0DA0CB09-A854-44BE-445C-E1628FE92261}"/>
          </ac:spMkLst>
        </pc:spChg>
        <pc:spChg chg="mod">
          <ac:chgData name="White, Alex" userId="eff6cc8c-37d8-483b-9c6c-6b27e9afa9bc" providerId="ADAL" clId="{BF04C754-5BF4-4E83-9615-DB14FA25AF8A}" dt="2023-10-12T11:37:47.867" v="289"/>
          <ac:spMkLst>
            <pc:docMk/>
            <pc:sldMk cId="2376958513" sldId="260"/>
            <ac:spMk id="1592" creationId="{2845849B-F0A1-7D7D-5E33-8A8245986B80}"/>
          </ac:spMkLst>
        </pc:spChg>
        <pc:spChg chg="mod">
          <ac:chgData name="White, Alex" userId="eff6cc8c-37d8-483b-9c6c-6b27e9afa9bc" providerId="ADAL" clId="{BF04C754-5BF4-4E83-9615-DB14FA25AF8A}" dt="2023-10-12T11:37:47.867" v="289"/>
          <ac:spMkLst>
            <pc:docMk/>
            <pc:sldMk cId="2376958513" sldId="260"/>
            <ac:spMk id="1593" creationId="{57EFB85D-5563-B1F5-4736-B76204B411C2}"/>
          </ac:spMkLst>
        </pc:spChg>
        <pc:spChg chg="mod">
          <ac:chgData name="White, Alex" userId="eff6cc8c-37d8-483b-9c6c-6b27e9afa9bc" providerId="ADAL" clId="{BF04C754-5BF4-4E83-9615-DB14FA25AF8A}" dt="2023-10-12T11:37:47.867" v="289"/>
          <ac:spMkLst>
            <pc:docMk/>
            <pc:sldMk cId="2376958513" sldId="260"/>
            <ac:spMk id="1594" creationId="{EF00D304-A40B-6ACD-5C95-3BB5E2860BBA}"/>
          </ac:spMkLst>
        </pc:spChg>
        <pc:spChg chg="mod">
          <ac:chgData name="White, Alex" userId="eff6cc8c-37d8-483b-9c6c-6b27e9afa9bc" providerId="ADAL" clId="{BF04C754-5BF4-4E83-9615-DB14FA25AF8A}" dt="2023-10-12T11:37:47.867" v="289"/>
          <ac:spMkLst>
            <pc:docMk/>
            <pc:sldMk cId="2376958513" sldId="260"/>
            <ac:spMk id="1595" creationId="{FF9B207B-A891-A43F-A654-D4963A4EB2B2}"/>
          </ac:spMkLst>
        </pc:spChg>
        <pc:spChg chg="mod">
          <ac:chgData name="White, Alex" userId="eff6cc8c-37d8-483b-9c6c-6b27e9afa9bc" providerId="ADAL" clId="{BF04C754-5BF4-4E83-9615-DB14FA25AF8A}" dt="2023-10-12T11:37:47.867" v="289"/>
          <ac:spMkLst>
            <pc:docMk/>
            <pc:sldMk cId="2376958513" sldId="260"/>
            <ac:spMk id="1596" creationId="{91C65051-67B3-5DC0-2CCB-0B8440B1D909}"/>
          </ac:spMkLst>
        </pc:spChg>
        <pc:spChg chg="mod">
          <ac:chgData name="White, Alex" userId="eff6cc8c-37d8-483b-9c6c-6b27e9afa9bc" providerId="ADAL" clId="{BF04C754-5BF4-4E83-9615-DB14FA25AF8A}" dt="2023-10-12T11:37:47.867" v="289"/>
          <ac:spMkLst>
            <pc:docMk/>
            <pc:sldMk cId="2376958513" sldId="260"/>
            <ac:spMk id="1597" creationId="{CCAA83C8-BAAB-820C-8CC9-B30B60D63CA0}"/>
          </ac:spMkLst>
        </pc:spChg>
        <pc:spChg chg="mod">
          <ac:chgData name="White, Alex" userId="eff6cc8c-37d8-483b-9c6c-6b27e9afa9bc" providerId="ADAL" clId="{BF04C754-5BF4-4E83-9615-DB14FA25AF8A}" dt="2023-10-12T11:37:47.867" v="289"/>
          <ac:spMkLst>
            <pc:docMk/>
            <pc:sldMk cId="2376958513" sldId="260"/>
            <ac:spMk id="1598" creationId="{484522F6-2218-3BB5-0B97-17359B252EFB}"/>
          </ac:spMkLst>
        </pc:spChg>
        <pc:spChg chg="mod">
          <ac:chgData name="White, Alex" userId="eff6cc8c-37d8-483b-9c6c-6b27e9afa9bc" providerId="ADAL" clId="{BF04C754-5BF4-4E83-9615-DB14FA25AF8A}" dt="2023-10-12T11:37:47.867" v="289"/>
          <ac:spMkLst>
            <pc:docMk/>
            <pc:sldMk cId="2376958513" sldId="260"/>
            <ac:spMk id="1599" creationId="{A31F7189-ECC0-3F38-F75D-E742BCC6045C}"/>
          </ac:spMkLst>
        </pc:spChg>
        <pc:spChg chg="mod">
          <ac:chgData name="White, Alex" userId="eff6cc8c-37d8-483b-9c6c-6b27e9afa9bc" providerId="ADAL" clId="{BF04C754-5BF4-4E83-9615-DB14FA25AF8A}" dt="2023-10-12T11:37:47.867" v="289"/>
          <ac:spMkLst>
            <pc:docMk/>
            <pc:sldMk cId="2376958513" sldId="260"/>
            <ac:spMk id="1600" creationId="{03DBB2CF-7DBA-E5C2-B89F-06DC44DD1098}"/>
          </ac:spMkLst>
        </pc:spChg>
        <pc:spChg chg="mod">
          <ac:chgData name="White, Alex" userId="eff6cc8c-37d8-483b-9c6c-6b27e9afa9bc" providerId="ADAL" clId="{BF04C754-5BF4-4E83-9615-DB14FA25AF8A}" dt="2023-10-12T11:37:47.867" v="289"/>
          <ac:spMkLst>
            <pc:docMk/>
            <pc:sldMk cId="2376958513" sldId="260"/>
            <ac:spMk id="1601" creationId="{3E4F4F15-0821-D3E7-7FE0-C7CCD9240563}"/>
          </ac:spMkLst>
        </pc:spChg>
        <pc:spChg chg="mod">
          <ac:chgData name="White, Alex" userId="eff6cc8c-37d8-483b-9c6c-6b27e9afa9bc" providerId="ADAL" clId="{BF04C754-5BF4-4E83-9615-DB14FA25AF8A}" dt="2023-10-12T11:37:47.867" v="289"/>
          <ac:spMkLst>
            <pc:docMk/>
            <pc:sldMk cId="2376958513" sldId="260"/>
            <ac:spMk id="1602" creationId="{4E6085E1-DEB3-87E4-F3BB-24075EAA31CA}"/>
          </ac:spMkLst>
        </pc:spChg>
        <pc:spChg chg="mod">
          <ac:chgData name="White, Alex" userId="eff6cc8c-37d8-483b-9c6c-6b27e9afa9bc" providerId="ADAL" clId="{BF04C754-5BF4-4E83-9615-DB14FA25AF8A}" dt="2023-10-12T11:37:47.867" v="289"/>
          <ac:spMkLst>
            <pc:docMk/>
            <pc:sldMk cId="2376958513" sldId="260"/>
            <ac:spMk id="1603" creationId="{ABBDFEA6-CFFE-8B98-D71F-EB481F7BB419}"/>
          </ac:spMkLst>
        </pc:spChg>
        <pc:spChg chg="mod">
          <ac:chgData name="White, Alex" userId="eff6cc8c-37d8-483b-9c6c-6b27e9afa9bc" providerId="ADAL" clId="{BF04C754-5BF4-4E83-9615-DB14FA25AF8A}" dt="2023-10-12T11:37:47.867" v="289"/>
          <ac:spMkLst>
            <pc:docMk/>
            <pc:sldMk cId="2376958513" sldId="260"/>
            <ac:spMk id="1604" creationId="{66E9FC6A-8DBC-3DF1-06C5-584C4C53434B}"/>
          </ac:spMkLst>
        </pc:spChg>
        <pc:spChg chg="mod">
          <ac:chgData name="White, Alex" userId="eff6cc8c-37d8-483b-9c6c-6b27e9afa9bc" providerId="ADAL" clId="{BF04C754-5BF4-4E83-9615-DB14FA25AF8A}" dt="2023-10-12T11:37:47.867" v="289"/>
          <ac:spMkLst>
            <pc:docMk/>
            <pc:sldMk cId="2376958513" sldId="260"/>
            <ac:spMk id="1605" creationId="{16A1D5C5-1EB8-59CE-547F-39B60F8D09AB}"/>
          </ac:spMkLst>
        </pc:spChg>
        <pc:spChg chg="mod">
          <ac:chgData name="White, Alex" userId="eff6cc8c-37d8-483b-9c6c-6b27e9afa9bc" providerId="ADAL" clId="{BF04C754-5BF4-4E83-9615-DB14FA25AF8A}" dt="2023-10-12T11:37:47.867" v="289"/>
          <ac:spMkLst>
            <pc:docMk/>
            <pc:sldMk cId="2376958513" sldId="260"/>
            <ac:spMk id="1606" creationId="{127FDA60-9D68-3B8C-CF05-274007BC0F9F}"/>
          </ac:spMkLst>
        </pc:spChg>
        <pc:spChg chg="mod">
          <ac:chgData name="White, Alex" userId="eff6cc8c-37d8-483b-9c6c-6b27e9afa9bc" providerId="ADAL" clId="{BF04C754-5BF4-4E83-9615-DB14FA25AF8A}" dt="2023-10-12T11:37:47.867" v="289"/>
          <ac:spMkLst>
            <pc:docMk/>
            <pc:sldMk cId="2376958513" sldId="260"/>
            <ac:spMk id="1607" creationId="{8D703773-A88C-1ED2-5268-73D70E95D409}"/>
          </ac:spMkLst>
        </pc:spChg>
        <pc:spChg chg="mod">
          <ac:chgData name="White, Alex" userId="eff6cc8c-37d8-483b-9c6c-6b27e9afa9bc" providerId="ADAL" clId="{BF04C754-5BF4-4E83-9615-DB14FA25AF8A}" dt="2023-10-12T11:37:47.867" v="289"/>
          <ac:spMkLst>
            <pc:docMk/>
            <pc:sldMk cId="2376958513" sldId="260"/>
            <ac:spMk id="1608" creationId="{02944878-0A1C-A288-C5BC-883CEADA9382}"/>
          </ac:spMkLst>
        </pc:spChg>
        <pc:spChg chg="mod">
          <ac:chgData name="White, Alex" userId="eff6cc8c-37d8-483b-9c6c-6b27e9afa9bc" providerId="ADAL" clId="{BF04C754-5BF4-4E83-9615-DB14FA25AF8A}" dt="2023-10-12T11:37:47.867" v="289"/>
          <ac:spMkLst>
            <pc:docMk/>
            <pc:sldMk cId="2376958513" sldId="260"/>
            <ac:spMk id="1609" creationId="{3F3A3BD9-1555-1EAB-F7E1-B9E2B1A56DA4}"/>
          </ac:spMkLst>
        </pc:spChg>
        <pc:spChg chg="mod">
          <ac:chgData name="White, Alex" userId="eff6cc8c-37d8-483b-9c6c-6b27e9afa9bc" providerId="ADAL" clId="{BF04C754-5BF4-4E83-9615-DB14FA25AF8A}" dt="2023-10-12T11:37:47.867" v="289"/>
          <ac:spMkLst>
            <pc:docMk/>
            <pc:sldMk cId="2376958513" sldId="260"/>
            <ac:spMk id="1610" creationId="{ACBC36A2-6969-4F52-1CD6-44B07678DE1D}"/>
          </ac:spMkLst>
        </pc:spChg>
        <pc:spChg chg="mod">
          <ac:chgData name="White, Alex" userId="eff6cc8c-37d8-483b-9c6c-6b27e9afa9bc" providerId="ADAL" clId="{BF04C754-5BF4-4E83-9615-DB14FA25AF8A}" dt="2023-10-12T11:37:47.867" v="289"/>
          <ac:spMkLst>
            <pc:docMk/>
            <pc:sldMk cId="2376958513" sldId="260"/>
            <ac:spMk id="1611" creationId="{2AA83D5A-068A-4E21-BAB9-4988171D0E5B}"/>
          </ac:spMkLst>
        </pc:spChg>
        <pc:spChg chg="mod">
          <ac:chgData name="White, Alex" userId="eff6cc8c-37d8-483b-9c6c-6b27e9afa9bc" providerId="ADAL" clId="{BF04C754-5BF4-4E83-9615-DB14FA25AF8A}" dt="2023-10-12T11:37:47.867" v="289"/>
          <ac:spMkLst>
            <pc:docMk/>
            <pc:sldMk cId="2376958513" sldId="260"/>
            <ac:spMk id="1612" creationId="{BBA45E2E-707F-4FA3-302A-5014408F26A1}"/>
          </ac:spMkLst>
        </pc:spChg>
        <pc:spChg chg="mod">
          <ac:chgData name="White, Alex" userId="eff6cc8c-37d8-483b-9c6c-6b27e9afa9bc" providerId="ADAL" clId="{BF04C754-5BF4-4E83-9615-DB14FA25AF8A}" dt="2023-10-12T11:37:47.867" v="289"/>
          <ac:spMkLst>
            <pc:docMk/>
            <pc:sldMk cId="2376958513" sldId="260"/>
            <ac:spMk id="1613" creationId="{DE7AB261-F9B0-FB5E-00B4-13F9878071F8}"/>
          </ac:spMkLst>
        </pc:spChg>
        <pc:spChg chg="mod">
          <ac:chgData name="White, Alex" userId="eff6cc8c-37d8-483b-9c6c-6b27e9afa9bc" providerId="ADAL" clId="{BF04C754-5BF4-4E83-9615-DB14FA25AF8A}" dt="2023-10-12T11:37:47.867" v="289"/>
          <ac:spMkLst>
            <pc:docMk/>
            <pc:sldMk cId="2376958513" sldId="260"/>
            <ac:spMk id="1614" creationId="{D18C1CEB-584B-9F72-A8F7-D3CD1AA68DF4}"/>
          </ac:spMkLst>
        </pc:spChg>
        <pc:spChg chg="mod">
          <ac:chgData name="White, Alex" userId="eff6cc8c-37d8-483b-9c6c-6b27e9afa9bc" providerId="ADAL" clId="{BF04C754-5BF4-4E83-9615-DB14FA25AF8A}" dt="2023-10-12T11:37:47.867" v="289"/>
          <ac:spMkLst>
            <pc:docMk/>
            <pc:sldMk cId="2376958513" sldId="260"/>
            <ac:spMk id="1615" creationId="{F58CF89E-8411-9316-38C8-12C342F8A248}"/>
          </ac:spMkLst>
        </pc:spChg>
        <pc:spChg chg="mod">
          <ac:chgData name="White, Alex" userId="eff6cc8c-37d8-483b-9c6c-6b27e9afa9bc" providerId="ADAL" clId="{BF04C754-5BF4-4E83-9615-DB14FA25AF8A}" dt="2023-10-12T11:37:47.867" v="289"/>
          <ac:spMkLst>
            <pc:docMk/>
            <pc:sldMk cId="2376958513" sldId="260"/>
            <ac:spMk id="1616" creationId="{FA349780-63F4-9F71-7322-729CDBEA95A8}"/>
          </ac:spMkLst>
        </pc:spChg>
        <pc:spChg chg="mod">
          <ac:chgData name="White, Alex" userId="eff6cc8c-37d8-483b-9c6c-6b27e9afa9bc" providerId="ADAL" clId="{BF04C754-5BF4-4E83-9615-DB14FA25AF8A}" dt="2023-10-12T11:37:47.867" v="289"/>
          <ac:spMkLst>
            <pc:docMk/>
            <pc:sldMk cId="2376958513" sldId="260"/>
            <ac:spMk id="1617" creationId="{41C80AF3-6D56-4FD8-10A4-369F79604AF3}"/>
          </ac:spMkLst>
        </pc:spChg>
        <pc:spChg chg="mod">
          <ac:chgData name="White, Alex" userId="eff6cc8c-37d8-483b-9c6c-6b27e9afa9bc" providerId="ADAL" clId="{BF04C754-5BF4-4E83-9615-DB14FA25AF8A}" dt="2023-10-12T11:37:47.867" v="289"/>
          <ac:spMkLst>
            <pc:docMk/>
            <pc:sldMk cId="2376958513" sldId="260"/>
            <ac:spMk id="1618" creationId="{B4AD3A39-1E40-E6C3-6FFF-DBB47FE621EE}"/>
          </ac:spMkLst>
        </pc:spChg>
        <pc:spChg chg="mod">
          <ac:chgData name="White, Alex" userId="eff6cc8c-37d8-483b-9c6c-6b27e9afa9bc" providerId="ADAL" clId="{BF04C754-5BF4-4E83-9615-DB14FA25AF8A}" dt="2023-10-12T11:37:47.867" v="289"/>
          <ac:spMkLst>
            <pc:docMk/>
            <pc:sldMk cId="2376958513" sldId="260"/>
            <ac:spMk id="1619" creationId="{D905790E-3976-DF1A-9740-C40E912BFBF5}"/>
          </ac:spMkLst>
        </pc:spChg>
        <pc:spChg chg="mod">
          <ac:chgData name="White, Alex" userId="eff6cc8c-37d8-483b-9c6c-6b27e9afa9bc" providerId="ADAL" clId="{BF04C754-5BF4-4E83-9615-DB14FA25AF8A}" dt="2023-10-12T11:37:47.867" v="289"/>
          <ac:spMkLst>
            <pc:docMk/>
            <pc:sldMk cId="2376958513" sldId="260"/>
            <ac:spMk id="1620" creationId="{73489313-A535-59A3-A8D4-CC4E0AA0D849}"/>
          </ac:spMkLst>
        </pc:spChg>
        <pc:spChg chg="mod">
          <ac:chgData name="White, Alex" userId="eff6cc8c-37d8-483b-9c6c-6b27e9afa9bc" providerId="ADAL" clId="{BF04C754-5BF4-4E83-9615-DB14FA25AF8A}" dt="2023-10-12T11:37:47.867" v="289"/>
          <ac:spMkLst>
            <pc:docMk/>
            <pc:sldMk cId="2376958513" sldId="260"/>
            <ac:spMk id="1621" creationId="{4B3DD9DE-C790-5C5F-697C-C70D195B7776}"/>
          </ac:spMkLst>
        </pc:spChg>
        <pc:spChg chg="mod">
          <ac:chgData name="White, Alex" userId="eff6cc8c-37d8-483b-9c6c-6b27e9afa9bc" providerId="ADAL" clId="{BF04C754-5BF4-4E83-9615-DB14FA25AF8A}" dt="2023-10-12T11:37:47.867" v="289"/>
          <ac:spMkLst>
            <pc:docMk/>
            <pc:sldMk cId="2376958513" sldId="260"/>
            <ac:spMk id="1622" creationId="{238A1B30-11CB-50D9-64DE-68DD1527D270}"/>
          </ac:spMkLst>
        </pc:spChg>
        <pc:spChg chg="mod">
          <ac:chgData name="White, Alex" userId="eff6cc8c-37d8-483b-9c6c-6b27e9afa9bc" providerId="ADAL" clId="{BF04C754-5BF4-4E83-9615-DB14FA25AF8A}" dt="2023-10-12T11:37:47.867" v="289"/>
          <ac:spMkLst>
            <pc:docMk/>
            <pc:sldMk cId="2376958513" sldId="260"/>
            <ac:spMk id="1623" creationId="{88EC7BD0-9804-FF86-45DE-F4B4E30DD627}"/>
          </ac:spMkLst>
        </pc:spChg>
        <pc:spChg chg="mod">
          <ac:chgData name="White, Alex" userId="eff6cc8c-37d8-483b-9c6c-6b27e9afa9bc" providerId="ADAL" clId="{BF04C754-5BF4-4E83-9615-DB14FA25AF8A}" dt="2023-10-12T11:37:47.867" v="289"/>
          <ac:spMkLst>
            <pc:docMk/>
            <pc:sldMk cId="2376958513" sldId="260"/>
            <ac:spMk id="1624" creationId="{D91E484F-4F0B-3235-AB0B-E20C23ECC178}"/>
          </ac:spMkLst>
        </pc:spChg>
        <pc:spChg chg="mod">
          <ac:chgData name="White, Alex" userId="eff6cc8c-37d8-483b-9c6c-6b27e9afa9bc" providerId="ADAL" clId="{BF04C754-5BF4-4E83-9615-DB14FA25AF8A}" dt="2023-10-12T11:37:47.867" v="289"/>
          <ac:spMkLst>
            <pc:docMk/>
            <pc:sldMk cId="2376958513" sldId="260"/>
            <ac:spMk id="1625" creationId="{FEE356CA-1CB1-00BF-B429-38AD6158C26F}"/>
          </ac:spMkLst>
        </pc:spChg>
        <pc:spChg chg="mod">
          <ac:chgData name="White, Alex" userId="eff6cc8c-37d8-483b-9c6c-6b27e9afa9bc" providerId="ADAL" clId="{BF04C754-5BF4-4E83-9615-DB14FA25AF8A}" dt="2023-10-12T11:37:47.867" v="289"/>
          <ac:spMkLst>
            <pc:docMk/>
            <pc:sldMk cId="2376958513" sldId="260"/>
            <ac:spMk id="1626" creationId="{8CC6965E-5AE2-3E00-F83C-351748FAC89F}"/>
          </ac:spMkLst>
        </pc:spChg>
        <pc:spChg chg="mod">
          <ac:chgData name="White, Alex" userId="eff6cc8c-37d8-483b-9c6c-6b27e9afa9bc" providerId="ADAL" clId="{BF04C754-5BF4-4E83-9615-DB14FA25AF8A}" dt="2023-10-12T11:37:47.867" v="289"/>
          <ac:spMkLst>
            <pc:docMk/>
            <pc:sldMk cId="2376958513" sldId="260"/>
            <ac:spMk id="1627" creationId="{2908331C-4E68-6F87-F5C9-6E955978B18B}"/>
          </ac:spMkLst>
        </pc:spChg>
        <pc:spChg chg="mod">
          <ac:chgData name="White, Alex" userId="eff6cc8c-37d8-483b-9c6c-6b27e9afa9bc" providerId="ADAL" clId="{BF04C754-5BF4-4E83-9615-DB14FA25AF8A}" dt="2023-10-12T11:37:47.867" v="289"/>
          <ac:spMkLst>
            <pc:docMk/>
            <pc:sldMk cId="2376958513" sldId="260"/>
            <ac:spMk id="1628" creationId="{A2440419-E7EF-1A5E-D90D-CFCD72F9DFEA}"/>
          </ac:spMkLst>
        </pc:spChg>
        <pc:spChg chg="mod">
          <ac:chgData name="White, Alex" userId="eff6cc8c-37d8-483b-9c6c-6b27e9afa9bc" providerId="ADAL" clId="{BF04C754-5BF4-4E83-9615-DB14FA25AF8A}" dt="2023-10-12T11:37:47.867" v="289"/>
          <ac:spMkLst>
            <pc:docMk/>
            <pc:sldMk cId="2376958513" sldId="260"/>
            <ac:spMk id="1629" creationId="{42EDC04A-8A0D-4589-BA77-1A8C6B7D70A3}"/>
          </ac:spMkLst>
        </pc:spChg>
        <pc:spChg chg="mod">
          <ac:chgData name="White, Alex" userId="eff6cc8c-37d8-483b-9c6c-6b27e9afa9bc" providerId="ADAL" clId="{BF04C754-5BF4-4E83-9615-DB14FA25AF8A}" dt="2023-10-12T11:37:47.867" v="289"/>
          <ac:spMkLst>
            <pc:docMk/>
            <pc:sldMk cId="2376958513" sldId="260"/>
            <ac:spMk id="1630" creationId="{EC98C5F2-C0F5-E249-2BAD-755DD607470C}"/>
          </ac:spMkLst>
        </pc:spChg>
        <pc:spChg chg="mod">
          <ac:chgData name="White, Alex" userId="eff6cc8c-37d8-483b-9c6c-6b27e9afa9bc" providerId="ADAL" clId="{BF04C754-5BF4-4E83-9615-DB14FA25AF8A}" dt="2023-10-12T11:37:47.867" v="289"/>
          <ac:spMkLst>
            <pc:docMk/>
            <pc:sldMk cId="2376958513" sldId="260"/>
            <ac:spMk id="1631" creationId="{0F5D3EA4-A86F-51C1-A91D-2AA329AE8F58}"/>
          </ac:spMkLst>
        </pc:spChg>
        <pc:spChg chg="mod">
          <ac:chgData name="White, Alex" userId="eff6cc8c-37d8-483b-9c6c-6b27e9afa9bc" providerId="ADAL" clId="{BF04C754-5BF4-4E83-9615-DB14FA25AF8A}" dt="2023-10-12T11:37:47.867" v="289"/>
          <ac:spMkLst>
            <pc:docMk/>
            <pc:sldMk cId="2376958513" sldId="260"/>
            <ac:spMk id="1632" creationId="{782EF65F-0DC2-6482-5385-D422B17F4018}"/>
          </ac:spMkLst>
        </pc:spChg>
        <pc:spChg chg="mod">
          <ac:chgData name="White, Alex" userId="eff6cc8c-37d8-483b-9c6c-6b27e9afa9bc" providerId="ADAL" clId="{BF04C754-5BF4-4E83-9615-DB14FA25AF8A}" dt="2023-10-12T11:37:47.867" v="289"/>
          <ac:spMkLst>
            <pc:docMk/>
            <pc:sldMk cId="2376958513" sldId="260"/>
            <ac:spMk id="1633" creationId="{BA61E6D8-8143-F0F1-AA75-5409466FB4B1}"/>
          </ac:spMkLst>
        </pc:spChg>
        <pc:spChg chg="mod">
          <ac:chgData name="White, Alex" userId="eff6cc8c-37d8-483b-9c6c-6b27e9afa9bc" providerId="ADAL" clId="{BF04C754-5BF4-4E83-9615-DB14FA25AF8A}" dt="2023-10-12T11:37:47.867" v="289"/>
          <ac:spMkLst>
            <pc:docMk/>
            <pc:sldMk cId="2376958513" sldId="260"/>
            <ac:spMk id="1634" creationId="{A85BC858-9FCE-8036-70FD-2A17191A5519}"/>
          </ac:spMkLst>
        </pc:spChg>
        <pc:spChg chg="mod">
          <ac:chgData name="White, Alex" userId="eff6cc8c-37d8-483b-9c6c-6b27e9afa9bc" providerId="ADAL" clId="{BF04C754-5BF4-4E83-9615-DB14FA25AF8A}" dt="2023-10-12T11:37:47.867" v="289"/>
          <ac:spMkLst>
            <pc:docMk/>
            <pc:sldMk cId="2376958513" sldId="260"/>
            <ac:spMk id="1635" creationId="{5BA34A2B-C252-707D-4617-1C4FA32CB09F}"/>
          </ac:spMkLst>
        </pc:spChg>
        <pc:spChg chg="mod">
          <ac:chgData name="White, Alex" userId="eff6cc8c-37d8-483b-9c6c-6b27e9afa9bc" providerId="ADAL" clId="{BF04C754-5BF4-4E83-9615-DB14FA25AF8A}" dt="2023-10-12T11:37:47.867" v="289"/>
          <ac:spMkLst>
            <pc:docMk/>
            <pc:sldMk cId="2376958513" sldId="260"/>
            <ac:spMk id="1636" creationId="{0C7AFD5C-F8AB-C06F-8197-03A95F3DE235}"/>
          </ac:spMkLst>
        </pc:spChg>
        <pc:spChg chg="mod">
          <ac:chgData name="White, Alex" userId="eff6cc8c-37d8-483b-9c6c-6b27e9afa9bc" providerId="ADAL" clId="{BF04C754-5BF4-4E83-9615-DB14FA25AF8A}" dt="2023-10-12T11:37:47.867" v="289"/>
          <ac:spMkLst>
            <pc:docMk/>
            <pc:sldMk cId="2376958513" sldId="260"/>
            <ac:spMk id="1637" creationId="{DF375DA0-5AD2-BEFE-AEFA-05244A0D3C00}"/>
          </ac:spMkLst>
        </pc:spChg>
        <pc:spChg chg="mod">
          <ac:chgData name="White, Alex" userId="eff6cc8c-37d8-483b-9c6c-6b27e9afa9bc" providerId="ADAL" clId="{BF04C754-5BF4-4E83-9615-DB14FA25AF8A}" dt="2023-10-12T11:37:47.867" v="289"/>
          <ac:spMkLst>
            <pc:docMk/>
            <pc:sldMk cId="2376958513" sldId="260"/>
            <ac:spMk id="1638" creationId="{0171559A-5A1F-121B-8510-AA2343DD7EA3}"/>
          </ac:spMkLst>
        </pc:spChg>
        <pc:spChg chg="mod">
          <ac:chgData name="White, Alex" userId="eff6cc8c-37d8-483b-9c6c-6b27e9afa9bc" providerId="ADAL" clId="{BF04C754-5BF4-4E83-9615-DB14FA25AF8A}" dt="2023-10-12T11:37:47.867" v="289"/>
          <ac:spMkLst>
            <pc:docMk/>
            <pc:sldMk cId="2376958513" sldId="260"/>
            <ac:spMk id="1639" creationId="{E013FC4C-5BE8-6972-4AB1-A4EE87EA99D2}"/>
          </ac:spMkLst>
        </pc:spChg>
        <pc:spChg chg="mod">
          <ac:chgData name="White, Alex" userId="eff6cc8c-37d8-483b-9c6c-6b27e9afa9bc" providerId="ADAL" clId="{BF04C754-5BF4-4E83-9615-DB14FA25AF8A}" dt="2023-10-12T11:37:47.867" v="289"/>
          <ac:spMkLst>
            <pc:docMk/>
            <pc:sldMk cId="2376958513" sldId="260"/>
            <ac:spMk id="1640" creationId="{2631C307-7538-4951-EADA-4C85C70C1CC4}"/>
          </ac:spMkLst>
        </pc:spChg>
        <pc:spChg chg="mod">
          <ac:chgData name="White, Alex" userId="eff6cc8c-37d8-483b-9c6c-6b27e9afa9bc" providerId="ADAL" clId="{BF04C754-5BF4-4E83-9615-DB14FA25AF8A}" dt="2023-10-12T11:37:47.867" v="289"/>
          <ac:spMkLst>
            <pc:docMk/>
            <pc:sldMk cId="2376958513" sldId="260"/>
            <ac:spMk id="1641" creationId="{32C783BD-2141-3594-8332-DC7A5021BBDE}"/>
          </ac:spMkLst>
        </pc:spChg>
        <pc:spChg chg="mod">
          <ac:chgData name="White, Alex" userId="eff6cc8c-37d8-483b-9c6c-6b27e9afa9bc" providerId="ADAL" clId="{BF04C754-5BF4-4E83-9615-DB14FA25AF8A}" dt="2023-10-12T11:37:47.867" v="289"/>
          <ac:spMkLst>
            <pc:docMk/>
            <pc:sldMk cId="2376958513" sldId="260"/>
            <ac:spMk id="1642" creationId="{2C76A8CF-E268-51C8-C939-3F7C9CE82EAD}"/>
          </ac:spMkLst>
        </pc:spChg>
        <pc:spChg chg="mod">
          <ac:chgData name="White, Alex" userId="eff6cc8c-37d8-483b-9c6c-6b27e9afa9bc" providerId="ADAL" clId="{BF04C754-5BF4-4E83-9615-DB14FA25AF8A}" dt="2023-10-12T11:37:47.867" v="289"/>
          <ac:spMkLst>
            <pc:docMk/>
            <pc:sldMk cId="2376958513" sldId="260"/>
            <ac:spMk id="1643" creationId="{6D3307B1-778B-3989-96FD-F6AC49FD494F}"/>
          </ac:spMkLst>
        </pc:spChg>
        <pc:spChg chg="mod">
          <ac:chgData name="White, Alex" userId="eff6cc8c-37d8-483b-9c6c-6b27e9afa9bc" providerId="ADAL" clId="{BF04C754-5BF4-4E83-9615-DB14FA25AF8A}" dt="2023-10-12T11:37:47.867" v="289"/>
          <ac:spMkLst>
            <pc:docMk/>
            <pc:sldMk cId="2376958513" sldId="260"/>
            <ac:spMk id="1644" creationId="{DBFBC542-442A-A062-598E-08F2A494B0CC}"/>
          </ac:spMkLst>
        </pc:spChg>
        <pc:spChg chg="mod">
          <ac:chgData name="White, Alex" userId="eff6cc8c-37d8-483b-9c6c-6b27e9afa9bc" providerId="ADAL" clId="{BF04C754-5BF4-4E83-9615-DB14FA25AF8A}" dt="2023-10-12T11:37:47.867" v="289"/>
          <ac:spMkLst>
            <pc:docMk/>
            <pc:sldMk cId="2376958513" sldId="260"/>
            <ac:spMk id="1645" creationId="{7CFAD868-BBC8-2B09-D38E-B22AD8079034}"/>
          </ac:spMkLst>
        </pc:spChg>
        <pc:spChg chg="mod">
          <ac:chgData name="White, Alex" userId="eff6cc8c-37d8-483b-9c6c-6b27e9afa9bc" providerId="ADAL" clId="{BF04C754-5BF4-4E83-9615-DB14FA25AF8A}" dt="2023-10-12T11:37:47.867" v="289"/>
          <ac:spMkLst>
            <pc:docMk/>
            <pc:sldMk cId="2376958513" sldId="260"/>
            <ac:spMk id="1646" creationId="{36463FA6-0AAF-9EB7-FBB1-1EF70E9453C6}"/>
          </ac:spMkLst>
        </pc:spChg>
        <pc:spChg chg="mod">
          <ac:chgData name="White, Alex" userId="eff6cc8c-37d8-483b-9c6c-6b27e9afa9bc" providerId="ADAL" clId="{BF04C754-5BF4-4E83-9615-DB14FA25AF8A}" dt="2023-10-12T11:37:47.867" v="289"/>
          <ac:spMkLst>
            <pc:docMk/>
            <pc:sldMk cId="2376958513" sldId="260"/>
            <ac:spMk id="1647" creationId="{9A91DC70-ED8C-E4EF-BD2F-FEAD4CD58BF4}"/>
          </ac:spMkLst>
        </pc:spChg>
        <pc:spChg chg="mod">
          <ac:chgData name="White, Alex" userId="eff6cc8c-37d8-483b-9c6c-6b27e9afa9bc" providerId="ADAL" clId="{BF04C754-5BF4-4E83-9615-DB14FA25AF8A}" dt="2023-10-12T11:37:47.867" v="289"/>
          <ac:spMkLst>
            <pc:docMk/>
            <pc:sldMk cId="2376958513" sldId="260"/>
            <ac:spMk id="1648" creationId="{7AEC5C3D-960F-F1C2-AFBB-C6E80D24C51C}"/>
          </ac:spMkLst>
        </pc:spChg>
        <pc:spChg chg="mod">
          <ac:chgData name="White, Alex" userId="eff6cc8c-37d8-483b-9c6c-6b27e9afa9bc" providerId="ADAL" clId="{BF04C754-5BF4-4E83-9615-DB14FA25AF8A}" dt="2023-10-12T11:37:47.867" v="289"/>
          <ac:spMkLst>
            <pc:docMk/>
            <pc:sldMk cId="2376958513" sldId="260"/>
            <ac:spMk id="1649" creationId="{9BDDEF3A-822D-2E96-1366-AFF80E48ACB8}"/>
          </ac:spMkLst>
        </pc:spChg>
        <pc:spChg chg="mod">
          <ac:chgData name="White, Alex" userId="eff6cc8c-37d8-483b-9c6c-6b27e9afa9bc" providerId="ADAL" clId="{BF04C754-5BF4-4E83-9615-DB14FA25AF8A}" dt="2023-10-12T11:37:47.867" v="289"/>
          <ac:spMkLst>
            <pc:docMk/>
            <pc:sldMk cId="2376958513" sldId="260"/>
            <ac:spMk id="1650" creationId="{A8A5BAE1-7C56-6AD1-C36C-EFAFCC6CC9D9}"/>
          </ac:spMkLst>
        </pc:spChg>
        <pc:spChg chg="mod">
          <ac:chgData name="White, Alex" userId="eff6cc8c-37d8-483b-9c6c-6b27e9afa9bc" providerId="ADAL" clId="{BF04C754-5BF4-4E83-9615-DB14FA25AF8A}" dt="2023-10-12T11:37:47.867" v="289"/>
          <ac:spMkLst>
            <pc:docMk/>
            <pc:sldMk cId="2376958513" sldId="260"/>
            <ac:spMk id="1651" creationId="{C0E1AE13-4778-C944-FC2E-4DD5D968CB0C}"/>
          </ac:spMkLst>
        </pc:spChg>
        <pc:spChg chg="mod">
          <ac:chgData name="White, Alex" userId="eff6cc8c-37d8-483b-9c6c-6b27e9afa9bc" providerId="ADAL" clId="{BF04C754-5BF4-4E83-9615-DB14FA25AF8A}" dt="2023-10-12T11:37:47.867" v="289"/>
          <ac:spMkLst>
            <pc:docMk/>
            <pc:sldMk cId="2376958513" sldId="260"/>
            <ac:spMk id="1652" creationId="{FAF2D26F-E69E-5ABA-E73D-0871C14B1C78}"/>
          </ac:spMkLst>
        </pc:spChg>
        <pc:spChg chg="mod">
          <ac:chgData name="White, Alex" userId="eff6cc8c-37d8-483b-9c6c-6b27e9afa9bc" providerId="ADAL" clId="{BF04C754-5BF4-4E83-9615-DB14FA25AF8A}" dt="2023-10-12T11:37:47.867" v="289"/>
          <ac:spMkLst>
            <pc:docMk/>
            <pc:sldMk cId="2376958513" sldId="260"/>
            <ac:spMk id="1653" creationId="{12E68A8F-CC35-268F-EB82-23BBC686E5A9}"/>
          </ac:spMkLst>
        </pc:spChg>
        <pc:spChg chg="mod">
          <ac:chgData name="White, Alex" userId="eff6cc8c-37d8-483b-9c6c-6b27e9afa9bc" providerId="ADAL" clId="{BF04C754-5BF4-4E83-9615-DB14FA25AF8A}" dt="2023-10-12T11:37:47.867" v="289"/>
          <ac:spMkLst>
            <pc:docMk/>
            <pc:sldMk cId="2376958513" sldId="260"/>
            <ac:spMk id="1654" creationId="{0A5E4032-5334-CA8B-E499-A1022679D443}"/>
          </ac:spMkLst>
        </pc:spChg>
        <pc:spChg chg="mod">
          <ac:chgData name="White, Alex" userId="eff6cc8c-37d8-483b-9c6c-6b27e9afa9bc" providerId="ADAL" clId="{BF04C754-5BF4-4E83-9615-DB14FA25AF8A}" dt="2023-10-12T11:37:47.867" v="289"/>
          <ac:spMkLst>
            <pc:docMk/>
            <pc:sldMk cId="2376958513" sldId="260"/>
            <ac:spMk id="1655" creationId="{95AD9F58-2B9E-08A3-5370-ED9CFD9E277E}"/>
          </ac:spMkLst>
        </pc:spChg>
        <pc:spChg chg="mod">
          <ac:chgData name="White, Alex" userId="eff6cc8c-37d8-483b-9c6c-6b27e9afa9bc" providerId="ADAL" clId="{BF04C754-5BF4-4E83-9615-DB14FA25AF8A}" dt="2023-10-12T11:37:47.867" v="289"/>
          <ac:spMkLst>
            <pc:docMk/>
            <pc:sldMk cId="2376958513" sldId="260"/>
            <ac:spMk id="1656" creationId="{54705B12-1A0E-BFD6-19FE-A0669E2DB8AF}"/>
          </ac:spMkLst>
        </pc:spChg>
        <pc:spChg chg="mod">
          <ac:chgData name="White, Alex" userId="eff6cc8c-37d8-483b-9c6c-6b27e9afa9bc" providerId="ADAL" clId="{BF04C754-5BF4-4E83-9615-DB14FA25AF8A}" dt="2023-10-12T11:37:47.867" v="289"/>
          <ac:spMkLst>
            <pc:docMk/>
            <pc:sldMk cId="2376958513" sldId="260"/>
            <ac:spMk id="1657" creationId="{A39B0F77-A6FF-ABD0-8F63-7962686EEE96}"/>
          </ac:spMkLst>
        </pc:spChg>
        <pc:spChg chg="mod">
          <ac:chgData name="White, Alex" userId="eff6cc8c-37d8-483b-9c6c-6b27e9afa9bc" providerId="ADAL" clId="{BF04C754-5BF4-4E83-9615-DB14FA25AF8A}" dt="2023-10-12T11:37:47.867" v="289"/>
          <ac:spMkLst>
            <pc:docMk/>
            <pc:sldMk cId="2376958513" sldId="260"/>
            <ac:spMk id="1658" creationId="{8B67DCCC-88EC-BD8F-5286-E7E6BE18D9A6}"/>
          </ac:spMkLst>
        </pc:spChg>
        <pc:spChg chg="mod">
          <ac:chgData name="White, Alex" userId="eff6cc8c-37d8-483b-9c6c-6b27e9afa9bc" providerId="ADAL" clId="{BF04C754-5BF4-4E83-9615-DB14FA25AF8A}" dt="2023-10-12T11:37:47.867" v="289"/>
          <ac:spMkLst>
            <pc:docMk/>
            <pc:sldMk cId="2376958513" sldId="260"/>
            <ac:spMk id="1659" creationId="{8DB2F983-6ED4-E414-3F3E-2DBBD5349738}"/>
          </ac:spMkLst>
        </pc:spChg>
        <pc:spChg chg="mod">
          <ac:chgData name="White, Alex" userId="eff6cc8c-37d8-483b-9c6c-6b27e9afa9bc" providerId="ADAL" clId="{BF04C754-5BF4-4E83-9615-DB14FA25AF8A}" dt="2023-10-12T11:37:47.867" v="289"/>
          <ac:spMkLst>
            <pc:docMk/>
            <pc:sldMk cId="2376958513" sldId="260"/>
            <ac:spMk id="1660" creationId="{31A8E86A-1D4A-4987-7D1D-A43F49BFFD70}"/>
          </ac:spMkLst>
        </pc:spChg>
        <pc:spChg chg="mod">
          <ac:chgData name="White, Alex" userId="eff6cc8c-37d8-483b-9c6c-6b27e9afa9bc" providerId="ADAL" clId="{BF04C754-5BF4-4E83-9615-DB14FA25AF8A}" dt="2023-10-12T11:37:47.867" v="289"/>
          <ac:spMkLst>
            <pc:docMk/>
            <pc:sldMk cId="2376958513" sldId="260"/>
            <ac:spMk id="1661" creationId="{FAF34171-E62D-0328-47C5-25DAB2C0867C}"/>
          </ac:spMkLst>
        </pc:spChg>
        <pc:spChg chg="mod">
          <ac:chgData name="White, Alex" userId="eff6cc8c-37d8-483b-9c6c-6b27e9afa9bc" providerId="ADAL" clId="{BF04C754-5BF4-4E83-9615-DB14FA25AF8A}" dt="2023-10-12T11:37:47.867" v="289"/>
          <ac:spMkLst>
            <pc:docMk/>
            <pc:sldMk cId="2376958513" sldId="260"/>
            <ac:spMk id="1662" creationId="{48AF68FB-27B7-F541-C7CE-7F07BDC6D512}"/>
          </ac:spMkLst>
        </pc:spChg>
        <pc:spChg chg="mod">
          <ac:chgData name="White, Alex" userId="eff6cc8c-37d8-483b-9c6c-6b27e9afa9bc" providerId="ADAL" clId="{BF04C754-5BF4-4E83-9615-DB14FA25AF8A}" dt="2023-10-12T11:37:47.867" v="289"/>
          <ac:spMkLst>
            <pc:docMk/>
            <pc:sldMk cId="2376958513" sldId="260"/>
            <ac:spMk id="1663" creationId="{B4E99574-4024-4C71-E5B6-77B07311B3FE}"/>
          </ac:spMkLst>
        </pc:spChg>
        <pc:spChg chg="mod">
          <ac:chgData name="White, Alex" userId="eff6cc8c-37d8-483b-9c6c-6b27e9afa9bc" providerId="ADAL" clId="{BF04C754-5BF4-4E83-9615-DB14FA25AF8A}" dt="2023-10-12T11:37:47.867" v="289"/>
          <ac:spMkLst>
            <pc:docMk/>
            <pc:sldMk cId="2376958513" sldId="260"/>
            <ac:spMk id="1664" creationId="{8AF0A045-F101-9AB7-CBFF-C3233908D410}"/>
          </ac:spMkLst>
        </pc:spChg>
        <pc:spChg chg="mod">
          <ac:chgData name="White, Alex" userId="eff6cc8c-37d8-483b-9c6c-6b27e9afa9bc" providerId="ADAL" clId="{BF04C754-5BF4-4E83-9615-DB14FA25AF8A}" dt="2023-10-12T11:37:47.867" v="289"/>
          <ac:spMkLst>
            <pc:docMk/>
            <pc:sldMk cId="2376958513" sldId="260"/>
            <ac:spMk id="1665" creationId="{463AE6AC-3AF6-A688-99AA-1EEB8D224DAE}"/>
          </ac:spMkLst>
        </pc:spChg>
        <pc:spChg chg="mod">
          <ac:chgData name="White, Alex" userId="eff6cc8c-37d8-483b-9c6c-6b27e9afa9bc" providerId="ADAL" clId="{BF04C754-5BF4-4E83-9615-DB14FA25AF8A}" dt="2023-10-12T11:37:47.867" v="289"/>
          <ac:spMkLst>
            <pc:docMk/>
            <pc:sldMk cId="2376958513" sldId="260"/>
            <ac:spMk id="1666" creationId="{73C5E6C2-AD9A-0CC1-DC93-C5A571078CA2}"/>
          </ac:spMkLst>
        </pc:spChg>
        <pc:spChg chg="mod">
          <ac:chgData name="White, Alex" userId="eff6cc8c-37d8-483b-9c6c-6b27e9afa9bc" providerId="ADAL" clId="{BF04C754-5BF4-4E83-9615-DB14FA25AF8A}" dt="2023-10-12T11:37:47.867" v="289"/>
          <ac:spMkLst>
            <pc:docMk/>
            <pc:sldMk cId="2376958513" sldId="260"/>
            <ac:spMk id="1667" creationId="{203D09A7-2AAA-7C00-9FD3-E008180D41A0}"/>
          </ac:spMkLst>
        </pc:spChg>
        <pc:spChg chg="mod">
          <ac:chgData name="White, Alex" userId="eff6cc8c-37d8-483b-9c6c-6b27e9afa9bc" providerId="ADAL" clId="{BF04C754-5BF4-4E83-9615-DB14FA25AF8A}" dt="2023-10-12T11:37:47.867" v="289"/>
          <ac:spMkLst>
            <pc:docMk/>
            <pc:sldMk cId="2376958513" sldId="260"/>
            <ac:spMk id="1668" creationId="{F3FA1597-7D23-1A7F-2CAB-CEECAC72C3A8}"/>
          </ac:spMkLst>
        </pc:spChg>
        <pc:spChg chg="mod">
          <ac:chgData name="White, Alex" userId="eff6cc8c-37d8-483b-9c6c-6b27e9afa9bc" providerId="ADAL" clId="{BF04C754-5BF4-4E83-9615-DB14FA25AF8A}" dt="2023-10-12T11:37:47.867" v="289"/>
          <ac:spMkLst>
            <pc:docMk/>
            <pc:sldMk cId="2376958513" sldId="260"/>
            <ac:spMk id="1669" creationId="{8F62771B-F10F-D3DE-EBED-A73E152C47CC}"/>
          </ac:spMkLst>
        </pc:spChg>
        <pc:spChg chg="mod">
          <ac:chgData name="White, Alex" userId="eff6cc8c-37d8-483b-9c6c-6b27e9afa9bc" providerId="ADAL" clId="{BF04C754-5BF4-4E83-9615-DB14FA25AF8A}" dt="2023-10-12T11:37:47.867" v="289"/>
          <ac:spMkLst>
            <pc:docMk/>
            <pc:sldMk cId="2376958513" sldId="260"/>
            <ac:spMk id="1670" creationId="{D84BBDB5-4797-C7D3-C626-2338E3C91655}"/>
          </ac:spMkLst>
        </pc:spChg>
        <pc:spChg chg="mod">
          <ac:chgData name="White, Alex" userId="eff6cc8c-37d8-483b-9c6c-6b27e9afa9bc" providerId="ADAL" clId="{BF04C754-5BF4-4E83-9615-DB14FA25AF8A}" dt="2023-10-12T11:37:47.867" v="289"/>
          <ac:spMkLst>
            <pc:docMk/>
            <pc:sldMk cId="2376958513" sldId="260"/>
            <ac:spMk id="1671" creationId="{714E0F49-B38F-4838-28A1-AF7C6355E78E}"/>
          </ac:spMkLst>
        </pc:spChg>
        <pc:spChg chg="mod">
          <ac:chgData name="White, Alex" userId="eff6cc8c-37d8-483b-9c6c-6b27e9afa9bc" providerId="ADAL" clId="{BF04C754-5BF4-4E83-9615-DB14FA25AF8A}" dt="2023-10-12T11:37:47.867" v="289"/>
          <ac:spMkLst>
            <pc:docMk/>
            <pc:sldMk cId="2376958513" sldId="260"/>
            <ac:spMk id="1672" creationId="{2DCE24F1-FEB5-6A64-3E56-A87E61E01D35}"/>
          </ac:spMkLst>
        </pc:spChg>
        <pc:spChg chg="mod">
          <ac:chgData name="White, Alex" userId="eff6cc8c-37d8-483b-9c6c-6b27e9afa9bc" providerId="ADAL" clId="{BF04C754-5BF4-4E83-9615-DB14FA25AF8A}" dt="2023-10-12T11:37:47.867" v="289"/>
          <ac:spMkLst>
            <pc:docMk/>
            <pc:sldMk cId="2376958513" sldId="260"/>
            <ac:spMk id="1673" creationId="{7B33DC1D-5F38-3B1A-7DFB-404C422C2D22}"/>
          </ac:spMkLst>
        </pc:spChg>
        <pc:spChg chg="mod">
          <ac:chgData name="White, Alex" userId="eff6cc8c-37d8-483b-9c6c-6b27e9afa9bc" providerId="ADAL" clId="{BF04C754-5BF4-4E83-9615-DB14FA25AF8A}" dt="2023-10-12T11:37:47.867" v="289"/>
          <ac:spMkLst>
            <pc:docMk/>
            <pc:sldMk cId="2376958513" sldId="260"/>
            <ac:spMk id="1674" creationId="{C89A4C3A-67A3-EF5E-DC36-D51684A4938C}"/>
          </ac:spMkLst>
        </pc:spChg>
        <pc:spChg chg="mod">
          <ac:chgData name="White, Alex" userId="eff6cc8c-37d8-483b-9c6c-6b27e9afa9bc" providerId="ADAL" clId="{BF04C754-5BF4-4E83-9615-DB14FA25AF8A}" dt="2023-10-12T11:37:47.867" v="289"/>
          <ac:spMkLst>
            <pc:docMk/>
            <pc:sldMk cId="2376958513" sldId="260"/>
            <ac:spMk id="1675" creationId="{32E305BA-7D7E-CFA0-36D3-8845785BF47A}"/>
          </ac:spMkLst>
        </pc:spChg>
        <pc:spChg chg="mod">
          <ac:chgData name="White, Alex" userId="eff6cc8c-37d8-483b-9c6c-6b27e9afa9bc" providerId="ADAL" clId="{BF04C754-5BF4-4E83-9615-DB14FA25AF8A}" dt="2023-10-12T11:37:47.867" v="289"/>
          <ac:spMkLst>
            <pc:docMk/>
            <pc:sldMk cId="2376958513" sldId="260"/>
            <ac:spMk id="1676" creationId="{11A9E192-2D99-F415-CB0A-8373962BEF09}"/>
          </ac:spMkLst>
        </pc:spChg>
        <pc:spChg chg="mod">
          <ac:chgData name="White, Alex" userId="eff6cc8c-37d8-483b-9c6c-6b27e9afa9bc" providerId="ADAL" clId="{BF04C754-5BF4-4E83-9615-DB14FA25AF8A}" dt="2023-10-12T11:37:47.867" v="289"/>
          <ac:spMkLst>
            <pc:docMk/>
            <pc:sldMk cId="2376958513" sldId="260"/>
            <ac:spMk id="1677" creationId="{FF5962A8-14DD-59D7-56B0-8EE08D9E7C32}"/>
          </ac:spMkLst>
        </pc:spChg>
        <pc:spChg chg="mod">
          <ac:chgData name="White, Alex" userId="eff6cc8c-37d8-483b-9c6c-6b27e9afa9bc" providerId="ADAL" clId="{BF04C754-5BF4-4E83-9615-DB14FA25AF8A}" dt="2023-10-12T11:37:47.867" v="289"/>
          <ac:spMkLst>
            <pc:docMk/>
            <pc:sldMk cId="2376958513" sldId="260"/>
            <ac:spMk id="1678" creationId="{E8395B10-2BA2-1554-D867-6E2DE8F0310D}"/>
          </ac:spMkLst>
        </pc:spChg>
        <pc:spChg chg="mod">
          <ac:chgData name="White, Alex" userId="eff6cc8c-37d8-483b-9c6c-6b27e9afa9bc" providerId="ADAL" clId="{BF04C754-5BF4-4E83-9615-DB14FA25AF8A}" dt="2023-10-12T11:37:47.867" v="289"/>
          <ac:spMkLst>
            <pc:docMk/>
            <pc:sldMk cId="2376958513" sldId="260"/>
            <ac:spMk id="1679" creationId="{E82A270B-DE3E-F273-1312-6B1574788EB8}"/>
          </ac:spMkLst>
        </pc:spChg>
        <pc:spChg chg="mod">
          <ac:chgData name="White, Alex" userId="eff6cc8c-37d8-483b-9c6c-6b27e9afa9bc" providerId="ADAL" clId="{BF04C754-5BF4-4E83-9615-DB14FA25AF8A}" dt="2023-10-12T11:37:47.867" v="289"/>
          <ac:spMkLst>
            <pc:docMk/>
            <pc:sldMk cId="2376958513" sldId="260"/>
            <ac:spMk id="1680" creationId="{E1CA9407-6ED0-9496-8B47-E135D368FF94}"/>
          </ac:spMkLst>
        </pc:spChg>
        <pc:spChg chg="mod">
          <ac:chgData name="White, Alex" userId="eff6cc8c-37d8-483b-9c6c-6b27e9afa9bc" providerId="ADAL" clId="{BF04C754-5BF4-4E83-9615-DB14FA25AF8A}" dt="2023-10-12T11:37:47.867" v="289"/>
          <ac:spMkLst>
            <pc:docMk/>
            <pc:sldMk cId="2376958513" sldId="260"/>
            <ac:spMk id="1681" creationId="{63FDFE78-26F2-ADB1-9133-C4269507C100}"/>
          </ac:spMkLst>
        </pc:spChg>
        <pc:spChg chg="mod">
          <ac:chgData name="White, Alex" userId="eff6cc8c-37d8-483b-9c6c-6b27e9afa9bc" providerId="ADAL" clId="{BF04C754-5BF4-4E83-9615-DB14FA25AF8A}" dt="2023-10-12T11:37:47.867" v="289"/>
          <ac:spMkLst>
            <pc:docMk/>
            <pc:sldMk cId="2376958513" sldId="260"/>
            <ac:spMk id="1682" creationId="{7D704132-E301-D29C-2F79-132A77CDCFF9}"/>
          </ac:spMkLst>
        </pc:spChg>
        <pc:spChg chg="mod">
          <ac:chgData name="White, Alex" userId="eff6cc8c-37d8-483b-9c6c-6b27e9afa9bc" providerId="ADAL" clId="{BF04C754-5BF4-4E83-9615-DB14FA25AF8A}" dt="2023-10-12T11:37:47.867" v="289"/>
          <ac:spMkLst>
            <pc:docMk/>
            <pc:sldMk cId="2376958513" sldId="260"/>
            <ac:spMk id="1683" creationId="{D4C8F3BD-A9D2-AF4D-C2F0-26738681EC77}"/>
          </ac:spMkLst>
        </pc:spChg>
        <pc:spChg chg="mod">
          <ac:chgData name="White, Alex" userId="eff6cc8c-37d8-483b-9c6c-6b27e9afa9bc" providerId="ADAL" clId="{BF04C754-5BF4-4E83-9615-DB14FA25AF8A}" dt="2023-10-12T11:37:47.867" v="289"/>
          <ac:spMkLst>
            <pc:docMk/>
            <pc:sldMk cId="2376958513" sldId="260"/>
            <ac:spMk id="1684" creationId="{A58C57C1-E31A-7F5F-BC43-E32A8D03CD75}"/>
          </ac:spMkLst>
        </pc:spChg>
        <pc:spChg chg="mod">
          <ac:chgData name="White, Alex" userId="eff6cc8c-37d8-483b-9c6c-6b27e9afa9bc" providerId="ADAL" clId="{BF04C754-5BF4-4E83-9615-DB14FA25AF8A}" dt="2023-10-12T11:37:47.867" v="289"/>
          <ac:spMkLst>
            <pc:docMk/>
            <pc:sldMk cId="2376958513" sldId="260"/>
            <ac:spMk id="1685" creationId="{8279ADF3-F806-F259-DB5E-41A4B6925E15}"/>
          </ac:spMkLst>
        </pc:spChg>
        <pc:spChg chg="mod">
          <ac:chgData name="White, Alex" userId="eff6cc8c-37d8-483b-9c6c-6b27e9afa9bc" providerId="ADAL" clId="{BF04C754-5BF4-4E83-9615-DB14FA25AF8A}" dt="2023-10-12T11:37:47.867" v="289"/>
          <ac:spMkLst>
            <pc:docMk/>
            <pc:sldMk cId="2376958513" sldId="260"/>
            <ac:spMk id="1686" creationId="{42F9ACE3-9DEB-982A-AA41-E8F38E04E026}"/>
          </ac:spMkLst>
        </pc:spChg>
        <pc:spChg chg="mod">
          <ac:chgData name="White, Alex" userId="eff6cc8c-37d8-483b-9c6c-6b27e9afa9bc" providerId="ADAL" clId="{BF04C754-5BF4-4E83-9615-DB14FA25AF8A}" dt="2023-10-12T11:37:47.867" v="289"/>
          <ac:spMkLst>
            <pc:docMk/>
            <pc:sldMk cId="2376958513" sldId="260"/>
            <ac:spMk id="1687" creationId="{AA34A79C-0D83-5D25-33E5-A603066340B7}"/>
          </ac:spMkLst>
        </pc:spChg>
        <pc:spChg chg="mod">
          <ac:chgData name="White, Alex" userId="eff6cc8c-37d8-483b-9c6c-6b27e9afa9bc" providerId="ADAL" clId="{BF04C754-5BF4-4E83-9615-DB14FA25AF8A}" dt="2023-10-12T11:37:47.867" v="289"/>
          <ac:spMkLst>
            <pc:docMk/>
            <pc:sldMk cId="2376958513" sldId="260"/>
            <ac:spMk id="1688" creationId="{DF4614FA-3C78-E732-9EDD-1A2BBC957EF0}"/>
          </ac:spMkLst>
        </pc:spChg>
        <pc:spChg chg="mod">
          <ac:chgData name="White, Alex" userId="eff6cc8c-37d8-483b-9c6c-6b27e9afa9bc" providerId="ADAL" clId="{BF04C754-5BF4-4E83-9615-DB14FA25AF8A}" dt="2023-10-12T11:37:47.867" v="289"/>
          <ac:spMkLst>
            <pc:docMk/>
            <pc:sldMk cId="2376958513" sldId="260"/>
            <ac:spMk id="1689" creationId="{7460A53E-721D-AA00-A0DC-8B2EC6DC8DAD}"/>
          </ac:spMkLst>
        </pc:spChg>
        <pc:spChg chg="mod">
          <ac:chgData name="White, Alex" userId="eff6cc8c-37d8-483b-9c6c-6b27e9afa9bc" providerId="ADAL" clId="{BF04C754-5BF4-4E83-9615-DB14FA25AF8A}" dt="2023-10-12T11:37:47.867" v="289"/>
          <ac:spMkLst>
            <pc:docMk/>
            <pc:sldMk cId="2376958513" sldId="260"/>
            <ac:spMk id="1690" creationId="{98013776-CFC2-E58D-0009-A62281813945}"/>
          </ac:spMkLst>
        </pc:spChg>
        <pc:spChg chg="mod">
          <ac:chgData name="White, Alex" userId="eff6cc8c-37d8-483b-9c6c-6b27e9afa9bc" providerId="ADAL" clId="{BF04C754-5BF4-4E83-9615-DB14FA25AF8A}" dt="2023-10-12T11:37:47.867" v="289"/>
          <ac:spMkLst>
            <pc:docMk/>
            <pc:sldMk cId="2376958513" sldId="260"/>
            <ac:spMk id="1691" creationId="{C300C287-D03E-2CD3-5654-8E62D46A0B7B}"/>
          </ac:spMkLst>
        </pc:spChg>
        <pc:spChg chg="mod">
          <ac:chgData name="White, Alex" userId="eff6cc8c-37d8-483b-9c6c-6b27e9afa9bc" providerId="ADAL" clId="{BF04C754-5BF4-4E83-9615-DB14FA25AF8A}" dt="2023-10-12T11:37:47.867" v="289"/>
          <ac:spMkLst>
            <pc:docMk/>
            <pc:sldMk cId="2376958513" sldId="260"/>
            <ac:spMk id="1692" creationId="{5A0E4F3F-50BA-C17F-356E-DBEA94B28819}"/>
          </ac:spMkLst>
        </pc:spChg>
        <pc:spChg chg="mod">
          <ac:chgData name="White, Alex" userId="eff6cc8c-37d8-483b-9c6c-6b27e9afa9bc" providerId="ADAL" clId="{BF04C754-5BF4-4E83-9615-DB14FA25AF8A}" dt="2023-10-12T11:37:47.867" v="289"/>
          <ac:spMkLst>
            <pc:docMk/>
            <pc:sldMk cId="2376958513" sldId="260"/>
            <ac:spMk id="1693" creationId="{EFDD6170-3375-0046-B7D6-BCC08A21CB71}"/>
          </ac:spMkLst>
        </pc:spChg>
        <pc:spChg chg="mod">
          <ac:chgData name="White, Alex" userId="eff6cc8c-37d8-483b-9c6c-6b27e9afa9bc" providerId="ADAL" clId="{BF04C754-5BF4-4E83-9615-DB14FA25AF8A}" dt="2023-10-12T11:37:47.867" v="289"/>
          <ac:spMkLst>
            <pc:docMk/>
            <pc:sldMk cId="2376958513" sldId="260"/>
            <ac:spMk id="1694" creationId="{BB238551-2F60-F067-FC9B-D88CEF668CB9}"/>
          </ac:spMkLst>
        </pc:spChg>
        <pc:spChg chg="mod">
          <ac:chgData name="White, Alex" userId="eff6cc8c-37d8-483b-9c6c-6b27e9afa9bc" providerId="ADAL" clId="{BF04C754-5BF4-4E83-9615-DB14FA25AF8A}" dt="2023-10-12T11:37:47.867" v="289"/>
          <ac:spMkLst>
            <pc:docMk/>
            <pc:sldMk cId="2376958513" sldId="260"/>
            <ac:spMk id="1695" creationId="{E52204C5-44F1-0CF4-D33C-FE101B07FB90}"/>
          </ac:spMkLst>
        </pc:spChg>
        <pc:spChg chg="mod">
          <ac:chgData name="White, Alex" userId="eff6cc8c-37d8-483b-9c6c-6b27e9afa9bc" providerId="ADAL" clId="{BF04C754-5BF4-4E83-9615-DB14FA25AF8A}" dt="2023-10-12T11:37:47.867" v="289"/>
          <ac:spMkLst>
            <pc:docMk/>
            <pc:sldMk cId="2376958513" sldId="260"/>
            <ac:spMk id="1696" creationId="{CA55A8D8-1039-78B1-0671-FF24C86B5866}"/>
          </ac:spMkLst>
        </pc:spChg>
        <pc:spChg chg="mod">
          <ac:chgData name="White, Alex" userId="eff6cc8c-37d8-483b-9c6c-6b27e9afa9bc" providerId="ADAL" clId="{BF04C754-5BF4-4E83-9615-DB14FA25AF8A}" dt="2023-10-12T11:37:47.867" v="289"/>
          <ac:spMkLst>
            <pc:docMk/>
            <pc:sldMk cId="2376958513" sldId="260"/>
            <ac:spMk id="1697" creationId="{D6D2D7BA-E938-C222-5D22-E3BA38B0986F}"/>
          </ac:spMkLst>
        </pc:spChg>
        <pc:spChg chg="mod">
          <ac:chgData name="White, Alex" userId="eff6cc8c-37d8-483b-9c6c-6b27e9afa9bc" providerId="ADAL" clId="{BF04C754-5BF4-4E83-9615-DB14FA25AF8A}" dt="2023-10-12T11:37:47.867" v="289"/>
          <ac:spMkLst>
            <pc:docMk/>
            <pc:sldMk cId="2376958513" sldId="260"/>
            <ac:spMk id="1698" creationId="{9DE143BD-27D5-C4D2-C934-C0F39E24F3BE}"/>
          </ac:spMkLst>
        </pc:spChg>
        <pc:spChg chg="mod">
          <ac:chgData name="White, Alex" userId="eff6cc8c-37d8-483b-9c6c-6b27e9afa9bc" providerId="ADAL" clId="{BF04C754-5BF4-4E83-9615-DB14FA25AF8A}" dt="2023-10-12T11:37:47.867" v="289"/>
          <ac:spMkLst>
            <pc:docMk/>
            <pc:sldMk cId="2376958513" sldId="260"/>
            <ac:spMk id="1699" creationId="{7D5F5D40-987A-B8EB-D7E1-B2BDDD6151C3}"/>
          </ac:spMkLst>
        </pc:spChg>
        <pc:spChg chg="mod">
          <ac:chgData name="White, Alex" userId="eff6cc8c-37d8-483b-9c6c-6b27e9afa9bc" providerId="ADAL" clId="{BF04C754-5BF4-4E83-9615-DB14FA25AF8A}" dt="2023-10-12T11:37:47.867" v="289"/>
          <ac:spMkLst>
            <pc:docMk/>
            <pc:sldMk cId="2376958513" sldId="260"/>
            <ac:spMk id="1700" creationId="{74F764AF-232A-BAD0-5B42-0DD86A5FD30F}"/>
          </ac:spMkLst>
        </pc:spChg>
        <pc:spChg chg="mod">
          <ac:chgData name="White, Alex" userId="eff6cc8c-37d8-483b-9c6c-6b27e9afa9bc" providerId="ADAL" clId="{BF04C754-5BF4-4E83-9615-DB14FA25AF8A}" dt="2023-10-12T11:37:47.867" v="289"/>
          <ac:spMkLst>
            <pc:docMk/>
            <pc:sldMk cId="2376958513" sldId="260"/>
            <ac:spMk id="1701" creationId="{2ABF2B2A-F54E-2FE7-DB59-F4C0E1B0AD43}"/>
          </ac:spMkLst>
        </pc:spChg>
        <pc:spChg chg="mod">
          <ac:chgData name="White, Alex" userId="eff6cc8c-37d8-483b-9c6c-6b27e9afa9bc" providerId="ADAL" clId="{BF04C754-5BF4-4E83-9615-DB14FA25AF8A}" dt="2023-10-12T11:37:47.867" v="289"/>
          <ac:spMkLst>
            <pc:docMk/>
            <pc:sldMk cId="2376958513" sldId="260"/>
            <ac:spMk id="1702" creationId="{DA46D5E4-FE67-A77B-FFE5-73EA8A717795}"/>
          </ac:spMkLst>
        </pc:spChg>
        <pc:spChg chg="mod">
          <ac:chgData name="White, Alex" userId="eff6cc8c-37d8-483b-9c6c-6b27e9afa9bc" providerId="ADAL" clId="{BF04C754-5BF4-4E83-9615-DB14FA25AF8A}" dt="2023-10-12T11:37:47.867" v="289"/>
          <ac:spMkLst>
            <pc:docMk/>
            <pc:sldMk cId="2376958513" sldId="260"/>
            <ac:spMk id="1703" creationId="{3F0C126E-722E-4BB6-12D8-7C4E43893F13}"/>
          </ac:spMkLst>
        </pc:spChg>
        <pc:spChg chg="mod">
          <ac:chgData name="White, Alex" userId="eff6cc8c-37d8-483b-9c6c-6b27e9afa9bc" providerId="ADAL" clId="{BF04C754-5BF4-4E83-9615-DB14FA25AF8A}" dt="2023-10-12T11:37:47.867" v="289"/>
          <ac:spMkLst>
            <pc:docMk/>
            <pc:sldMk cId="2376958513" sldId="260"/>
            <ac:spMk id="1704" creationId="{0AC02E72-3828-3AE9-9E1C-322807DCE593}"/>
          </ac:spMkLst>
        </pc:spChg>
        <pc:spChg chg="mod">
          <ac:chgData name="White, Alex" userId="eff6cc8c-37d8-483b-9c6c-6b27e9afa9bc" providerId="ADAL" clId="{BF04C754-5BF4-4E83-9615-DB14FA25AF8A}" dt="2023-10-12T11:37:47.867" v="289"/>
          <ac:spMkLst>
            <pc:docMk/>
            <pc:sldMk cId="2376958513" sldId="260"/>
            <ac:spMk id="1705" creationId="{CF59E935-84CD-43A8-48E4-4EA971F676A4}"/>
          </ac:spMkLst>
        </pc:spChg>
        <pc:spChg chg="mod">
          <ac:chgData name="White, Alex" userId="eff6cc8c-37d8-483b-9c6c-6b27e9afa9bc" providerId="ADAL" clId="{BF04C754-5BF4-4E83-9615-DB14FA25AF8A}" dt="2023-10-12T11:37:47.867" v="289"/>
          <ac:spMkLst>
            <pc:docMk/>
            <pc:sldMk cId="2376958513" sldId="260"/>
            <ac:spMk id="1706" creationId="{DE412976-52F0-5575-7FC4-2DAC8C1200D7}"/>
          </ac:spMkLst>
        </pc:spChg>
        <pc:spChg chg="mod">
          <ac:chgData name="White, Alex" userId="eff6cc8c-37d8-483b-9c6c-6b27e9afa9bc" providerId="ADAL" clId="{BF04C754-5BF4-4E83-9615-DB14FA25AF8A}" dt="2023-10-12T11:37:47.867" v="289"/>
          <ac:spMkLst>
            <pc:docMk/>
            <pc:sldMk cId="2376958513" sldId="260"/>
            <ac:spMk id="1707" creationId="{B3C95B5C-E29E-7F7A-CB0B-1DDDE2233E15}"/>
          </ac:spMkLst>
        </pc:spChg>
        <pc:spChg chg="mod">
          <ac:chgData name="White, Alex" userId="eff6cc8c-37d8-483b-9c6c-6b27e9afa9bc" providerId="ADAL" clId="{BF04C754-5BF4-4E83-9615-DB14FA25AF8A}" dt="2023-10-12T11:37:47.867" v="289"/>
          <ac:spMkLst>
            <pc:docMk/>
            <pc:sldMk cId="2376958513" sldId="260"/>
            <ac:spMk id="1708" creationId="{01A8F193-95BC-EB59-4672-F5148203D61B}"/>
          </ac:spMkLst>
        </pc:spChg>
        <pc:spChg chg="mod">
          <ac:chgData name="White, Alex" userId="eff6cc8c-37d8-483b-9c6c-6b27e9afa9bc" providerId="ADAL" clId="{BF04C754-5BF4-4E83-9615-DB14FA25AF8A}" dt="2023-10-12T11:37:47.867" v="289"/>
          <ac:spMkLst>
            <pc:docMk/>
            <pc:sldMk cId="2376958513" sldId="260"/>
            <ac:spMk id="1709" creationId="{FC053F03-ACEC-6692-FDBB-1D2FD772F074}"/>
          </ac:spMkLst>
        </pc:spChg>
        <pc:spChg chg="mod">
          <ac:chgData name="White, Alex" userId="eff6cc8c-37d8-483b-9c6c-6b27e9afa9bc" providerId="ADAL" clId="{BF04C754-5BF4-4E83-9615-DB14FA25AF8A}" dt="2023-10-12T11:37:47.867" v="289"/>
          <ac:spMkLst>
            <pc:docMk/>
            <pc:sldMk cId="2376958513" sldId="260"/>
            <ac:spMk id="1710" creationId="{82D00A39-6CB3-A655-3298-D6A585B41307}"/>
          </ac:spMkLst>
        </pc:spChg>
        <pc:spChg chg="mod">
          <ac:chgData name="White, Alex" userId="eff6cc8c-37d8-483b-9c6c-6b27e9afa9bc" providerId="ADAL" clId="{BF04C754-5BF4-4E83-9615-DB14FA25AF8A}" dt="2023-10-12T11:37:47.867" v="289"/>
          <ac:spMkLst>
            <pc:docMk/>
            <pc:sldMk cId="2376958513" sldId="260"/>
            <ac:spMk id="1711" creationId="{C7A028BF-6610-7659-F4F6-E8D90191E2FF}"/>
          </ac:spMkLst>
        </pc:spChg>
        <pc:spChg chg="mod">
          <ac:chgData name="White, Alex" userId="eff6cc8c-37d8-483b-9c6c-6b27e9afa9bc" providerId="ADAL" clId="{BF04C754-5BF4-4E83-9615-DB14FA25AF8A}" dt="2023-10-12T11:37:47.867" v="289"/>
          <ac:spMkLst>
            <pc:docMk/>
            <pc:sldMk cId="2376958513" sldId="260"/>
            <ac:spMk id="1712" creationId="{8147C095-46F4-77E8-5AC6-777E12157CD8}"/>
          </ac:spMkLst>
        </pc:spChg>
        <pc:spChg chg="mod">
          <ac:chgData name="White, Alex" userId="eff6cc8c-37d8-483b-9c6c-6b27e9afa9bc" providerId="ADAL" clId="{BF04C754-5BF4-4E83-9615-DB14FA25AF8A}" dt="2023-10-12T11:37:47.867" v="289"/>
          <ac:spMkLst>
            <pc:docMk/>
            <pc:sldMk cId="2376958513" sldId="260"/>
            <ac:spMk id="1713" creationId="{58A5B703-FCE9-4A89-354F-B5F38C8075C9}"/>
          </ac:spMkLst>
        </pc:spChg>
        <pc:spChg chg="mod">
          <ac:chgData name="White, Alex" userId="eff6cc8c-37d8-483b-9c6c-6b27e9afa9bc" providerId="ADAL" clId="{BF04C754-5BF4-4E83-9615-DB14FA25AF8A}" dt="2023-10-12T11:37:47.867" v="289"/>
          <ac:spMkLst>
            <pc:docMk/>
            <pc:sldMk cId="2376958513" sldId="260"/>
            <ac:spMk id="1714" creationId="{D58BD2AD-5814-0977-78D2-FA7DC33345B1}"/>
          </ac:spMkLst>
        </pc:spChg>
        <pc:spChg chg="mod">
          <ac:chgData name="White, Alex" userId="eff6cc8c-37d8-483b-9c6c-6b27e9afa9bc" providerId="ADAL" clId="{BF04C754-5BF4-4E83-9615-DB14FA25AF8A}" dt="2023-10-12T11:37:47.867" v="289"/>
          <ac:spMkLst>
            <pc:docMk/>
            <pc:sldMk cId="2376958513" sldId="260"/>
            <ac:spMk id="1715" creationId="{B2E4E678-6913-28BF-BD2C-B6374410D28F}"/>
          </ac:spMkLst>
        </pc:spChg>
        <pc:spChg chg="mod">
          <ac:chgData name="White, Alex" userId="eff6cc8c-37d8-483b-9c6c-6b27e9afa9bc" providerId="ADAL" clId="{BF04C754-5BF4-4E83-9615-DB14FA25AF8A}" dt="2023-10-12T11:37:47.867" v="289"/>
          <ac:spMkLst>
            <pc:docMk/>
            <pc:sldMk cId="2376958513" sldId="260"/>
            <ac:spMk id="1716" creationId="{733E6D47-FEE7-9072-35F8-3A40EB64BCFF}"/>
          </ac:spMkLst>
        </pc:spChg>
        <pc:spChg chg="mod">
          <ac:chgData name="White, Alex" userId="eff6cc8c-37d8-483b-9c6c-6b27e9afa9bc" providerId="ADAL" clId="{BF04C754-5BF4-4E83-9615-DB14FA25AF8A}" dt="2023-10-12T11:37:47.867" v="289"/>
          <ac:spMkLst>
            <pc:docMk/>
            <pc:sldMk cId="2376958513" sldId="260"/>
            <ac:spMk id="1717" creationId="{CF290065-53E0-32F2-3A56-3A85554E8B31}"/>
          </ac:spMkLst>
        </pc:spChg>
        <pc:spChg chg="mod">
          <ac:chgData name="White, Alex" userId="eff6cc8c-37d8-483b-9c6c-6b27e9afa9bc" providerId="ADAL" clId="{BF04C754-5BF4-4E83-9615-DB14FA25AF8A}" dt="2023-10-12T11:37:47.867" v="289"/>
          <ac:spMkLst>
            <pc:docMk/>
            <pc:sldMk cId="2376958513" sldId="260"/>
            <ac:spMk id="1718" creationId="{9607EC94-5F51-3857-198E-0DB46DC17410}"/>
          </ac:spMkLst>
        </pc:spChg>
        <pc:spChg chg="mod">
          <ac:chgData name="White, Alex" userId="eff6cc8c-37d8-483b-9c6c-6b27e9afa9bc" providerId="ADAL" clId="{BF04C754-5BF4-4E83-9615-DB14FA25AF8A}" dt="2023-10-12T11:37:47.867" v="289"/>
          <ac:spMkLst>
            <pc:docMk/>
            <pc:sldMk cId="2376958513" sldId="260"/>
            <ac:spMk id="1719" creationId="{36186F99-B3FB-A3C1-103E-11BD653F0F4E}"/>
          </ac:spMkLst>
        </pc:spChg>
        <pc:spChg chg="mod">
          <ac:chgData name="White, Alex" userId="eff6cc8c-37d8-483b-9c6c-6b27e9afa9bc" providerId="ADAL" clId="{BF04C754-5BF4-4E83-9615-DB14FA25AF8A}" dt="2023-10-12T11:37:47.867" v="289"/>
          <ac:spMkLst>
            <pc:docMk/>
            <pc:sldMk cId="2376958513" sldId="260"/>
            <ac:spMk id="1720" creationId="{12779AAA-CB6B-B363-A2A9-6C0CDDF4FC65}"/>
          </ac:spMkLst>
        </pc:spChg>
        <pc:spChg chg="mod">
          <ac:chgData name="White, Alex" userId="eff6cc8c-37d8-483b-9c6c-6b27e9afa9bc" providerId="ADAL" clId="{BF04C754-5BF4-4E83-9615-DB14FA25AF8A}" dt="2023-10-12T11:37:47.867" v="289"/>
          <ac:spMkLst>
            <pc:docMk/>
            <pc:sldMk cId="2376958513" sldId="260"/>
            <ac:spMk id="1721" creationId="{7AE6E4D1-7F46-C819-CEFF-13E76F4A6425}"/>
          </ac:spMkLst>
        </pc:spChg>
        <pc:spChg chg="mod">
          <ac:chgData name="White, Alex" userId="eff6cc8c-37d8-483b-9c6c-6b27e9afa9bc" providerId="ADAL" clId="{BF04C754-5BF4-4E83-9615-DB14FA25AF8A}" dt="2023-10-12T11:37:47.867" v="289"/>
          <ac:spMkLst>
            <pc:docMk/>
            <pc:sldMk cId="2376958513" sldId="260"/>
            <ac:spMk id="1722" creationId="{3DC7D574-AC95-1B9F-EAB5-BED77E41C4E0}"/>
          </ac:spMkLst>
        </pc:spChg>
        <pc:spChg chg="mod">
          <ac:chgData name="White, Alex" userId="eff6cc8c-37d8-483b-9c6c-6b27e9afa9bc" providerId="ADAL" clId="{BF04C754-5BF4-4E83-9615-DB14FA25AF8A}" dt="2023-10-12T11:37:47.867" v="289"/>
          <ac:spMkLst>
            <pc:docMk/>
            <pc:sldMk cId="2376958513" sldId="260"/>
            <ac:spMk id="1723" creationId="{CFEE4AF8-3639-785A-CA65-60EAFD524932}"/>
          </ac:spMkLst>
        </pc:spChg>
        <pc:spChg chg="mod">
          <ac:chgData name="White, Alex" userId="eff6cc8c-37d8-483b-9c6c-6b27e9afa9bc" providerId="ADAL" clId="{BF04C754-5BF4-4E83-9615-DB14FA25AF8A}" dt="2023-10-12T11:37:47.867" v="289"/>
          <ac:spMkLst>
            <pc:docMk/>
            <pc:sldMk cId="2376958513" sldId="260"/>
            <ac:spMk id="1724" creationId="{A75FCB96-E2AD-A1BE-A158-DDD15ED4A918}"/>
          </ac:spMkLst>
        </pc:spChg>
        <pc:spChg chg="mod">
          <ac:chgData name="White, Alex" userId="eff6cc8c-37d8-483b-9c6c-6b27e9afa9bc" providerId="ADAL" clId="{BF04C754-5BF4-4E83-9615-DB14FA25AF8A}" dt="2023-10-12T11:37:47.867" v="289"/>
          <ac:spMkLst>
            <pc:docMk/>
            <pc:sldMk cId="2376958513" sldId="260"/>
            <ac:spMk id="1725" creationId="{596E6A98-CB0F-2AB7-1071-33E1172FC580}"/>
          </ac:spMkLst>
        </pc:spChg>
        <pc:spChg chg="mod">
          <ac:chgData name="White, Alex" userId="eff6cc8c-37d8-483b-9c6c-6b27e9afa9bc" providerId="ADAL" clId="{BF04C754-5BF4-4E83-9615-DB14FA25AF8A}" dt="2023-10-12T11:37:47.867" v="289"/>
          <ac:spMkLst>
            <pc:docMk/>
            <pc:sldMk cId="2376958513" sldId="260"/>
            <ac:spMk id="1726" creationId="{396027CE-4768-5B24-57AC-38EB50E73FDB}"/>
          </ac:spMkLst>
        </pc:spChg>
        <pc:spChg chg="mod">
          <ac:chgData name="White, Alex" userId="eff6cc8c-37d8-483b-9c6c-6b27e9afa9bc" providerId="ADAL" clId="{BF04C754-5BF4-4E83-9615-DB14FA25AF8A}" dt="2023-10-12T11:37:47.867" v="289"/>
          <ac:spMkLst>
            <pc:docMk/>
            <pc:sldMk cId="2376958513" sldId="260"/>
            <ac:spMk id="1727" creationId="{FC614758-0A0C-8FA7-B21C-C648B0FC7EEC}"/>
          </ac:spMkLst>
        </pc:spChg>
        <pc:spChg chg="mod">
          <ac:chgData name="White, Alex" userId="eff6cc8c-37d8-483b-9c6c-6b27e9afa9bc" providerId="ADAL" clId="{BF04C754-5BF4-4E83-9615-DB14FA25AF8A}" dt="2023-10-12T11:37:47.867" v="289"/>
          <ac:spMkLst>
            <pc:docMk/>
            <pc:sldMk cId="2376958513" sldId="260"/>
            <ac:spMk id="1728" creationId="{9F505D8C-A13C-BE36-FCFA-94E59A130487}"/>
          </ac:spMkLst>
        </pc:spChg>
        <pc:spChg chg="mod">
          <ac:chgData name="White, Alex" userId="eff6cc8c-37d8-483b-9c6c-6b27e9afa9bc" providerId="ADAL" clId="{BF04C754-5BF4-4E83-9615-DB14FA25AF8A}" dt="2023-10-12T11:37:47.867" v="289"/>
          <ac:spMkLst>
            <pc:docMk/>
            <pc:sldMk cId="2376958513" sldId="260"/>
            <ac:spMk id="1729" creationId="{0AF30A0F-55C8-819F-DD7E-C4A990912074}"/>
          </ac:spMkLst>
        </pc:spChg>
        <pc:spChg chg="mod">
          <ac:chgData name="White, Alex" userId="eff6cc8c-37d8-483b-9c6c-6b27e9afa9bc" providerId="ADAL" clId="{BF04C754-5BF4-4E83-9615-DB14FA25AF8A}" dt="2023-10-12T11:37:47.867" v="289"/>
          <ac:spMkLst>
            <pc:docMk/>
            <pc:sldMk cId="2376958513" sldId="260"/>
            <ac:spMk id="1730" creationId="{830BFF0C-170D-E18A-250B-1B82CF05E5BF}"/>
          </ac:spMkLst>
        </pc:spChg>
        <pc:spChg chg="mod">
          <ac:chgData name="White, Alex" userId="eff6cc8c-37d8-483b-9c6c-6b27e9afa9bc" providerId="ADAL" clId="{BF04C754-5BF4-4E83-9615-DB14FA25AF8A}" dt="2023-10-12T11:37:47.867" v="289"/>
          <ac:spMkLst>
            <pc:docMk/>
            <pc:sldMk cId="2376958513" sldId="260"/>
            <ac:spMk id="1731" creationId="{B15AD830-C401-0B1E-6F7B-EDEEBD361F77}"/>
          </ac:spMkLst>
        </pc:spChg>
        <pc:spChg chg="mod">
          <ac:chgData name="White, Alex" userId="eff6cc8c-37d8-483b-9c6c-6b27e9afa9bc" providerId="ADAL" clId="{BF04C754-5BF4-4E83-9615-DB14FA25AF8A}" dt="2023-10-12T11:37:47.867" v="289"/>
          <ac:spMkLst>
            <pc:docMk/>
            <pc:sldMk cId="2376958513" sldId="260"/>
            <ac:spMk id="1732" creationId="{5C18416F-7ED4-4A0F-D3F3-20A73176B0E5}"/>
          </ac:spMkLst>
        </pc:spChg>
        <pc:spChg chg="mod">
          <ac:chgData name="White, Alex" userId="eff6cc8c-37d8-483b-9c6c-6b27e9afa9bc" providerId="ADAL" clId="{BF04C754-5BF4-4E83-9615-DB14FA25AF8A}" dt="2023-10-12T11:37:47.867" v="289"/>
          <ac:spMkLst>
            <pc:docMk/>
            <pc:sldMk cId="2376958513" sldId="260"/>
            <ac:spMk id="1733" creationId="{CE110B8C-3E44-700A-2AC4-6E9B883C41FE}"/>
          </ac:spMkLst>
        </pc:spChg>
        <pc:spChg chg="mod">
          <ac:chgData name="White, Alex" userId="eff6cc8c-37d8-483b-9c6c-6b27e9afa9bc" providerId="ADAL" clId="{BF04C754-5BF4-4E83-9615-DB14FA25AF8A}" dt="2023-10-12T11:37:47.867" v="289"/>
          <ac:spMkLst>
            <pc:docMk/>
            <pc:sldMk cId="2376958513" sldId="260"/>
            <ac:spMk id="1734" creationId="{C9E1C681-1A50-044B-7DAD-5142E3C7F594}"/>
          </ac:spMkLst>
        </pc:spChg>
        <pc:spChg chg="mod">
          <ac:chgData name="White, Alex" userId="eff6cc8c-37d8-483b-9c6c-6b27e9afa9bc" providerId="ADAL" clId="{BF04C754-5BF4-4E83-9615-DB14FA25AF8A}" dt="2023-10-12T11:37:47.867" v="289"/>
          <ac:spMkLst>
            <pc:docMk/>
            <pc:sldMk cId="2376958513" sldId="260"/>
            <ac:spMk id="1735" creationId="{5D49A770-93BF-384E-353E-32DC4F82915B}"/>
          </ac:spMkLst>
        </pc:spChg>
        <pc:spChg chg="mod">
          <ac:chgData name="White, Alex" userId="eff6cc8c-37d8-483b-9c6c-6b27e9afa9bc" providerId="ADAL" clId="{BF04C754-5BF4-4E83-9615-DB14FA25AF8A}" dt="2023-10-12T11:37:47.867" v="289"/>
          <ac:spMkLst>
            <pc:docMk/>
            <pc:sldMk cId="2376958513" sldId="260"/>
            <ac:spMk id="1736" creationId="{20AB38F9-373C-5FDF-AE91-76D2DD6F17DE}"/>
          </ac:spMkLst>
        </pc:spChg>
        <pc:spChg chg="mod">
          <ac:chgData name="White, Alex" userId="eff6cc8c-37d8-483b-9c6c-6b27e9afa9bc" providerId="ADAL" clId="{BF04C754-5BF4-4E83-9615-DB14FA25AF8A}" dt="2023-10-12T11:37:47.867" v="289"/>
          <ac:spMkLst>
            <pc:docMk/>
            <pc:sldMk cId="2376958513" sldId="260"/>
            <ac:spMk id="1737" creationId="{35DAD2AA-F50E-79E0-B704-9C6509CC3E1C}"/>
          </ac:spMkLst>
        </pc:spChg>
        <pc:spChg chg="mod">
          <ac:chgData name="White, Alex" userId="eff6cc8c-37d8-483b-9c6c-6b27e9afa9bc" providerId="ADAL" clId="{BF04C754-5BF4-4E83-9615-DB14FA25AF8A}" dt="2023-10-12T11:37:47.867" v="289"/>
          <ac:spMkLst>
            <pc:docMk/>
            <pc:sldMk cId="2376958513" sldId="260"/>
            <ac:spMk id="1738" creationId="{E6DCF0E8-6365-BED6-C968-969574AD4339}"/>
          </ac:spMkLst>
        </pc:spChg>
        <pc:spChg chg="mod">
          <ac:chgData name="White, Alex" userId="eff6cc8c-37d8-483b-9c6c-6b27e9afa9bc" providerId="ADAL" clId="{BF04C754-5BF4-4E83-9615-DB14FA25AF8A}" dt="2023-10-12T11:37:47.867" v="289"/>
          <ac:spMkLst>
            <pc:docMk/>
            <pc:sldMk cId="2376958513" sldId="260"/>
            <ac:spMk id="1739" creationId="{B34F5EFB-DEEA-6CFF-A871-28F31B8D0B7B}"/>
          </ac:spMkLst>
        </pc:spChg>
        <pc:spChg chg="mod">
          <ac:chgData name="White, Alex" userId="eff6cc8c-37d8-483b-9c6c-6b27e9afa9bc" providerId="ADAL" clId="{BF04C754-5BF4-4E83-9615-DB14FA25AF8A}" dt="2023-10-12T11:37:47.867" v="289"/>
          <ac:spMkLst>
            <pc:docMk/>
            <pc:sldMk cId="2376958513" sldId="260"/>
            <ac:spMk id="1740" creationId="{BE2E59D8-1061-C534-7057-D3D4BED30B53}"/>
          </ac:spMkLst>
        </pc:spChg>
        <pc:spChg chg="mod">
          <ac:chgData name="White, Alex" userId="eff6cc8c-37d8-483b-9c6c-6b27e9afa9bc" providerId="ADAL" clId="{BF04C754-5BF4-4E83-9615-DB14FA25AF8A}" dt="2023-10-12T11:37:47.867" v="289"/>
          <ac:spMkLst>
            <pc:docMk/>
            <pc:sldMk cId="2376958513" sldId="260"/>
            <ac:spMk id="1741" creationId="{7FE7D838-4ACA-102B-FC0A-297F729BF67B}"/>
          </ac:spMkLst>
        </pc:spChg>
        <pc:spChg chg="mod">
          <ac:chgData name="White, Alex" userId="eff6cc8c-37d8-483b-9c6c-6b27e9afa9bc" providerId="ADAL" clId="{BF04C754-5BF4-4E83-9615-DB14FA25AF8A}" dt="2023-10-12T11:37:47.867" v="289"/>
          <ac:spMkLst>
            <pc:docMk/>
            <pc:sldMk cId="2376958513" sldId="260"/>
            <ac:spMk id="1742" creationId="{78E2C586-34F8-03D5-A67D-624299443EB9}"/>
          </ac:spMkLst>
        </pc:spChg>
        <pc:spChg chg="mod">
          <ac:chgData name="White, Alex" userId="eff6cc8c-37d8-483b-9c6c-6b27e9afa9bc" providerId="ADAL" clId="{BF04C754-5BF4-4E83-9615-DB14FA25AF8A}" dt="2023-10-12T11:37:47.867" v="289"/>
          <ac:spMkLst>
            <pc:docMk/>
            <pc:sldMk cId="2376958513" sldId="260"/>
            <ac:spMk id="1743" creationId="{94E88388-9953-2501-2E08-CF2281E10CBE}"/>
          </ac:spMkLst>
        </pc:spChg>
        <pc:spChg chg="mod">
          <ac:chgData name="White, Alex" userId="eff6cc8c-37d8-483b-9c6c-6b27e9afa9bc" providerId="ADAL" clId="{BF04C754-5BF4-4E83-9615-DB14FA25AF8A}" dt="2023-10-12T11:37:47.867" v="289"/>
          <ac:spMkLst>
            <pc:docMk/>
            <pc:sldMk cId="2376958513" sldId="260"/>
            <ac:spMk id="1744" creationId="{573D21D8-988A-4DFC-7375-D013AEDF4C6F}"/>
          </ac:spMkLst>
        </pc:spChg>
        <pc:spChg chg="mod">
          <ac:chgData name="White, Alex" userId="eff6cc8c-37d8-483b-9c6c-6b27e9afa9bc" providerId="ADAL" clId="{BF04C754-5BF4-4E83-9615-DB14FA25AF8A}" dt="2023-10-12T11:37:47.867" v="289"/>
          <ac:spMkLst>
            <pc:docMk/>
            <pc:sldMk cId="2376958513" sldId="260"/>
            <ac:spMk id="1745" creationId="{AA07E28D-6C77-FA12-3D50-169B53201193}"/>
          </ac:spMkLst>
        </pc:spChg>
        <pc:spChg chg="mod">
          <ac:chgData name="White, Alex" userId="eff6cc8c-37d8-483b-9c6c-6b27e9afa9bc" providerId="ADAL" clId="{BF04C754-5BF4-4E83-9615-DB14FA25AF8A}" dt="2023-10-12T11:37:47.867" v="289"/>
          <ac:spMkLst>
            <pc:docMk/>
            <pc:sldMk cId="2376958513" sldId="260"/>
            <ac:spMk id="1746" creationId="{D70BE860-314B-AA5F-EF9B-1D65FE22D0C5}"/>
          </ac:spMkLst>
        </pc:spChg>
        <pc:spChg chg="mod">
          <ac:chgData name="White, Alex" userId="eff6cc8c-37d8-483b-9c6c-6b27e9afa9bc" providerId="ADAL" clId="{BF04C754-5BF4-4E83-9615-DB14FA25AF8A}" dt="2023-10-12T11:37:47.867" v="289"/>
          <ac:spMkLst>
            <pc:docMk/>
            <pc:sldMk cId="2376958513" sldId="260"/>
            <ac:spMk id="1747" creationId="{91073560-C2C2-F828-1A19-64C6D0F80D65}"/>
          </ac:spMkLst>
        </pc:spChg>
        <pc:spChg chg="mod">
          <ac:chgData name="White, Alex" userId="eff6cc8c-37d8-483b-9c6c-6b27e9afa9bc" providerId="ADAL" clId="{BF04C754-5BF4-4E83-9615-DB14FA25AF8A}" dt="2023-10-12T11:37:47.867" v="289"/>
          <ac:spMkLst>
            <pc:docMk/>
            <pc:sldMk cId="2376958513" sldId="260"/>
            <ac:spMk id="1748" creationId="{1859B68B-75C3-F196-7A05-47CDF72C043C}"/>
          </ac:spMkLst>
        </pc:spChg>
        <pc:spChg chg="mod">
          <ac:chgData name="White, Alex" userId="eff6cc8c-37d8-483b-9c6c-6b27e9afa9bc" providerId="ADAL" clId="{BF04C754-5BF4-4E83-9615-DB14FA25AF8A}" dt="2023-10-12T11:37:47.867" v="289"/>
          <ac:spMkLst>
            <pc:docMk/>
            <pc:sldMk cId="2376958513" sldId="260"/>
            <ac:spMk id="1749" creationId="{2B6476EE-C643-EB36-B8A2-F1F5869E145F}"/>
          </ac:spMkLst>
        </pc:spChg>
        <pc:spChg chg="mod">
          <ac:chgData name="White, Alex" userId="eff6cc8c-37d8-483b-9c6c-6b27e9afa9bc" providerId="ADAL" clId="{BF04C754-5BF4-4E83-9615-DB14FA25AF8A}" dt="2023-10-12T11:37:47.867" v="289"/>
          <ac:spMkLst>
            <pc:docMk/>
            <pc:sldMk cId="2376958513" sldId="260"/>
            <ac:spMk id="1750" creationId="{C080BD91-115C-3BA2-AF28-76651A3C98EE}"/>
          </ac:spMkLst>
        </pc:spChg>
        <pc:spChg chg="mod">
          <ac:chgData name="White, Alex" userId="eff6cc8c-37d8-483b-9c6c-6b27e9afa9bc" providerId="ADAL" clId="{BF04C754-5BF4-4E83-9615-DB14FA25AF8A}" dt="2023-10-12T11:37:47.867" v="289"/>
          <ac:spMkLst>
            <pc:docMk/>
            <pc:sldMk cId="2376958513" sldId="260"/>
            <ac:spMk id="1751" creationId="{99F77639-64DA-9530-1082-27C11B11F78A}"/>
          </ac:spMkLst>
        </pc:spChg>
        <pc:spChg chg="mod">
          <ac:chgData name="White, Alex" userId="eff6cc8c-37d8-483b-9c6c-6b27e9afa9bc" providerId="ADAL" clId="{BF04C754-5BF4-4E83-9615-DB14FA25AF8A}" dt="2023-10-12T11:37:47.867" v="289"/>
          <ac:spMkLst>
            <pc:docMk/>
            <pc:sldMk cId="2376958513" sldId="260"/>
            <ac:spMk id="1752" creationId="{BBA89312-3C16-C5E6-3471-5043609B9E2B}"/>
          </ac:spMkLst>
        </pc:spChg>
        <pc:spChg chg="mod">
          <ac:chgData name="White, Alex" userId="eff6cc8c-37d8-483b-9c6c-6b27e9afa9bc" providerId="ADAL" clId="{BF04C754-5BF4-4E83-9615-DB14FA25AF8A}" dt="2023-10-12T11:37:47.867" v="289"/>
          <ac:spMkLst>
            <pc:docMk/>
            <pc:sldMk cId="2376958513" sldId="260"/>
            <ac:spMk id="1753" creationId="{BCD26F6A-15B5-7D7F-E86D-700BC715075C}"/>
          </ac:spMkLst>
        </pc:spChg>
        <pc:spChg chg="mod">
          <ac:chgData name="White, Alex" userId="eff6cc8c-37d8-483b-9c6c-6b27e9afa9bc" providerId="ADAL" clId="{BF04C754-5BF4-4E83-9615-DB14FA25AF8A}" dt="2023-10-12T11:37:47.867" v="289"/>
          <ac:spMkLst>
            <pc:docMk/>
            <pc:sldMk cId="2376958513" sldId="260"/>
            <ac:spMk id="1754" creationId="{47E3EADB-52A3-087C-B704-11783D0B29F1}"/>
          </ac:spMkLst>
        </pc:spChg>
        <pc:spChg chg="mod">
          <ac:chgData name="White, Alex" userId="eff6cc8c-37d8-483b-9c6c-6b27e9afa9bc" providerId="ADAL" clId="{BF04C754-5BF4-4E83-9615-DB14FA25AF8A}" dt="2023-10-12T11:37:47.867" v="289"/>
          <ac:spMkLst>
            <pc:docMk/>
            <pc:sldMk cId="2376958513" sldId="260"/>
            <ac:spMk id="1755" creationId="{CF4CB265-0425-CBBA-76F9-8E171D4D8855}"/>
          </ac:spMkLst>
        </pc:spChg>
        <pc:spChg chg="mod">
          <ac:chgData name="White, Alex" userId="eff6cc8c-37d8-483b-9c6c-6b27e9afa9bc" providerId="ADAL" clId="{BF04C754-5BF4-4E83-9615-DB14FA25AF8A}" dt="2023-10-12T11:37:47.867" v="289"/>
          <ac:spMkLst>
            <pc:docMk/>
            <pc:sldMk cId="2376958513" sldId="260"/>
            <ac:spMk id="1756" creationId="{DDB9FED8-76E8-EB5A-EF82-ECD4BE12F99E}"/>
          </ac:spMkLst>
        </pc:spChg>
        <pc:spChg chg="mod">
          <ac:chgData name="White, Alex" userId="eff6cc8c-37d8-483b-9c6c-6b27e9afa9bc" providerId="ADAL" clId="{BF04C754-5BF4-4E83-9615-DB14FA25AF8A}" dt="2023-10-12T11:37:47.867" v="289"/>
          <ac:spMkLst>
            <pc:docMk/>
            <pc:sldMk cId="2376958513" sldId="260"/>
            <ac:spMk id="1757" creationId="{3BE4BE67-B41B-5ECA-82D4-C72421A59203}"/>
          </ac:spMkLst>
        </pc:spChg>
        <pc:spChg chg="mod">
          <ac:chgData name="White, Alex" userId="eff6cc8c-37d8-483b-9c6c-6b27e9afa9bc" providerId="ADAL" clId="{BF04C754-5BF4-4E83-9615-DB14FA25AF8A}" dt="2023-10-12T11:37:47.867" v="289"/>
          <ac:spMkLst>
            <pc:docMk/>
            <pc:sldMk cId="2376958513" sldId="260"/>
            <ac:spMk id="1758" creationId="{B6631DE1-581E-A8AE-5AC1-515B743A68F7}"/>
          </ac:spMkLst>
        </pc:spChg>
        <pc:spChg chg="mod">
          <ac:chgData name="White, Alex" userId="eff6cc8c-37d8-483b-9c6c-6b27e9afa9bc" providerId="ADAL" clId="{BF04C754-5BF4-4E83-9615-DB14FA25AF8A}" dt="2023-10-12T11:37:47.867" v="289"/>
          <ac:spMkLst>
            <pc:docMk/>
            <pc:sldMk cId="2376958513" sldId="260"/>
            <ac:spMk id="1759" creationId="{7883E5DD-B840-E0FD-4AF3-DE313483EB67}"/>
          </ac:spMkLst>
        </pc:spChg>
        <pc:spChg chg="mod">
          <ac:chgData name="White, Alex" userId="eff6cc8c-37d8-483b-9c6c-6b27e9afa9bc" providerId="ADAL" clId="{BF04C754-5BF4-4E83-9615-DB14FA25AF8A}" dt="2023-10-12T11:37:47.867" v="289"/>
          <ac:spMkLst>
            <pc:docMk/>
            <pc:sldMk cId="2376958513" sldId="260"/>
            <ac:spMk id="1760" creationId="{78C09A02-607E-7CA4-5F1C-882B6F3BEF6A}"/>
          </ac:spMkLst>
        </pc:spChg>
        <pc:spChg chg="mod">
          <ac:chgData name="White, Alex" userId="eff6cc8c-37d8-483b-9c6c-6b27e9afa9bc" providerId="ADAL" clId="{BF04C754-5BF4-4E83-9615-DB14FA25AF8A}" dt="2023-10-12T11:37:47.867" v="289"/>
          <ac:spMkLst>
            <pc:docMk/>
            <pc:sldMk cId="2376958513" sldId="260"/>
            <ac:spMk id="1761" creationId="{694B480D-9608-3558-257E-4AE0D7B60F05}"/>
          </ac:spMkLst>
        </pc:spChg>
        <pc:spChg chg="mod">
          <ac:chgData name="White, Alex" userId="eff6cc8c-37d8-483b-9c6c-6b27e9afa9bc" providerId="ADAL" clId="{BF04C754-5BF4-4E83-9615-DB14FA25AF8A}" dt="2023-10-12T11:37:47.867" v="289"/>
          <ac:spMkLst>
            <pc:docMk/>
            <pc:sldMk cId="2376958513" sldId="260"/>
            <ac:spMk id="1762" creationId="{293D2C97-64DE-B105-95C5-618A0270E364}"/>
          </ac:spMkLst>
        </pc:spChg>
        <pc:spChg chg="mod">
          <ac:chgData name="White, Alex" userId="eff6cc8c-37d8-483b-9c6c-6b27e9afa9bc" providerId="ADAL" clId="{BF04C754-5BF4-4E83-9615-DB14FA25AF8A}" dt="2023-10-12T11:37:47.867" v="289"/>
          <ac:spMkLst>
            <pc:docMk/>
            <pc:sldMk cId="2376958513" sldId="260"/>
            <ac:spMk id="1763" creationId="{B4D37A37-EA8F-ABEA-B666-3BDDEF75711A}"/>
          </ac:spMkLst>
        </pc:spChg>
        <pc:spChg chg="mod">
          <ac:chgData name="White, Alex" userId="eff6cc8c-37d8-483b-9c6c-6b27e9afa9bc" providerId="ADAL" clId="{BF04C754-5BF4-4E83-9615-DB14FA25AF8A}" dt="2023-10-12T11:37:47.867" v="289"/>
          <ac:spMkLst>
            <pc:docMk/>
            <pc:sldMk cId="2376958513" sldId="260"/>
            <ac:spMk id="1764" creationId="{3CCFCE11-224F-8B23-66CA-A8B1E1C7C262}"/>
          </ac:spMkLst>
        </pc:spChg>
        <pc:spChg chg="mod">
          <ac:chgData name="White, Alex" userId="eff6cc8c-37d8-483b-9c6c-6b27e9afa9bc" providerId="ADAL" clId="{BF04C754-5BF4-4E83-9615-DB14FA25AF8A}" dt="2023-10-12T11:37:47.867" v="289"/>
          <ac:spMkLst>
            <pc:docMk/>
            <pc:sldMk cId="2376958513" sldId="260"/>
            <ac:spMk id="1765" creationId="{A9D7BA1C-1EE6-4216-D9D8-A0298619D43F}"/>
          </ac:spMkLst>
        </pc:spChg>
        <pc:spChg chg="mod">
          <ac:chgData name="White, Alex" userId="eff6cc8c-37d8-483b-9c6c-6b27e9afa9bc" providerId="ADAL" clId="{BF04C754-5BF4-4E83-9615-DB14FA25AF8A}" dt="2023-10-12T11:37:47.867" v="289"/>
          <ac:spMkLst>
            <pc:docMk/>
            <pc:sldMk cId="2376958513" sldId="260"/>
            <ac:spMk id="1766" creationId="{A4BE0F18-D0F7-2DDB-5891-AA88D2A14F84}"/>
          </ac:spMkLst>
        </pc:spChg>
        <pc:spChg chg="mod">
          <ac:chgData name="White, Alex" userId="eff6cc8c-37d8-483b-9c6c-6b27e9afa9bc" providerId="ADAL" clId="{BF04C754-5BF4-4E83-9615-DB14FA25AF8A}" dt="2023-10-12T11:37:47.867" v="289"/>
          <ac:spMkLst>
            <pc:docMk/>
            <pc:sldMk cId="2376958513" sldId="260"/>
            <ac:spMk id="1767" creationId="{90364426-BBE4-886A-C1F0-0A2F845A8A56}"/>
          </ac:spMkLst>
        </pc:spChg>
        <pc:spChg chg="mod">
          <ac:chgData name="White, Alex" userId="eff6cc8c-37d8-483b-9c6c-6b27e9afa9bc" providerId="ADAL" clId="{BF04C754-5BF4-4E83-9615-DB14FA25AF8A}" dt="2023-10-12T11:37:47.867" v="289"/>
          <ac:spMkLst>
            <pc:docMk/>
            <pc:sldMk cId="2376958513" sldId="260"/>
            <ac:spMk id="1768" creationId="{C1C95C17-0C38-5E92-3C96-FB4526240349}"/>
          </ac:spMkLst>
        </pc:spChg>
        <pc:spChg chg="mod">
          <ac:chgData name="White, Alex" userId="eff6cc8c-37d8-483b-9c6c-6b27e9afa9bc" providerId="ADAL" clId="{BF04C754-5BF4-4E83-9615-DB14FA25AF8A}" dt="2023-10-12T11:37:47.867" v="289"/>
          <ac:spMkLst>
            <pc:docMk/>
            <pc:sldMk cId="2376958513" sldId="260"/>
            <ac:spMk id="1769" creationId="{36407AC2-C6E7-7D9E-718F-8B27169226CC}"/>
          </ac:spMkLst>
        </pc:spChg>
        <pc:spChg chg="mod">
          <ac:chgData name="White, Alex" userId="eff6cc8c-37d8-483b-9c6c-6b27e9afa9bc" providerId="ADAL" clId="{BF04C754-5BF4-4E83-9615-DB14FA25AF8A}" dt="2023-10-12T11:37:47.867" v="289"/>
          <ac:spMkLst>
            <pc:docMk/>
            <pc:sldMk cId="2376958513" sldId="260"/>
            <ac:spMk id="1770" creationId="{F62DD814-F0BC-0B7C-5EC6-96B69D2958DB}"/>
          </ac:spMkLst>
        </pc:spChg>
        <pc:spChg chg="mod">
          <ac:chgData name="White, Alex" userId="eff6cc8c-37d8-483b-9c6c-6b27e9afa9bc" providerId="ADAL" clId="{BF04C754-5BF4-4E83-9615-DB14FA25AF8A}" dt="2023-10-12T11:37:47.867" v="289"/>
          <ac:spMkLst>
            <pc:docMk/>
            <pc:sldMk cId="2376958513" sldId="260"/>
            <ac:spMk id="1771" creationId="{81244BA6-12DD-57E4-0A14-8D09EC7F0551}"/>
          </ac:spMkLst>
        </pc:spChg>
        <pc:spChg chg="mod">
          <ac:chgData name="White, Alex" userId="eff6cc8c-37d8-483b-9c6c-6b27e9afa9bc" providerId="ADAL" clId="{BF04C754-5BF4-4E83-9615-DB14FA25AF8A}" dt="2023-10-12T11:37:47.867" v="289"/>
          <ac:spMkLst>
            <pc:docMk/>
            <pc:sldMk cId="2376958513" sldId="260"/>
            <ac:spMk id="1772" creationId="{F4C79EC4-E42B-E132-901C-8F9404E1B238}"/>
          </ac:spMkLst>
        </pc:spChg>
        <pc:spChg chg="mod">
          <ac:chgData name="White, Alex" userId="eff6cc8c-37d8-483b-9c6c-6b27e9afa9bc" providerId="ADAL" clId="{BF04C754-5BF4-4E83-9615-DB14FA25AF8A}" dt="2023-10-12T11:37:47.867" v="289"/>
          <ac:spMkLst>
            <pc:docMk/>
            <pc:sldMk cId="2376958513" sldId="260"/>
            <ac:spMk id="1773" creationId="{DAF1BB77-A567-9524-F956-5F1C32AD7268}"/>
          </ac:spMkLst>
        </pc:spChg>
        <pc:spChg chg="mod">
          <ac:chgData name="White, Alex" userId="eff6cc8c-37d8-483b-9c6c-6b27e9afa9bc" providerId="ADAL" clId="{BF04C754-5BF4-4E83-9615-DB14FA25AF8A}" dt="2023-10-12T11:37:47.867" v="289"/>
          <ac:spMkLst>
            <pc:docMk/>
            <pc:sldMk cId="2376958513" sldId="260"/>
            <ac:spMk id="1774" creationId="{1898C125-48EB-7C14-27B6-B3C4794A34F3}"/>
          </ac:spMkLst>
        </pc:spChg>
        <pc:spChg chg="mod">
          <ac:chgData name="White, Alex" userId="eff6cc8c-37d8-483b-9c6c-6b27e9afa9bc" providerId="ADAL" clId="{BF04C754-5BF4-4E83-9615-DB14FA25AF8A}" dt="2023-10-12T11:37:47.867" v="289"/>
          <ac:spMkLst>
            <pc:docMk/>
            <pc:sldMk cId="2376958513" sldId="260"/>
            <ac:spMk id="1775" creationId="{50FE5DB6-93D7-6569-E5BE-D8E5FF755DF8}"/>
          </ac:spMkLst>
        </pc:spChg>
        <pc:spChg chg="mod">
          <ac:chgData name="White, Alex" userId="eff6cc8c-37d8-483b-9c6c-6b27e9afa9bc" providerId="ADAL" clId="{BF04C754-5BF4-4E83-9615-DB14FA25AF8A}" dt="2023-10-12T11:37:47.867" v="289"/>
          <ac:spMkLst>
            <pc:docMk/>
            <pc:sldMk cId="2376958513" sldId="260"/>
            <ac:spMk id="1776" creationId="{17798806-13E0-D1F1-F7C2-A35383F2CD34}"/>
          </ac:spMkLst>
        </pc:spChg>
        <pc:spChg chg="mod">
          <ac:chgData name="White, Alex" userId="eff6cc8c-37d8-483b-9c6c-6b27e9afa9bc" providerId="ADAL" clId="{BF04C754-5BF4-4E83-9615-DB14FA25AF8A}" dt="2023-10-12T11:37:47.867" v="289"/>
          <ac:spMkLst>
            <pc:docMk/>
            <pc:sldMk cId="2376958513" sldId="260"/>
            <ac:spMk id="1777" creationId="{6BAC5219-E81F-695C-270A-0FF67C4930CB}"/>
          </ac:spMkLst>
        </pc:spChg>
        <pc:spChg chg="mod">
          <ac:chgData name="White, Alex" userId="eff6cc8c-37d8-483b-9c6c-6b27e9afa9bc" providerId="ADAL" clId="{BF04C754-5BF4-4E83-9615-DB14FA25AF8A}" dt="2023-10-12T11:37:47.867" v="289"/>
          <ac:spMkLst>
            <pc:docMk/>
            <pc:sldMk cId="2376958513" sldId="260"/>
            <ac:spMk id="1778" creationId="{624B596E-1687-CD0E-8031-6E13D8B0FD10}"/>
          </ac:spMkLst>
        </pc:spChg>
        <pc:spChg chg="mod">
          <ac:chgData name="White, Alex" userId="eff6cc8c-37d8-483b-9c6c-6b27e9afa9bc" providerId="ADAL" clId="{BF04C754-5BF4-4E83-9615-DB14FA25AF8A}" dt="2023-10-12T11:37:47.867" v="289"/>
          <ac:spMkLst>
            <pc:docMk/>
            <pc:sldMk cId="2376958513" sldId="260"/>
            <ac:spMk id="1779" creationId="{168E866E-4C12-1CAD-A904-0BADCD4F8909}"/>
          </ac:spMkLst>
        </pc:spChg>
        <pc:spChg chg="mod">
          <ac:chgData name="White, Alex" userId="eff6cc8c-37d8-483b-9c6c-6b27e9afa9bc" providerId="ADAL" clId="{BF04C754-5BF4-4E83-9615-DB14FA25AF8A}" dt="2023-10-12T11:37:47.867" v="289"/>
          <ac:spMkLst>
            <pc:docMk/>
            <pc:sldMk cId="2376958513" sldId="260"/>
            <ac:spMk id="1780" creationId="{B754B74C-6593-2831-BE34-ED9F06572749}"/>
          </ac:spMkLst>
        </pc:spChg>
        <pc:spChg chg="mod">
          <ac:chgData name="White, Alex" userId="eff6cc8c-37d8-483b-9c6c-6b27e9afa9bc" providerId="ADAL" clId="{BF04C754-5BF4-4E83-9615-DB14FA25AF8A}" dt="2023-10-12T11:37:47.867" v="289"/>
          <ac:spMkLst>
            <pc:docMk/>
            <pc:sldMk cId="2376958513" sldId="260"/>
            <ac:spMk id="1781" creationId="{4B4ADAE4-81CC-3994-422B-16FA595A9BF4}"/>
          </ac:spMkLst>
        </pc:spChg>
        <pc:spChg chg="mod">
          <ac:chgData name="White, Alex" userId="eff6cc8c-37d8-483b-9c6c-6b27e9afa9bc" providerId="ADAL" clId="{BF04C754-5BF4-4E83-9615-DB14FA25AF8A}" dt="2023-10-12T11:37:47.867" v="289"/>
          <ac:spMkLst>
            <pc:docMk/>
            <pc:sldMk cId="2376958513" sldId="260"/>
            <ac:spMk id="1782" creationId="{F5DCC0ED-E1AA-0F46-C7D7-F4854450A2E8}"/>
          </ac:spMkLst>
        </pc:spChg>
        <pc:spChg chg="mod">
          <ac:chgData name="White, Alex" userId="eff6cc8c-37d8-483b-9c6c-6b27e9afa9bc" providerId="ADAL" clId="{BF04C754-5BF4-4E83-9615-DB14FA25AF8A}" dt="2023-10-12T11:37:47.867" v="289"/>
          <ac:spMkLst>
            <pc:docMk/>
            <pc:sldMk cId="2376958513" sldId="260"/>
            <ac:spMk id="1783" creationId="{90285CB8-03F1-9D60-A7B2-9054C594EFA3}"/>
          </ac:spMkLst>
        </pc:spChg>
        <pc:spChg chg="mod">
          <ac:chgData name="White, Alex" userId="eff6cc8c-37d8-483b-9c6c-6b27e9afa9bc" providerId="ADAL" clId="{BF04C754-5BF4-4E83-9615-DB14FA25AF8A}" dt="2023-10-12T11:37:47.867" v="289"/>
          <ac:spMkLst>
            <pc:docMk/>
            <pc:sldMk cId="2376958513" sldId="260"/>
            <ac:spMk id="1784" creationId="{7BC0184D-C364-5516-12D0-D1BCF537B640}"/>
          </ac:spMkLst>
        </pc:spChg>
        <pc:spChg chg="mod">
          <ac:chgData name="White, Alex" userId="eff6cc8c-37d8-483b-9c6c-6b27e9afa9bc" providerId="ADAL" clId="{BF04C754-5BF4-4E83-9615-DB14FA25AF8A}" dt="2023-10-12T11:37:47.867" v="289"/>
          <ac:spMkLst>
            <pc:docMk/>
            <pc:sldMk cId="2376958513" sldId="260"/>
            <ac:spMk id="1785" creationId="{020C3ED8-B6CD-0C01-2D56-8DDD350F14BD}"/>
          </ac:spMkLst>
        </pc:spChg>
        <pc:spChg chg="mod">
          <ac:chgData name="White, Alex" userId="eff6cc8c-37d8-483b-9c6c-6b27e9afa9bc" providerId="ADAL" clId="{BF04C754-5BF4-4E83-9615-DB14FA25AF8A}" dt="2023-10-12T11:37:47.867" v="289"/>
          <ac:spMkLst>
            <pc:docMk/>
            <pc:sldMk cId="2376958513" sldId="260"/>
            <ac:spMk id="1786" creationId="{6B79C85E-29B2-94F0-2C9A-1A97CF21360A}"/>
          </ac:spMkLst>
        </pc:spChg>
        <pc:spChg chg="mod">
          <ac:chgData name="White, Alex" userId="eff6cc8c-37d8-483b-9c6c-6b27e9afa9bc" providerId="ADAL" clId="{BF04C754-5BF4-4E83-9615-DB14FA25AF8A}" dt="2023-10-12T11:37:47.867" v="289"/>
          <ac:spMkLst>
            <pc:docMk/>
            <pc:sldMk cId="2376958513" sldId="260"/>
            <ac:spMk id="1787" creationId="{2CBA6DEA-3906-3398-FB25-3D470779014F}"/>
          </ac:spMkLst>
        </pc:spChg>
        <pc:spChg chg="mod">
          <ac:chgData name="White, Alex" userId="eff6cc8c-37d8-483b-9c6c-6b27e9afa9bc" providerId="ADAL" clId="{BF04C754-5BF4-4E83-9615-DB14FA25AF8A}" dt="2023-10-12T11:37:47.867" v="289"/>
          <ac:spMkLst>
            <pc:docMk/>
            <pc:sldMk cId="2376958513" sldId="260"/>
            <ac:spMk id="1788" creationId="{5EDC0D2C-312A-E7D3-6EA6-97B82F35ED0F}"/>
          </ac:spMkLst>
        </pc:spChg>
        <pc:spChg chg="mod">
          <ac:chgData name="White, Alex" userId="eff6cc8c-37d8-483b-9c6c-6b27e9afa9bc" providerId="ADAL" clId="{BF04C754-5BF4-4E83-9615-DB14FA25AF8A}" dt="2023-10-12T11:37:47.867" v="289"/>
          <ac:spMkLst>
            <pc:docMk/>
            <pc:sldMk cId="2376958513" sldId="260"/>
            <ac:spMk id="1789" creationId="{4C123368-1122-98D8-6133-5844942DD0F9}"/>
          </ac:spMkLst>
        </pc:spChg>
        <pc:spChg chg="mod">
          <ac:chgData name="White, Alex" userId="eff6cc8c-37d8-483b-9c6c-6b27e9afa9bc" providerId="ADAL" clId="{BF04C754-5BF4-4E83-9615-DB14FA25AF8A}" dt="2023-10-12T11:37:47.867" v="289"/>
          <ac:spMkLst>
            <pc:docMk/>
            <pc:sldMk cId="2376958513" sldId="260"/>
            <ac:spMk id="1790" creationId="{E7AEC286-9CF5-97C8-94E9-D17F0114A263}"/>
          </ac:spMkLst>
        </pc:spChg>
        <pc:spChg chg="mod">
          <ac:chgData name="White, Alex" userId="eff6cc8c-37d8-483b-9c6c-6b27e9afa9bc" providerId="ADAL" clId="{BF04C754-5BF4-4E83-9615-DB14FA25AF8A}" dt="2023-10-12T11:37:47.867" v="289"/>
          <ac:spMkLst>
            <pc:docMk/>
            <pc:sldMk cId="2376958513" sldId="260"/>
            <ac:spMk id="1791" creationId="{8C41DDC0-EEB5-1EBD-891E-3A1192F11C16}"/>
          </ac:spMkLst>
        </pc:spChg>
        <pc:spChg chg="mod">
          <ac:chgData name="White, Alex" userId="eff6cc8c-37d8-483b-9c6c-6b27e9afa9bc" providerId="ADAL" clId="{BF04C754-5BF4-4E83-9615-DB14FA25AF8A}" dt="2023-10-12T11:37:47.867" v="289"/>
          <ac:spMkLst>
            <pc:docMk/>
            <pc:sldMk cId="2376958513" sldId="260"/>
            <ac:spMk id="1792" creationId="{E4E8EF1E-F03E-D837-E97D-C582737C6603}"/>
          </ac:spMkLst>
        </pc:spChg>
        <pc:spChg chg="mod">
          <ac:chgData name="White, Alex" userId="eff6cc8c-37d8-483b-9c6c-6b27e9afa9bc" providerId="ADAL" clId="{BF04C754-5BF4-4E83-9615-DB14FA25AF8A}" dt="2023-10-12T11:37:47.867" v="289"/>
          <ac:spMkLst>
            <pc:docMk/>
            <pc:sldMk cId="2376958513" sldId="260"/>
            <ac:spMk id="1793" creationId="{C13983E5-98C9-DDF8-F652-E6042BC9F006}"/>
          </ac:spMkLst>
        </pc:spChg>
        <pc:spChg chg="mod">
          <ac:chgData name="White, Alex" userId="eff6cc8c-37d8-483b-9c6c-6b27e9afa9bc" providerId="ADAL" clId="{BF04C754-5BF4-4E83-9615-DB14FA25AF8A}" dt="2023-10-12T11:37:47.867" v="289"/>
          <ac:spMkLst>
            <pc:docMk/>
            <pc:sldMk cId="2376958513" sldId="260"/>
            <ac:spMk id="1794" creationId="{6DDCB694-E14C-F47E-2FBF-7BAE2EF234C0}"/>
          </ac:spMkLst>
        </pc:spChg>
        <pc:spChg chg="mod">
          <ac:chgData name="White, Alex" userId="eff6cc8c-37d8-483b-9c6c-6b27e9afa9bc" providerId="ADAL" clId="{BF04C754-5BF4-4E83-9615-DB14FA25AF8A}" dt="2023-10-12T11:37:47.867" v="289"/>
          <ac:spMkLst>
            <pc:docMk/>
            <pc:sldMk cId="2376958513" sldId="260"/>
            <ac:spMk id="1795" creationId="{48B85ED4-6886-DBE7-2CD1-9F1ACC40BA80}"/>
          </ac:spMkLst>
        </pc:spChg>
        <pc:spChg chg="mod">
          <ac:chgData name="White, Alex" userId="eff6cc8c-37d8-483b-9c6c-6b27e9afa9bc" providerId="ADAL" clId="{BF04C754-5BF4-4E83-9615-DB14FA25AF8A}" dt="2023-10-12T11:37:47.867" v="289"/>
          <ac:spMkLst>
            <pc:docMk/>
            <pc:sldMk cId="2376958513" sldId="260"/>
            <ac:spMk id="1796" creationId="{80301346-BF9E-FD08-E87F-4E1D79B1596E}"/>
          </ac:spMkLst>
        </pc:spChg>
        <pc:spChg chg="mod">
          <ac:chgData name="White, Alex" userId="eff6cc8c-37d8-483b-9c6c-6b27e9afa9bc" providerId="ADAL" clId="{BF04C754-5BF4-4E83-9615-DB14FA25AF8A}" dt="2023-10-12T11:37:47.867" v="289"/>
          <ac:spMkLst>
            <pc:docMk/>
            <pc:sldMk cId="2376958513" sldId="260"/>
            <ac:spMk id="1797" creationId="{43A9DD92-7C18-11DB-AB96-33633378066A}"/>
          </ac:spMkLst>
        </pc:spChg>
        <pc:spChg chg="mod">
          <ac:chgData name="White, Alex" userId="eff6cc8c-37d8-483b-9c6c-6b27e9afa9bc" providerId="ADAL" clId="{BF04C754-5BF4-4E83-9615-DB14FA25AF8A}" dt="2023-10-12T11:37:47.867" v="289"/>
          <ac:spMkLst>
            <pc:docMk/>
            <pc:sldMk cId="2376958513" sldId="260"/>
            <ac:spMk id="1798" creationId="{9CC561E2-013D-D23F-C8C9-6BB1BED0D189}"/>
          </ac:spMkLst>
        </pc:spChg>
        <pc:spChg chg="mod">
          <ac:chgData name="White, Alex" userId="eff6cc8c-37d8-483b-9c6c-6b27e9afa9bc" providerId="ADAL" clId="{BF04C754-5BF4-4E83-9615-DB14FA25AF8A}" dt="2023-10-12T11:37:47.867" v="289"/>
          <ac:spMkLst>
            <pc:docMk/>
            <pc:sldMk cId="2376958513" sldId="260"/>
            <ac:spMk id="1799" creationId="{237B96C0-2966-94FB-48E8-7A263DCE5B1A}"/>
          </ac:spMkLst>
        </pc:spChg>
        <pc:spChg chg="mod">
          <ac:chgData name="White, Alex" userId="eff6cc8c-37d8-483b-9c6c-6b27e9afa9bc" providerId="ADAL" clId="{BF04C754-5BF4-4E83-9615-DB14FA25AF8A}" dt="2023-10-12T11:37:47.867" v="289"/>
          <ac:spMkLst>
            <pc:docMk/>
            <pc:sldMk cId="2376958513" sldId="260"/>
            <ac:spMk id="1800" creationId="{E1A812AE-1006-75B5-B030-587A9A22FB58}"/>
          </ac:spMkLst>
        </pc:spChg>
        <pc:spChg chg="mod">
          <ac:chgData name="White, Alex" userId="eff6cc8c-37d8-483b-9c6c-6b27e9afa9bc" providerId="ADAL" clId="{BF04C754-5BF4-4E83-9615-DB14FA25AF8A}" dt="2023-10-12T11:37:47.867" v="289"/>
          <ac:spMkLst>
            <pc:docMk/>
            <pc:sldMk cId="2376958513" sldId="260"/>
            <ac:spMk id="1801" creationId="{E6BA96AF-E535-FA83-37E6-1B098C77B680}"/>
          </ac:spMkLst>
        </pc:spChg>
        <pc:spChg chg="mod">
          <ac:chgData name="White, Alex" userId="eff6cc8c-37d8-483b-9c6c-6b27e9afa9bc" providerId="ADAL" clId="{BF04C754-5BF4-4E83-9615-DB14FA25AF8A}" dt="2023-10-12T11:37:47.867" v="289"/>
          <ac:spMkLst>
            <pc:docMk/>
            <pc:sldMk cId="2376958513" sldId="260"/>
            <ac:spMk id="1802" creationId="{F7EFAB35-B157-CE6B-F9F3-6E8440528B2E}"/>
          </ac:spMkLst>
        </pc:spChg>
        <pc:spChg chg="mod">
          <ac:chgData name="White, Alex" userId="eff6cc8c-37d8-483b-9c6c-6b27e9afa9bc" providerId="ADAL" clId="{BF04C754-5BF4-4E83-9615-DB14FA25AF8A}" dt="2023-10-12T11:37:47.867" v="289"/>
          <ac:spMkLst>
            <pc:docMk/>
            <pc:sldMk cId="2376958513" sldId="260"/>
            <ac:spMk id="1803" creationId="{27DD531D-3F45-7EEE-2E58-47FC702C654E}"/>
          </ac:spMkLst>
        </pc:spChg>
        <pc:spChg chg="mod">
          <ac:chgData name="White, Alex" userId="eff6cc8c-37d8-483b-9c6c-6b27e9afa9bc" providerId="ADAL" clId="{BF04C754-5BF4-4E83-9615-DB14FA25AF8A}" dt="2023-10-12T11:37:47.867" v="289"/>
          <ac:spMkLst>
            <pc:docMk/>
            <pc:sldMk cId="2376958513" sldId="260"/>
            <ac:spMk id="1804" creationId="{2D2FA7CE-39DE-36E4-4096-2EDC0CDE7BFF}"/>
          </ac:spMkLst>
        </pc:spChg>
        <pc:spChg chg="mod">
          <ac:chgData name="White, Alex" userId="eff6cc8c-37d8-483b-9c6c-6b27e9afa9bc" providerId="ADAL" clId="{BF04C754-5BF4-4E83-9615-DB14FA25AF8A}" dt="2023-10-12T11:37:47.867" v="289"/>
          <ac:spMkLst>
            <pc:docMk/>
            <pc:sldMk cId="2376958513" sldId="260"/>
            <ac:spMk id="1805" creationId="{ED98C1D2-5DD7-720A-8B96-25D331D0DD26}"/>
          </ac:spMkLst>
        </pc:spChg>
        <pc:spChg chg="mod">
          <ac:chgData name="White, Alex" userId="eff6cc8c-37d8-483b-9c6c-6b27e9afa9bc" providerId="ADAL" clId="{BF04C754-5BF4-4E83-9615-DB14FA25AF8A}" dt="2023-10-12T11:37:47.867" v="289"/>
          <ac:spMkLst>
            <pc:docMk/>
            <pc:sldMk cId="2376958513" sldId="260"/>
            <ac:spMk id="1806" creationId="{5EE7220E-B2AC-B7AA-75E5-EA18419ADF61}"/>
          </ac:spMkLst>
        </pc:spChg>
        <pc:spChg chg="mod">
          <ac:chgData name="White, Alex" userId="eff6cc8c-37d8-483b-9c6c-6b27e9afa9bc" providerId="ADAL" clId="{BF04C754-5BF4-4E83-9615-DB14FA25AF8A}" dt="2023-10-12T11:37:47.867" v="289"/>
          <ac:spMkLst>
            <pc:docMk/>
            <pc:sldMk cId="2376958513" sldId="260"/>
            <ac:spMk id="1807" creationId="{3514ADE4-2441-C002-036A-85D48D8BD22F}"/>
          </ac:spMkLst>
        </pc:spChg>
        <pc:spChg chg="mod">
          <ac:chgData name="White, Alex" userId="eff6cc8c-37d8-483b-9c6c-6b27e9afa9bc" providerId="ADAL" clId="{BF04C754-5BF4-4E83-9615-DB14FA25AF8A}" dt="2023-10-12T11:37:47.867" v="289"/>
          <ac:spMkLst>
            <pc:docMk/>
            <pc:sldMk cId="2376958513" sldId="260"/>
            <ac:spMk id="1808" creationId="{A0B3611F-64BD-76FF-BBB6-9F38A9011D11}"/>
          </ac:spMkLst>
        </pc:spChg>
        <pc:spChg chg="mod">
          <ac:chgData name="White, Alex" userId="eff6cc8c-37d8-483b-9c6c-6b27e9afa9bc" providerId="ADAL" clId="{BF04C754-5BF4-4E83-9615-DB14FA25AF8A}" dt="2023-10-12T11:37:47.867" v="289"/>
          <ac:spMkLst>
            <pc:docMk/>
            <pc:sldMk cId="2376958513" sldId="260"/>
            <ac:spMk id="1809" creationId="{2053ACFC-F620-4DC1-A042-73F53E427C59}"/>
          </ac:spMkLst>
        </pc:spChg>
        <pc:spChg chg="mod">
          <ac:chgData name="White, Alex" userId="eff6cc8c-37d8-483b-9c6c-6b27e9afa9bc" providerId="ADAL" clId="{BF04C754-5BF4-4E83-9615-DB14FA25AF8A}" dt="2023-10-12T11:37:47.867" v="289"/>
          <ac:spMkLst>
            <pc:docMk/>
            <pc:sldMk cId="2376958513" sldId="260"/>
            <ac:spMk id="1810" creationId="{1C15AC14-6B79-791E-F062-F273C4910536}"/>
          </ac:spMkLst>
        </pc:spChg>
        <pc:spChg chg="mod">
          <ac:chgData name="White, Alex" userId="eff6cc8c-37d8-483b-9c6c-6b27e9afa9bc" providerId="ADAL" clId="{BF04C754-5BF4-4E83-9615-DB14FA25AF8A}" dt="2023-10-12T11:37:47.867" v="289"/>
          <ac:spMkLst>
            <pc:docMk/>
            <pc:sldMk cId="2376958513" sldId="260"/>
            <ac:spMk id="1811" creationId="{B4198723-AAC1-5203-7F45-7DAA2775834A}"/>
          </ac:spMkLst>
        </pc:spChg>
        <pc:spChg chg="mod">
          <ac:chgData name="White, Alex" userId="eff6cc8c-37d8-483b-9c6c-6b27e9afa9bc" providerId="ADAL" clId="{BF04C754-5BF4-4E83-9615-DB14FA25AF8A}" dt="2023-10-12T11:37:47.867" v="289"/>
          <ac:spMkLst>
            <pc:docMk/>
            <pc:sldMk cId="2376958513" sldId="260"/>
            <ac:spMk id="1812" creationId="{CB7841CA-F340-691C-004F-72385364F00B}"/>
          </ac:spMkLst>
        </pc:spChg>
        <pc:spChg chg="mod">
          <ac:chgData name="White, Alex" userId="eff6cc8c-37d8-483b-9c6c-6b27e9afa9bc" providerId="ADAL" clId="{BF04C754-5BF4-4E83-9615-DB14FA25AF8A}" dt="2023-10-12T11:37:47.867" v="289"/>
          <ac:spMkLst>
            <pc:docMk/>
            <pc:sldMk cId="2376958513" sldId="260"/>
            <ac:spMk id="1813" creationId="{FC6E2D93-357C-A1A2-08B0-A44087E6D6C9}"/>
          </ac:spMkLst>
        </pc:spChg>
        <pc:spChg chg="mod">
          <ac:chgData name="White, Alex" userId="eff6cc8c-37d8-483b-9c6c-6b27e9afa9bc" providerId="ADAL" clId="{BF04C754-5BF4-4E83-9615-DB14FA25AF8A}" dt="2023-10-12T11:37:47.867" v="289"/>
          <ac:spMkLst>
            <pc:docMk/>
            <pc:sldMk cId="2376958513" sldId="260"/>
            <ac:spMk id="1814" creationId="{444D8E79-69ED-D0DF-1E5E-3FF3906F0FAA}"/>
          </ac:spMkLst>
        </pc:spChg>
        <pc:spChg chg="mod">
          <ac:chgData name="White, Alex" userId="eff6cc8c-37d8-483b-9c6c-6b27e9afa9bc" providerId="ADAL" clId="{BF04C754-5BF4-4E83-9615-DB14FA25AF8A}" dt="2023-10-12T11:37:47.867" v="289"/>
          <ac:spMkLst>
            <pc:docMk/>
            <pc:sldMk cId="2376958513" sldId="260"/>
            <ac:spMk id="1815" creationId="{90500479-9AF4-9EE5-29D8-5C43BF11BEEF}"/>
          </ac:spMkLst>
        </pc:spChg>
        <pc:spChg chg="mod">
          <ac:chgData name="White, Alex" userId="eff6cc8c-37d8-483b-9c6c-6b27e9afa9bc" providerId="ADAL" clId="{BF04C754-5BF4-4E83-9615-DB14FA25AF8A}" dt="2023-10-12T11:37:47.867" v="289"/>
          <ac:spMkLst>
            <pc:docMk/>
            <pc:sldMk cId="2376958513" sldId="260"/>
            <ac:spMk id="1816" creationId="{C572C3F6-CC9E-38FF-D9DA-3CE44D42ADCB}"/>
          </ac:spMkLst>
        </pc:spChg>
        <pc:spChg chg="mod">
          <ac:chgData name="White, Alex" userId="eff6cc8c-37d8-483b-9c6c-6b27e9afa9bc" providerId="ADAL" clId="{BF04C754-5BF4-4E83-9615-DB14FA25AF8A}" dt="2023-10-12T11:37:47.867" v="289"/>
          <ac:spMkLst>
            <pc:docMk/>
            <pc:sldMk cId="2376958513" sldId="260"/>
            <ac:spMk id="1817" creationId="{00D39BFD-8D20-A8FE-6209-1793E27F0970}"/>
          </ac:spMkLst>
        </pc:spChg>
        <pc:spChg chg="mod">
          <ac:chgData name="White, Alex" userId="eff6cc8c-37d8-483b-9c6c-6b27e9afa9bc" providerId="ADAL" clId="{BF04C754-5BF4-4E83-9615-DB14FA25AF8A}" dt="2023-10-12T11:37:47.867" v="289"/>
          <ac:spMkLst>
            <pc:docMk/>
            <pc:sldMk cId="2376958513" sldId="260"/>
            <ac:spMk id="1818" creationId="{2649D772-D106-0570-D471-81256712BCCB}"/>
          </ac:spMkLst>
        </pc:spChg>
        <pc:spChg chg="mod">
          <ac:chgData name="White, Alex" userId="eff6cc8c-37d8-483b-9c6c-6b27e9afa9bc" providerId="ADAL" clId="{BF04C754-5BF4-4E83-9615-DB14FA25AF8A}" dt="2023-10-12T11:37:47.867" v="289"/>
          <ac:spMkLst>
            <pc:docMk/>
            <pc:sldMk cId="2376958513" sldId="260"/>
            <ac:spMk id="1819" creationId="{BE6985F9-9874-0214-029B-6A1B65091CAD}"/>
          </ac:spMkLst>
        </pc:spChg>
        <pc:spChg chg="mod">
          <ac:chgData name="White, Alex" userId="eff6cc8c-37d8-483b-9c6c-6b27e9afa9bc" providerId="ADAL" clId="{BF04C754-5BF4-4E83-9615-DB14FA25AF8A}" dt="2023-10-12T11:37:47.867" v="289"/>
          <ac:spMkLst>
            <pc:docMk/>
            <pc:sldMk cId="2376958513" sldId="260"/>
            <ac:spMk id="1820" creationId="{F61259DE-0AC6-61C9-37DD-EDEAFCC8E173}"/>
          </ac:spMkLst>
        </pc:spChg>
        <pc:spChg chg="mod">
          <ac:chgData name="White, Alex" userId="eff6cc8c-37d8-483b-9c6c-6b27e9afa9bc" providerId="ADAL" clId="{BF04C754-5BF4-4E83-9615-DB14FA25AF8A}" dt="2023-10-12T11:37:47.867" v="289"/>
          <ac:spMkLst>
            <pc:docMk/>
            <pc:sldMk cId="2376958513" sldId="260"/>
            <ac:spMk id="1821" creationId="{2B0727DB-0507-8B4B-6B88-C6F3EBFF6A81}"/>
          </ac:spMkLst>
        </pc:spChg>
        <pc:spChg chg="mod">
          <ac:chgData name="White, Alex" userId="eff6cc8c-37d8-483b-9c6c-6b27e9afa9bc" providerId="ADAL" clId="{BF04C754-5BF4-4E83-9615-DB14FA25AF8A}" dt="2023-10-12T11:37:47.867" v="289"/>
          <ac:spMkLst>
            <pc:docMk/>
            <pc:sldMk cId="2376958513" sldId="260"/>
            <ac:spMk id="1822" creationId="{C5A1614C-4D51-4614-0554-6FB7B2888A8A}"/>
          </ac:spMkLst>
        </pc:spChg>
        <pc:spChg chg="mod">
          <ac:chgData name="White, Alex" userId="eff6cc8c-37d8-483b-9c6c-6b27e9afa9bc" providerId="ADAL" clId="{BF04C754-5BF4-4E83-9615-DB14FA25AF8A}" dt="2023-10-12T11:37:47.867" v="289"/>
          <ac:spMkLst>
            <pc:docMk/>
            <pc:sldMk cId="2376958513" sldId="260"/>
            <ac:spMk id="1823" creationId="{12AE7A06-04D4-ACED-2EEF-F28BF1660BAA}"/>
          </ac:spMkLst>
        </pc:spChg>
        <pc:spChg chg="mod">
          <ac:chgData name="White, Alex" userId="eff6cc8c-37d8-483b-9c6c-6b27e9afa9bc" providerId="ADAL" clId="{BF04C754-5BF4-4E83-9615-DB14FA25AF8A}" dt="2023-10-12T11:37:47.867" v="289"/>
          <ac:spMkLst>
            <pc:docMk/>
            <pc:sldMk cId="2376958513" sldId="260"/>
            <ac:spMk id="1824" creationId="{DC34CD86-3460-41ED-18C2-C7D8E9CE2DDA}"/>
          </ac:spMkLst>
        </pc:spChg>
        <pc:spChg chg="mod">
          <ac:chgData name="White, Alex" userId="eff6cc8c-37d8-483b-9c6c-6b27e9afa9bc" providerId="ADAL" clId="{BF04C754-5BF4-4E83-9615-DB14FA25AF8A}" dt="2023-10-12T11:37:47.867" v="289"/>
          <ac:spMkLst>
            <pc:docMk/>
            <pc:sldMk cId="2376958513" sldId="260"/>
            <ac:spMk id="1825" creationId="{8CCA0363-2128-6306-76E5-FA48CA112C91}"/>
          </ac:spMkLst>
        </pc:spChg>
        <pc:spChg chg="mod">
          <ac:chgData name="White, Alex" userId="eff6cc8c-37d8-483b-9c6c-6b27e9afa9bc" providerId="ADAL" clId="{BF04C754-5BF4-4E83-9615-DB14FA25AF8A}" dt="2023-10-12T11:37:47.867" v="289"/>
          <ac:spMkLst>
            <pc:docMk/>
            <pc:sldMk cId="2376958513" sldId="260"/>
            <ac:spMk id="1826" creationId="{B2C6CFD9-058A-879A-180B-5BEC707D0C6B}"/>
          </ac:spMkLst>
        </pc:spChg>
        <pc:spChg chg="mod">
          <ac:chgData name="White, Alex" userId="eff6cc8c-37d8-483b-9c6c-6b27e9afa9bc" providerId="ADAL" clId="{BF04C754-5BF4-4E83-9615-DB14FA25AF8A}" dt="2023-10-12T11:37:47.867" v="289"/>
          <ac:spMkLst>
            <pc:docMk/>
            <pc:sldMk cId="2376958513" sldId="260"/>
            <ac:spMk id="1827" creationId="{4CBD9071-0486-C53A-C7EB-A5F95FC643A0}"/>
          </ac:spMkLst>
        </pc:spChg>
        <pc:spChg chg="mod">
          <ac:chgData name="White, Alex" userId="eff6cc8c-37d8-483b-9c6c-6b27e9afa9bc" providerId="ADAL" clId="{BF04C754-5BF4-4E83-9615-DB14FA25AF8A}" dt="2023-10-12T11:37:47.867" v="289"/>
          <ac:spMkLst>
            <pc:docMk/>
            <pc:sldMk cId="2376958513" sldId="260"/>
            <ac:spMk id="1828" creationId="{5059CBCE-5943-4A01-0C1A-F000D2DDD907}"/>
          </ac:spMkLst>
        </pc:spChg>
        <pc:spChg chg="mod">
          <ac:chgData name="White, Alex" userId="eff6cc8c-37d8-483b-9c6c-6b27e9afa9bc" providerId="ADAL" clId="{BF04C754-5BF4-4E83-9615-DB14FA25AF8A}" dt="2023-10-12T11:37:47.867" v="289"/>
          <ac:spMkLst>
            <pc:docMk/>
            <pc:sldMk cId="2376958513" sldId="260"/>
            <ac:spMk id="1829" creationId="{C55F25DC-923E-C450-6A8F-20029CCD3462}"/>
          </ac:spMkLst>
        </pc:spChg>
        <pc:spChg chg="mod">
          <ac:chgData name="White, Alex" userId="eff6cc8c-37d8-483b-9c6c-6b27e9afa9bc" providerId="ADAL" clId="{BF04C754-5BF4-4E83-9615-DB14FA25AF8A}" dt="2023-10-12T11:37:47.867" v="289"/>
          <ac:spMkLst>
            <pc:docMk/>
            <pc:sldMk cId="2376958513" sldId="260"/>
            <ac:spMk id="1830" creationId="{51828FFA-19E5-CA28-92FE-CEF3BBBE51EA}"/>
          </ac:spMkLst>
        </pc:spChg>
        <pc:spChg chg="mod">
          <ac:chgData name="White, Alex" userId="eff6cc8c-37d8-483b-9c6c-6b27e9afa9bc" providerId="ADAL" clId="{BF04C754-5BF4-4E83-9615-DB14FA25AF8A}" dt="2023-10-12T11:37:47.867" v="289"/>
          <ac:spMkLst>
            <pc:docMk/>
            <pc:sldMk cId="2376958513" sldId="260"/>
            <ac:spMk id="1831" creationId="{47D25F87-8D10-EB88-D547-B7A15B5824B8}"/>
          </ac:spMkLst>
        </pc:spChg>
        <pc:spChg chg="mod">
          <ac:chgData name="White, Alex" userId="eff6cc8c-37d8-483b-9c6c-6b27e9afa9bc" providerId="ADAL" clId="{BF04C754-5BF4-4E83-9615-DB14FA25AF8A}" dt="2023-10-12T11:37:47.867" v="289"/>
          <ac:spMkLst>
            <pc:docMk/>
            <pc:sldMk cId="2376958513" sldId="260"/>
            <ac:spMk id="1832" creationId="{967283A5-7EC5-531A-9130-C1992B06238C}"/>
          </ac:spMkLst>
        </pc:spChg>
        <pc:spChg chg="mod">
          <ac:chgData name="White, Alex" userId="eff6cc8c-37d8-483b-9c6c-6b27e9afa9bc" providerId="ADAL" clId="{BF04C754-5BF4-4E83-9615-DB14FA25AF8A}" dt="2023-10-12T11:37:47.867" v="289"/>
          <ac:spMkLst>
            <pc:docMk/>
            <pc:sldMk cId="2376958513" sldId="260"/>
            <ac:spMk id="1833" creationId="{C037B1A6-E179-8160-7121-D4013F429A56}"/>
          </ac:spMkLst>
        </pc:spChg>
        <pc:spChg chg="mod">
          <ac:chgData name="White, Alex" userId="eff6cc8c-37d8-483b-9c6c-6b27e9afa9bc" providerId="ADAL" clId="{BF04C754-5BF4-4E83-9615-DB14FA25AF8A}" dt="2023-10-12T11:37:47.867" v="289"/>
          <ac:spMkLst>
            <pc:docMk/>
            <pc:sldMk cId="2376958513" sldId="260"/>
            <ac:spMk id="1834" creationId="{C7D38467-CCCF-66BA-2383-345E3B1B1837}"/>
          </ac:spMkLst>
        </pc:spChg>
        <pc:spChg chg="mod">
          <ac:chgData name="White, Alex" userId="eff6cc8c-37d8-483b-9c6c-6b27e9afa9bc" providerId="ADAL" clId="{BF04C754-5BF4-4E83-9615-DB14FA25AF8A}" dt="2023-10-12T11:37:47.867" v="289"/>
          <ac:spMkLst>
            <pc:docMk/>
            <pc:sldMk cId="2376958513" sldId="260"/>
            <ac:spMk id="1835" creationId="{7E7D8D1B-7AEA-0D98-4B9C-0ADE0BF6C7A1}"/>
          </ac:spMkLst>
        </pc:spChg>
        <pc:spChg chg="mod">
          <ac:chgData name="White, Alex" userId="eff6cc8c-37d8-483b-9c6c-6b27e9afa9bc" providerId="ADAL" clId="{BF04C754-5BF4-4E83-9615-DB14FA25AF8A}" dt="2023-10-12T11:37:47.867" v="289"/>
          <ac:spMkLst>
            <pc:docMk/>
            <pc:sldMk cId="2376958513" sldId="260"/>
            <ac:spMk id="1836" creationId="{70EFDF93-02CC-7D5B-EE5A-B63FD3330D36}"/>
          </ac:spMkLst>
        </pc:spChg>
        <pc:spChg chg="mod">
          <ac:chgData name="White, Alex" userId="eff6cc8c-37d8-483b-9c6c-6b27e9afa9bc" providerId="ADAL" clId="{BF04C754-5BF4-4E83-9615-DB14FA25AF8A}" dt="2023-10-12T11:37:47.867" v="289"/>
          <ac:spMkLst>
            <pc:docMk/>
            <pc:sldMk cId="2376958513" sldId="260"/>
            <ac:spMk id="1837" creationId="{31372E80-6F46-A58D-B620-F01110F48002}"/>
          </ac:spMkLst>
        </pc:spChg>
        <pc:spChg chg="mod">
          <ac:chgData name="White, Alex" userId="eff6cc8c-37d8-483b-9c6c-6b27e9afa9bc" providerId="ADAL" clId="{BF04C754-5BF4-4E83-9615-DB14FA25AF8A}" dt="2023-10-12T11:37:47.867" v="289"/>
          <ac:spMkLst>
            <pc:docMk/>
            <pc:sldMk cId="2376958513" sldId="260"/>
            <ac:spMk id="1838" creationId="{AFF56198-03FD-98A3-8BA1-3C9AD986E0FA}"/>
          </ac:spMkLst>
        </pc:spChg>
        <pc:spChg chg="mod">
          <ac:chgData name="White, Alex" userId="eff6cc8c-37d8-483b-9c6c-6b27e9afa9bc" providerId="ADAL" clId="{BF04C754-5BF4-4E83-9615-DB14FA25AF8A}" dt="2023-10-12T11:37:47.867" v="289"/>
          <ac:spMkLst>
            <pc:docMk/>
            <pc:sldMk cId="2376958513" sldId="260"/>
            <ac:spMk id="1839" creationId="{AC17333C-8275-D6F3-13BE-9960BCDBC4AD}"/>
          </ac:spMkLst>
        </pc:spChg>
        <pc:spChg chg="mod">
          <ac:chgData name="White, Alex" userId="eff6cc8c-37d8-483b-9c6c-6b27e9afa9bc" providerId="ADAL" clId="{BF04C754-5BF4-4E83-9615-DB14FA25AF8A}" dt="2023-10-12T11:37:47.867" v="289"/>
          <ac:spMkLst>
            <pc:docMk/>
            <pc:sldMk cId="2376958513" sldId="260"/>
            <ac:spMk id="1840" creationId="{DFB0422A-E0A6-B7E3-ACBE-B722EB8A4D58}"/>
          </ac:spMkLst>
        </pc:spChg>
        <pc:spChg chg="mod">
          <ac:chgData name="White, Alex" userId="eff6cc8c-37d8-483b-9c6c-6b27e9afa9bc" providerId="ADAL" clId="{BF04C754-5BF4-4E83-9615-DB14FA25AF8A}" dt="2023-10-12T11:37:47.867" v="289"/>
          <ac:spMkLst>
            <pc:docMk/>
            <pc:sldMk cId="2376958513" sldId="260"/>
            <ac:spMk id="1841" creationId="{EE1C568B-A899-CA44-6D0B-D6B6F17D85A9}"/>
          </ac:spMkLst>
        </pc:spChg>
        <pc:spChg chg="mod">
          <ac:chgData name="White, Alex" userId="eff6cc8c-37d8-483b-9c6c-6b27e9afa9bc" providerId="ADAL" clId="{BF04C754-5BF4-4E83-9615-DB14FA25AF8A}" dt="2023-10-12T11:37:47.867" v="289"/>
          <ac:spMkLst>
            <pc:docMk/>
            <pc:sldMk cId="2376958513" sldId="260"/>
            <ac:spMk id="1842" creationId="{C1798D75-A7A5-01D4-DFAB-17A3D1E97781}"/>
          </ac:spMkLst>
        </pc:spChg>
        <pc:spChg chg="mod">
          <ac:chgData name="White, Alex" userId="eff6cc8c-37d8-483b-9c6c-6b27e9afa9bc" providerId="ADAL" clId="{BF04C754-5BF4-4E83-9615-DB14FA25AF8A}" dt="2023-10-12T11:37:47.867" v="289"/>
          <ac:spMkLst>
            <pc:docMk/>
            <pc:sldMk cId="2376958513" sldId="260"/>
            <ac:spMk id="1843" creationId="{A894DDC8-4FDE-4230-9D52-C0665C770BD2}"/>
          </ac:spMkLst>
        </pc:spChg>
        <pc:spChg chg="mod">
          <ac:chgData name="White, Alex" userId="eff6cc8c-37d8-483b-9c6c-6b27e9afa9bc" providerId="ADAL" clId="{BF04C754-5BF4-4E83-9615-DB14FA25AF8A}" dt="2023-10-12T11:37:47.867" v="289"/>
          <ac:spMkLst>
            <pc:docMk/>
            <pc:sldMk cId="2376958513" sldId="260"/>
            <ac:spMk id="1844" creationId="{0E598654-6C62-C92B-41D2-169D21BBEE38}"/>
          </ac:spMkLst>
        </pc:spChg>
        <pc:spChg chg="mod">
          <ac:chgData name="White, Alex" userId="eff6cc8c-37d8-483b-9c6c-6b27e9afa9bc" providerId="ADAL" clId="{BF04C754-5BF4-4E83-9615-DB14FA25AF8A}" dt="2023-10-12T11:37:47.867" v="289"/>
          <ac:spMkLst>
            <pc:docMk/>
            <pc:sldMk cId="2376958513" sldId="260"/>
            <ac:spMk id="1845" creationId="{A8C1C0F5-FECA-6DF7-15CE-227870200883}"/>
          </ac:spMkLst>
        </pc:spChg>
        <pc:spChg chg="mod">
          <ac:chgData name="White, Alex" userId="eff6cc8c-37d8-483b-9c6c-6b27e9afa9bc" providerId="ADAL" clId="{BF04C754-5BF4-4E83-9615-DB14FA25AF8A}" dt="2023-10-12T11:37:47.867" v="289"/>
          <ac:spMkLst>
            <pc:docMk/>
            <pc:sldMk cId="2376958513" sldId="260"/>
            <ac:spMk id="1846" creationId="{C679FD6C-5362-8449-6598-43F2E43D1287}"/>
          </ac:spMkLst>
        </pc:spChg>
        <pc:spChg chg="mod">
          <ac:chgData name="White, Alex" userId="eff6cc8c-37d8-483b-9c6c-6b27e9afa9bc" providerId="ADAL" clId="{BF04C754-5BF4-4E83-9615-DB14FA25AF8A}" dt="2023-10-12T11:37:47.867" v="289"/>
          <ac:spMkLst>
            <pc:docMk/>
            <pc:sldMk cId="2376958513" sldId="260"/>
            <ac:spMk id="1847" creationId="{043928B6-2D01-8066-344D-F526B8F6DD62}"/>
          </ac:spMkLst>
        </pc:spChg>
        <pc:spChg chg="mod">
          <ac:chgData name="White, Alex" userId="eff6cc8c-37d8-483b-9c6c-6b27e9afa9bc" providerId="ADAL" clId="{BF04C754-5BF4-4E83-9615-DB14FA25AF8A}" dt="2023-10-12T11:37:47.867" v="289"/>
          <ac:spMkLst>
            <pc:docMk/>
            <pc:sldMk cId="2376958513" sldId="260"/>
            <ac:spMk id="1848" creationId="{F43A56C2-6BBD-B254-8717-40D6C68F9F32}"/>
          </ac:spMkLst>
        </pc:spChg>
        <pc:spChg chg="mod">
          <ac:chgData name="White, Alex" userId="eff6cc8c-37d8-483b-9c6c-6b27e9afa9bc" providerId="ADAL" clId="{BF04C754-5BF4-4E83-9615-DB14FA25AF8A}" dt="2023-10-12T11:37:47.867" v="289"/>
          <ac:spMkLst>
            <pc:docMk/>
            <pc:sldMk cId="2376958513" sldId="260"/>
            <ac:spMk id="1849" creationId="{5D5020B3-4FA1-1734-7550-BF99FD420B3B}"/>
          </ac:spMkLst>
        </pc:spChg>
        <pc:spChg chg="mod">
          <ac:chgData name="White, Alex" userId="eff6cc8c-37d8-483b-9c6c-6b27e9afa9bc" providerId="ADAL" clId="{BF04C754-5BF4-4E83-9615-DB14FA25AF8A}" dt="2023-10-12T11:37:47.867" v="289"/>
          <ac:spMkLst>
            <pc:docMk/>
            <pc:sldMk cId="2376958513" sldId="260"/>
            <ac:spMk id="1850" creationId="{A85631A5-C0B2-33B8-EA17-2FE40B5ADDBD}"/>
          </ac:spMkLst>
        </pc:spChg>
        <pc:spChg chg="mod">
          <ac:chgData name="White, Alex" userId="eff6cc8c-37d8-483b-9c6c-6b27e9afa9bc" providerId="ADAL" clId="{BF04C754-5BF4-4E83-9615-DB14FA25AF8A}" dt="2023-10-12T11:37:47.867" v="289"/>
          <ac:spMkLst>
            <pc:docMk/>
            <pc:sldMk cId="2376958513" sldId="260"/>
            <ac:spMk id="1851" creationId="{83707D3C-D934-19EB-BBE1-8D4E7B7F4F44}"/>
          </ac:spMkLst>
        </pc:spChg>
        <pc:spChg chg="mod">
          <ac:chgData name="White, Alex" userId="eff6cc8c-37d8-483b-9c6c-6b27e9afa9bc" providerId="ADAL" clId="{BF04C754-5BF4-4E83-9615-DB14FA25AF8A}" dt="2023-10-12T11:37:47.867" v="289"/>
          <ac:spMkLst>
            <pc:docMk/>
            <pc:sldMk cId="2376958513" sldId="260"/>
            <ac:spMk id="1852" creationId="{F47D8CAE-AEA1-8B92-2906-50FC6B560F54}"/>
          </ac:spMkLst>
        </pc:spChg>
        <pc:spChg chg="mod">
          <ac:chgData name="White, Alex" userId="eff6cc8c-37d8-483b-9c6c-6b27e9afa9bc" providerId="ADAL" clId="{BF04C754-5BF4-4E83-9615-DB14FA25AF8A}" dt="2023-10-12T11:37:47.867" v="289"/>
          <ac:spMkLst>
            <pc:docMk/>
            <pc:sldMk cId="2376958513" sldId="260"/>
            <ac:spMk id="1853" creationId="{E8235245-89D9-C50D-290F-B631C29449C2}"/>
          </ac:spMkLst>
        </pc:spChg>
        <pc:spChg chg="mod">
          <ac:chgData name="White, Alex" userId="eff6cc8c-37d8-483b-9c6c-6b27e9afa9bc" providerId="ADAL" clId="{BF04C754-5BF4-4E83-9615-DB14FA25AF8A}" dt="2023-10-12T11:37:47.867" v="289"/>
          <ac:spMkLst>
            <pc:docMk/>
            <pc:sldMk cId="2376958513" sldId="260"/>
            <ac:spMk id="1854" creationId="{53753A46-85B7-D5F0-E6B7-1D87F19ADB60}"/>
          </ac:spMkLst>
        </pc:spChg>
        <pc:spChg chg="mod">
          <ac:chgData name="White, Alex" userId="eff6cc8c-37d8-483b-9c6c-6b27e9afa9bc" providerId="ADAL" clId="{BF04C754-5BF4-4E83-9615-DB14FA25AF8A}" dt="2023-10-12T11:37:47.867" v="289"/>
          <ac:spMkLst>
            <pc:docMk/>
            <pc:sldMk cId="2376958513" sldId="260"/>
            <ac:spMk id="1855" creationId="{10E0C20F-F3CC-60C7-8E35-BBD1A8388AD0}"/>
          </ac:spMkLst>
        </pc:spChg>
        <pc:spChg chg="mod">
          <ac:chgData name="White, Alex" userId="eff6cc8c-37d8-483b-9c6c-6b27e9afa9bc" providerId="ADAL" clId="{BF04C754-5BF4-4E83-9615-DB14FA25AF8A}" dt="2023-10-12T11:37:47.867" v="289"/>
          <ac:spMkLst>
            <pc:docMk/>
            <pc:sldMk cId="2376958513" sldId="260"/>
            <ac:spMk id="1856" creationId="{CB013934-3AA4-74CB-766F-94887A505EF5}"/>
          </ac:spMkLst>
        </pc:spChg>
        <pc:spChg chg="mod">
          <ac:chgData name="White, Alex" userId="eff6cc8c-37d8-483b-9c6c-6b27e9afa9bc" providerId="ADAL" clId="{BF04C754-5BF4-4E83-9615-DB14FA25AF8A}" dt="2023-10-12T11:37:47.867" v="289"/>
          <ac:spMkLst>
            <pc:docMk/>
            <pc:sldMk cId="2376958513" sldId="260"/>
            <ac:spMk id="1857" creationId="{DFA4DA4D-39BE-1F12-F7E5-F2E5041DC9F8}"/>
          </ac:spMkLst>
        </pc:spChg>
        <pc:spChg chg="mod">
          <ac:chgData name="White, Alex" userId="eff6cc8c-37d8-483b-9c6c-6b27e9afa9bc" providerId="ADAL" clId="{BF04C754-5BF4-4E83-9615-DB14FA25AF8A}" dt="2023-10-12T11:37:47.867" v="289"/>
          <ac:spMkLst>
            <pc:docMk/>
            <pc:sldMk cId="2376958513" sldId="260"/>
            <ac:spMk id="1858" creationId="{262F2ACD-BCEF-9536-3662-0B46BCBEFB2A}"/>
          </ac:spMkLst>
        </pc:spChg>
        <pc:spChg chg="mod">
          <ac:chgData name="White, Alex" userId="eff6cc8c-37d8-483b-9c6c-6b27e9afa9bc" providerId="ADAL" clId="{BF04C754-5BF4-4E83-9615-DB14FA25AF8A}" dt="2023-10-12T11:37:47.867" v="289"/>
          <ac:spMkLst>
            <pc:docMk/>
            <pc:sldMk cId="2376958513" sldId="260"/>
            <ac:spMk id="1859" creationId="{2597443A-E26A-7F08-052A-FD6E4F372553}"/>
          </ac:spMkLst>
        </pc:spChg>
        <pc:spChg chg="mod">
          <ac:chgData name="White, Alex" userId="eff6cc8c-37d8-483b-9c6c-6b27e9afa9bc" providerId="ADAL" clId="{BF04C754-5BF4-4E83-9615-DB14FA25AF8A}" dt="2023-10-12T11:37:47.867" v="289"/>
          <ac:spMkLst>
            <pc:docMk/>
            <pc:sldMk cId="2376958513" sldId="260"/>
            <ac:spMk id="1860" creationId="{70616FF8-D193-E35E-F20C-926EDAE26539}"/>
          </ac:spMkLst>
        </pc:spChg>
        <pc:spChg chg="mod">
          <ac:chgData name="White, Alex" userId="eff6cc8c-37d8-483b-9c6c-6b27e9afa9bc" providerId="ADAL" clId="{BF04C754-5BF4-4E83-9615-DB14FA25AF8A}" dt="2023-10-12T11:37:47.867" v="289"/>
          <ac:spMkLst>
            <pc:docMk/>
            <pc:sldMk cId="2376958513" sldId="260"/>
            <ac:spMk id="1861" creationId="{A9E6D393-1811-79B8-3664-3E11EF140DF2}"/>
          </ac:spMkLst>
        </pc:spChg>
        <pc:spChg chg="mod">
          <ac:chgData name="White, Alex" userId="eff6cc8c-37d8-483b-9c6c-6b27e9afa9bc" providerId="ADAL" clId="{BF04C754-5BF4-4E83-9615-DB14FA25AF8A}" dt="2023-10-12T11:37:47.867" v="289"/>
          <ac:spMkLst>
            <pc:docMk/>
            <pc:sldMk cId="2376958513" sldId="260"/>
            <ac:spMk id="1862" creationId="{5A685989-E2B2-DCBE-E39F-899DAFE1D817}"/>
          </ac:spMkLst>
        </pc:spChg>
        <pc:spChg chg="mod">
          <ac:chgData name="White, Alex" userId="eff6cc8c-37d8-483b-9c6c-6b27e9afa9bc" providerId="ADAL" clId="{BF04C754-5BF4-4E83-9615-DB14FA25AF8A}" dt="2023-10-12T11:37:47.867" v="289"/>
          <ac:spMkLst>
            <pc:docMk/>
            <pc:sldMk cId="2376958513" sldId="260"/>
            <ac:spMk id="1863" creationId="{6B6B2528-6A59-428E-31A2-C70430E28FAC}"/>
          </ac:spMkLst>
        </pc:spChg>
        <pc:spChg chg="mod">
          <ac:chgData name="White, Alex" userId="eff6cc8c-37d8-483b-9c6c-6b27e9afa9bc" providerId="ADAL" clId="{BF04C754-5BF4-4E83-9615-DB14FA25AF8A}" dt="2023-10-12T11:37:47.867" v="289"/>
          <ac:spMkLst>
            <pc:docMk/>
            <pc:sldMk cId="2376958513" sldId="260"/>
            <ac:spMk id="1864" creationId="{F113724F-F880-DF53-7DD9-19FD0C7C6E28}"/>
          </ac:spMkLst>
        </pc:spChg>
        <pc:spChg chg="mod">
          <ac:chgData name="White, Alex" userId="eff6cc8c-37d8-483b-9c6c-6b27e9afa9bc" providerId="ADAL" clId="{BF04C754-5BF4-4E83-9615-DB14FA25AF8A}" dt="2023-10-12T11:37:47.867" v="289"/>
          <ac:spMkLst>
            <pc:docMk/>
            <pc:sldMk cId="2376958513" sldId="260"/>
            <ac:spMk id="1865" creationId="{26398886-D12A-21FF-BD8F-8D7D7D319452}"/>
          </ac:spMkLst>
        </pc:spChg>
        <pc:spChg chg="mod">
          <ac:chgData name="White, Alex" userId="eff6cc8c-37d8-483b-9c6c-6b27e9afa9bc" providerId="ADAL" clId="{BF04C754-5BF4-4E83-9615-DB14FA25AF8A}" dt="2023-10-12T11:37:47.867" v="289"/>
          <ac:spMkLst>
            <pc:docMk/>
            <pc:sldMk cId="2376958513" sldId="260"/>
            <ac:spMk id="1866" creationId="{2EC51270-05F2-8A1E-83C3-116C82D77943}"/>
          </ac:spMkLst>
        </pc:spChg>
        <pc:spChg chg="mod">
          <ac:chgData name="White, Alex" userId="eff6cc8c-37d8-483b-9c6c-6b27e9afa9bc" providerId="ADAL" clId="{BF04C754-5BF4-4E83-9615-DB14FA25AF8A}" dt="2023-10-12T11:37:47.867" v="289"/>
          <ac:spMkLst>
            <pc:docMk/>
            <pc:sldMk cId="2376958513" sldId="260"/>
            <ac:spMk id="1867" creationId="{B60089FA-7067-A8B5-50B6-DC3685281EE6}"/>
          </ac:spMkLst>
        </pc:spChg>
        <pc:spChg chg="mod">
          <ac:chgData name="White, Alex" userId="eff6cc8c-37d8-483b-9c6c-6b27e9afa9bc" providerId="ADAL" clId="{BF04C754-5BF4-4E83-9615-DB14FA25AF8A}" dt="2023-10-12T11:37:47.867" v="289"/>
          <ac:spMkLst>
            <pc:docMk/>
            <pc:sldMk cId="2376958513" sldId="260"/>
            <ac:spMk id="1868" creationId="{CD745055-772D-8DC1-74EC-B88E0F134A5D}"/>
          </ac:spMkLst>
        </pc:spChg>
        <pc:spChg chg="mod">
          <ac:chgData name="White, Alex" userId="eff6cc8c-37d8-483b-9c6c-6b27e9afa9bc" providerId="ADAL" clId="{BF04C754-5BF4-4E83-9615-DB14FA25AF8A}" dt="2023-10-12T11:37:47.867" v="289"/>
          <ac:spMkLst>
            <pc:docMk/>
            <pc:sldMk cId="2376958513" sldId="260"/>
            <ac:spMk id="1869" creationId="{F5344F7B-C5F4-2C8F-0651-35B5546A4C55}"/>
          </ac:spMkLst>
        </pc:spChg>
        <pc:spChg chg="mod">
          <ac:chgData name="White, Alex" userId="eff6cc8c-37d8-483b-9c6c-6b27e9afa9bc" providerId="ADAL" clId="{BF04C754-5BF4-4E83-9615-DB14FA25AF8A}" dt="2023-10-12T11:37:47.867" v="289"/>
          <ac:spMkLst>
            <pc:docMk/>
            <pc:sldMk cId="2376958513" sldId="260"/>
            <ac:spMk id="1870" creationId="{25CB5126-8754-68D4-C2BA-7393B65C1D10}"/>
          </ac:spMkLst>
        </pc:spChg>
        <pc:spChg chg="mod">
          <ac:chgData name="White, Alex" userId="eff6cc8c-37d8-483b-9c6c-6b27e9afa9bc" providerId="ADAL" clId="{BF04C754-5BF4-4E83-9615-DB14FA25AF8A}" dt="2023-10-12T11:37:47.867" v="289"/>
          <ac:spMkLst>
            <pc:docMk/>
            <pc:sldMk cId="2376958513" sldId="260"/>
            <ac:spMk id="1871" creationId="{C942C9B1-5D1C-2970-6A00-CA60871BD3FA}"/>
          </ac:spMkLst>
        </pc:spChg>
        <pc:spChg chg="mod">
          <ac:chgData name="White, Alex" userId="eff6cc8c-37d8-483b-9c6c-6b27e9afa9bc" providerId="ADAL" clId="{BF04C754-5BF4-4E83-9615-DB14FA25AF8A}" dt="2023-10-12T11:37:47.867" v="289"/>
          <ac:spMkLst>
            <pc:docMk/>
            <pc:sldMk cId="2376958513" sldId="260"/>
            <ac:spMk id="1872" creationId="{DCDE3DEB-A5A3-2EE8-8F0F-22E1CAD1C271}"/>
          </ac:spMkLst>
        </pc:spChg>
        <pc:spChg chg="mod">
          <ac:chgData name="White, Alex" userId="eff6cc8c-37d8-483b-9c6c-6b27e9afa9bc" providerId="ADAL" clId="{BF04C754-5BF4-4E83-9615-DB14FA25AF8A}" dt="2023-10-12T11:37:47.867" v="289"/>
          <ac:spMkLst>
            <pc:docMk/>
            <pc:sldMk cId="2376958513" sldId="260"/>
            <ac:spMk id="1873" creationId="{682496FF-DC80-C74A-1B44-77F6E759CDB1}"/>
          </ac:spMkLst>
        </pc:spChg>
        <pc:spChg chg="mod">
          <ac:chgData name="White, Alex" userId="eff6cc8c-37d8-483b-9c6c-6b27e9afa9bc" providerId="ADAL" clId="{BF04C754-5BF4-4E83-9615-DB14FA25AF8A}" dt="2023-10-12T11:37:47.867" v="289"/>
          <ac:spMkLst>
            <pc:docMk/>
            <pc:sldMk cId="2376958513" sldId="260"/>
            <ac:spMk id="1874" creationId="{D5AB9E25-1B94-99E7-738E-AE9DC606D007}"/>
          </ac:spMkLst>
        </pc:spChg>
        <pc:spChg chg="mod">
          <ac:chgData name="White, Alex" userId="eff6cc8c-37d8-483b-9c6c-6b27e9afa9bc" providerId="ADAL" clId="{BF04C754-5BF4-4E83-9615-DB14FA25AF8A}" dt="2023-10-12T11:37:47.867" v="289"/>
          <ac:spMkLst>
            <pc:docMk/>
            <pc:sldMk cId="2376958513" sldId="260"/>
            <ac:spMk id="1875" creationId="{A6873FE1-B4C5-F7BF-7373-25DCFFF52343}"/>
          </ac:spMkLst>
        </pc:spChg>
        <pc:spChg chg="mod">
          <ac:chgData name="White, Alex" userId="eff6cc8c-37d8-483b-9c6c-6b27e9afa9bc" providerId="ADAL" clId="{BF04C754-5BF4-4E83-9615-DB14FA25AF8A}" dt="2023-10-12T11:37:47.867" v="289"/>
          <ac:spMkLst>
            <pc:docMk/>
            <pc:sldMk cId="2376958513" sldId="260"/>
            <ac:spMk id="1876" creationId="{04607960-0018-6BD9-9A8B-8C3A812E9D63}"/>
          </ac:spMkLst>
        </pc:spChg>
        <pc:spChg chg="mod">
          <ac:chgData name="White, Alex" userId="eff6cc8c-37d8-483b-9c6c-6b27e9afa9bc" providerId="ADAL" clId="{BF04C754-5BF4-4E83-9615-DB14FA25AF8A}" dt="2023-10-12T11:37:47.867" v="289"/>
          <ac:spMkLst>
            <pc:docMk/>
            <pc:sldMk cId="2376958513" sldId="260"/>
            <ac:spMk id="1877" creationId="{EED0A211-B6BA-6044-8F99-502B7E477F62}"/>
          </ac:spMkLst>
        </pc:spChg>
        <pc:spChg chg="mod">
          <ac:chgData name="White, Alex" userId="eff6cc8c-37d8-483b-9c6c-6b27e9afa9bc" providerId="ADAL" clId="{BF04C754-5BF4-4E83-9615-DB14FA25AF8A}" dt="2023-10-12T11:37:47.867" v="289"/>
          <ac:spMkLst>
            <pc:docMk/>
            <pc:sldMk cId="2376958513" sldId="260"/>
            <ac:spMk id="1878" creationId="{81BF495C-276F-7D9D-2813-2BBA30015033}"/>
          </ac:spMkLst>
        </pc:spChg>
        <pc:spChg chg="mod">
          <ac:chgData name="White, Alex" userId="eff6cc8c-37d8-483b-9c6c-6b27e9afa9bc" providerId="ADAL" clId="{BF04C754-5BF4-4E83-9615-DB14FA25AF8A}" dt="2023-10-12T11:37:47.867" v="289"/>
          <ac:spMkLst>
            <pc:docMk/>
            <pc:sldMk cId="2376958513" sldId="260"/>
            <ac:spMk id="1879" creationId="{8925D30B-E688-3EBA-2FA6-D27AFD3FD465}"/>
          </ac:spMkLst>
        </pc:spChg>
        <pc:spChg chg="mod">
          <ac:chgData name="White, Alex" userId="eff6cc8c-37d8-483b-9c6c-6b27e9afa9bc" providerId="ADAL" clId="{BF04C754-5BF4-4E83-9615-DB14FA25AF8A}" dt="2023-10-12T11:37:47.867" v="289"/>
          <ac:spMkLst>
            <pc:docMk/>
            <pc:sldMk cId="2376958513" sldId="260"/>
            <ac:spMk id="1880" creationId="{A8912143-FD04-C8B0-FE08-551077F3D19F}"/>
          </ac:spMkLst>
        </pc:spChg>
        <pc:spChg chg="mod">
          <ac:chgData name="White, Alex" userId="eff6cc8c-37d8-483b-9c6c-6b27e9afa9bc" providerId="ADAL" clId="{BF04C754-5BF4-4E83-9615-DB14FA25AF8A}" dt="2023-10-12T11:37:47.867" v="289"/>
          <ac:spMkLst>
            <pc:docMk/>
            <pc:sldMk cId="2376958513" sldId="260"/>
            <ac:spMk id="1881" creationId="{F11E8EB1-7523-3B35-F8C0-6C8FA04463C4}"/>
          </ac:spMkLst>
        </pc:spChg>
        <pc:spChg chg="mod">
          <ac:chgData name="White, Alex" userId="eff6cc8c-37d8-483b-9c6c-6b27e9afa9bc" providerId="ADAL" clId="{BF04C754-5BF4-4E83-9615-DB14FA25AF8A}" dt="2023-10-12T11:37:47.867" v="289"/>
          <ac:spMkLst>
            <pc:docMk/>
            <pc:sldMk cId="2376958513" sldId="260"/>
            <ac:spMk id="1882" creationId="{EA2B6351-BF7D-AC40-77AC-52FB0094FF62}"/>
          </ac:spMkLst>
        </pc:spChg>
        <pc:spChg chg="mod">
          <ac:chgData name="White, Alex" userId="eff6cc8c-37d8-483b-9c6c-6b27e9afa9bc" providerId="ADAL" clId="{BF04C754-5BF4-4E83-9615-DB14FA25AF8A}" dt="2023-10-12T11:37:47.867" v="289"/>
          <ac:spMkLst>
            <pc:docMk/>
            <pc:sldMk cId="2376958513" sldId="260"/>
            <ac:spMk id="1883" creationId="{84185B48-E090-B0E4-ABA0-F842F8B9A913}"/>
          </ac:spMkLst>
        </pc:spChg>
        <pc:spChg chg="mod">
          <ac:chgData name="White, Alex" userId="eff6cc8c-37d8-483b-9c6c-6b27e9afa9bc" providerId="ADAL" clId="{BF04C754-5BF4-4E83-9615-DB14FA25AF8A}" dt="2023-10-12T11:37:47.867" v="289"/>
          <ac:spMkLst>
            <pc:docMk/>
            <pc:sldMk cId="2376958513" sldId="260"/>
            <ac:spMk id="1884" creationId="{B9DA4EE9-D066-5198-62A8-D4D5859FA607}"/>
          </ac:spMkLst>
        </pc:spChg>
        <pc:spChg chg="mod">
          <ac:chgData name="White, Alex" userId="eff6cc8c-37d8-483b-9c6c-6b27e9afa9bc" providerId="ADAL" clId="{BF04C754-5BF4-4E83-9615-DB14FA25AF8A}" dt="2023-10-12T11:37:47.867" v="289"/>
          <ac:spMkLst>
            <pc:docMk/>
            <pc:sldMk cId="2376958513" sldId="260"/>
            <ac:spMk id="1885" creationId="{F26713FD-6887-015E-0815-C98635DCCF7B}"/>
          </ac:spMkLst>
        </pc:spChg>
        <pc:spChg chg="mod">
          <ac:chgData name="White, Alex" userId="eff6cc8c-37d8-483b-9c6c-6b27e9afa9bc" providerId="ADAL" clId="{BF04C754-5BF4-4E83-9615-DB14FA25AF8A}" dt="2023-10-12T11:37:47.867" v="289"/>
          <ac:spMkLst>
            <pc:docMk/>
            <pc:sldMk cId="2376958513" sldId="260"/>
            <ac:spMk id="1886" creationId="{4CDAD7F2-23C4-A29A-6F72-6D2D1957C442}"/>
          </ac:spMkLst>
        </pc:spChg>
        <pc:spChg chg="mod">
          <ac:chgData name="White, Alex" userId="eff6cc8c-37d8-483b-9c6c-6b27e9afa9bc" providerId="ADAL" clId="{BF04C754-5BF4-4E83-9615-DB14FA25AF8A}" dt="2023-10-12T11:37:47.867" v="289"/>
          <ac:spMkLst>
            <pc:docMk/>
            <pc:sldMk cId="2376958513" sldId="260"/>
            <ac:spMk id="1887" creationId="{F26F7909-59D7-F4E2-09D2-4F58C7FC954D}"/>
          </ac:spMkLst>
        </pc:spChg>
        <pc:spChg chg="mod">
          <ac:chgData name="White, Alex" userId="eff6cc8c-37d8-483b-9c6c-6b27e9afa9bc" providerId="ADAL" clId="{BF04C754-5BF4-4E83-9615-DB14FA25AF8A}" dt="2023-10-12T11:37:47.867" v="289"/>
          <ac:spMkLst>
            <pc:docMk/>
            <pc:sldMk cId="2376958513" sldId="260"/>
            <ac:spMk id="1888" creationId="{D4C8795E-5F16-383C-4747-BBF725E51DC0}"/>
          </ac:spMkLst>
        </pc:spChg>
        <pc:spChg chg="mod">
          <ac:chgData name="White, Alex" userId="eff6cc8c-37d8-483b-9c6c-6b27e9afa9bc" providerId="ADAL" clId="{BF04C754-5BF4-4E83-9615-DB14FA25AF8A}" dt="2023-10-12T11:37:47.867" v="289"/>
          <ac:spMkLst>
            <pc:docMk/>
            <pc:sldMk cId="2376958513" sldId="260"/>
            <ac:spMk id="1889" creationId="{D5EBDC8A-9F33-8C12-7171-B8DA1F53F846}"/>
          </ac:spMkLst>
        </pc:spChg>
        <pc:spChg chg="mod">
          <ac:chgData name="White, Alex" userId="eff6cc8c-37d8-483b-9c6c-6b27e9afa9bc" providerId="ADAL" clId="{BF04C754-5BF4-4E83-9615-DB14FA25AF8A}" dt="2023-10-12T11:37:47.867" v="289"/>
          <ac:spMkLst>
            <pc:docMk/>
            <pc:sldMk cId="2376958513" sldId="260"/>
            <ac:spMk id="1890" creationId="{002A5E52-C25F-2700-EAD1-81DEF1B46D9C}"/>
          </ac:spMkLst>
        </pc:spChg>
        <pc:spChg chg="mod">
          <ac:chgData name="White, Alex" userId="eff6cc8c-37d8-483b-9c6c-6b27e9afa9bc" providerId="ADAL" clId="{BF04C754-5BF4-4E83-9615-DB14FA25AF8A}" dt="2023-10-12T11:37:47.867" v="289"/>
          <ac:spMkLst>
            <pc:docMk/>
            <pc:sldMk cId="2376958513" sldId="260"/>
            <ac:spMk id="1891" creationId="{2711D1EC-110E-78B4-679D-4507DEE97853}"/>
          </ac:spMkLst>
        </pc:spChg>
        <pc:spChg chg="mod">
          <ac:chgData name="White, Alex" userId="eff6cc8c-37d8-483b-9c6c-6b27e9afa9bc" providerId="ADAL" clId="{BF04C754-5BF4-4E83-9615-DB14FA25AF8A}" dt="2023-10-12T11:37:47.867" v="289"/>
          <ac:spMkLst>
            <pc:docMk/>
            <pc:sldMk cId="2376958513" sldId="260"/>
            <ac:spMk id="1892" creationId="{17CF930C-A452-9129-4250-897ACA032D13}"/>
          </ac:spMkLst>
        </pc:spChg>
        <pc:spChg chg="mod">
          <ac:chgData name="White, Alex" userId="eff6cc8c-37d8-483b-9c6c-6b27e9afa9bc" providerId="ADAL" clId="{BF04C754-5BF4-4E83-9615-DB14FA25AF8A}" dt="2023-10-12T11:37:47.867" v="289"/>
          <ac:spMkLst>
            <pc:docMk/>
            <pc:sldMk cId="2376958513" sldId="260"/>
            <ac:spMk id="1893" creationId="{22E73CDE-EE94-77BF-0C4C-7F5A8A812EC4}"/>
          </ac:spMkLst>
        </pc:spChg>
        <pc:spChg chg="mod">
          <ac:chgData name="White, Alex" userId="eff6cc8c-37d8-483b-9c6c-6b27e9afa9bc" providerId="ADAL" clId="{BF04C754-5BF4-4E83-9615-DB14FA25AF8A}" dt="2023-10-12T11:37:47.867" v="289"/>
          <ac:spMkLst>
            <pc:docMk/>
            <pc:sldMk cId="2376958513" sldId="260"/>
            <ac:spMk id="1894" creationId="{A3A92BD0-0C7A-02BA-43C2-199B938C107B}"/>
          </ac:spMkLst>
        </pc:spChg>
        <pc:spChg chg="mod">
          <ac:chgData name="White, Alex" userId="eff6cc8c-37d8-483b-9c6c-6b27e9afa9bc" providerId="ADAL" clId="{BF04C754-5BF4-4E83-9615-DB14FA25AF8A}" dt="2023-10-12T11:37:47.867" v="289"/>
          <ac:spMkLst>
            <pc:docMk/>
            <pc:sldMk cId="2376958513" sldId="260"/>
            <ac:spMk id="1895" creationId="{51F2320E-F6FB-0939-02D1-1B40CE26F17C}"/>
          </ac:spMkLst>
        </pc:spChg>
        <pc:spChg chg="mod">
          <ac:chgData name="White, Alex" userId="eff6cc8c-37d8-483b-9c6c-6b27e9afa9bc" providerId="ADAL" clId="{BF04C754-5BF4-4E83-9615-DB14FA25AF8A}" dt="2023-10-12T11:37:47.867" v="289"/>
          <ac:spMkLst>
            <pc:docMk/>
            <pc:sldMk cId="2376958513" sldId="260"/>
            <ac:spMk id="1896" creationId="{827E8D74-8719-A7EA-6F49-05AD16DD99F0}"/>
          </ac:spMkLst>
        </pc:spChg>
        <pc:spChg chg="mod">
          <ac:chgData name="White, Alex" userId="eff6cc8c-37d8-483b-9c6c-6b27e9afa9bc" providerId="ADAL" clId="{BF04C754-5BF4-4E83-9615-DB14FA25AF8A}" dt="2023-10-12T11:37:47.867" v="289"/>
          <ac:spMkLst>
            <pc:docMk/>
            <pc:sldMk cId="2376958513" sldId="260"/>
            <ac:spMk id="1897" creationId="{ABDCB312-CD78-CF27-2C0B-5BA283CA557E}"/>
          </ac:spMkLst>
        </pc:spChg>
        <pc:spChg chg="mod">
          <ac:chgData name="White, Alex" userId="eff6cc8c-37d8-483b-9c6c-6b27e9afa9bc" providerId="ADAL" clId="{BF04C754-5BF4-4E83-9615-DB14FA25AF8A}" dt="2023-10-12T11:37:47.867" v="289"/>
          <ac:spMkLst>
            <pc:docMk/>
            <pc:sldMk cId="2376958513" sldId="260"/>
            <ac:spMk id="1898" creationId="{89AF88D4-C1F8-C814-FEE1-CBF4986082DD}"/>
          </ac:spMkLst>
        </pc:spChg>
        <pc:spChg chg="mod">
          <ac:chgData name="White, Alex" userId="eff6cc8c-37d8-483b-9c6c-6b27e9afa9bc" providerId="ADAL" clId="{BF04C754-5BF4-4E83-9615-DB14FA25AF8A}" dt="2023-10-12T11:37:47.867" v="289"/>
          <ac:spMkLst>
            <pc:docMk/>
            <pc:sldMk cId="2376958513" sldId="260"/>
            <ac:spMk id="1899" creationId="{29DFB71C-E7D4-9394-58A1-2A159897F98C}"/>
          </ac:spMkLst>
        </pc:spChg>
        <pc:spChg chg="mod">
          <ac:chgData name="White, Alex" userId="eff6cc8c-37d8-483b-9c6c-6b27e9afa9bc" providerId="ADAL" clId="{BF04C754-5BF4-4E83-9615-DB14FA25AF8A}" dt="2023-10-12T11:37:47.867" v="289"/>
          <ac:spMkLst>
            <pc:docMk/>
            <pc:sldMk cId="2376958513" sldId="260"/>
            <ac:spMk id="1900" creationId="{A0BA135E-7440-9012-EACA-7E0D7A540547}"/>
          </ac:spMkLst>
        </pc:spChg>
        <pc:spChg chg="mod">
          <ac:chgData name="White, Alex" userId="eff6cc8c-37d8-483b-9c6c-6b27e9afa9bc" providerId="ADAL" clId="{BF04C754-5BF4-4E83-9615-DB14FA25AF8A}" dt="2023-10-12T11:37:47.867" v="289"/>
          <ac:spMkLst>
            <pc:docMk/>
            <pc:sldMk cId="2376958513" sldId="260"/>
            <ac:spMk id="1901" creationId="{3679134B-3980-1C40-0B65-BE35145C1986}"/>
          </ac:spMkLst>
        </pc:spChg>
        <pc:spChg chg="mod">
          <ac:chgData name="White, Alex" userId="eff6cc8c-37d8-483b-9c6c-6b27e9afa9bc" providerId="ADAL" clId="{BF04C754-5BF4-4E83-9615-DB14FA25AF8A}" dt="2023-10-12T11:37:47.867" v="289"/>
          <ac:spMkLst>
            <pc:docMk/>
            <pc:sldMk cId="2376958513" sldId="260"/>
            <ac:spMk id="1902" creationId="{84649B22-9089-4DBC-D8AB-642A84971748}"/>
          </ac:spMkLst>
        </pc:spChg>
        <pc:spChg chg="mod">
          <ac:chgData name="White, Alex" userId="eff6cc8c-37d8-483b-9c6c-6b27e9afa9bc" providerId="ADAL" clId="{BF04C754-5BF4-4E83-9615-DB14FA25AF8A}" dt="2023-10-12T11:37:47.867" v="289"/>
          <ac:spMkLst>
            <pc:docMk/>
            <pc:sldMk cId="2376958513" sldId="260"/>
            <ac:spMk id="1903" creationId="{34891B04-6261-05AF-491C-30BBFFA00605}"/>
          </ac:spMkLst>
        </pc:spChg>
        <pc:spChg chg="mod">
          <ac:chgData name="White, Alex" userId="eff6cc8c-37d8-483b-9c6c-6b27e9afa9bc" providerId="ADAL" clId="{BF04C754-5BF4-4E83-9615-DB14FA25AF8A}" dt="2023-10-12T11:37:47.867" v="289"/>
          <ac:spMkLst>
            <pc:docMk/>
            <pc:sldMk cId="2376958513" sldId="260"/>
            <ac:spMk id="1904" creationId="{1ABA0976-9995-939A-0C89-F0250A536FB8}"/>
          </ac:spMkLst>
        </pc:spChg>
        <pc:spChg chg="mod">
          <ac:chgData name="White, Alex" userId="eff6cc8c-37d8-483b-9c6c-6b27e9afa9bc" providerId="ADAL" clId="{BF04C754-5BF4-4E83-9615-DB14FA25AF8A}" dt="2023-10-12T11:37:47.867" v="289"/>
          <ac:spMkLst>
            <pc:docMk/>
            <pc:sldMk cId="2376958513" sldId="260"/>
            <ac:spMk id="1905" creationId="{CC311A93-7BFB-D2B9-D391-E3B7B991EDAF}"/>
          </ac:spMkLst>
        </pc:spChg>
        <pc:spChg chg="mod">
          <ac:chgData name="White, Alex" userId="eff6cc8c-37d8-483b-9c6c-6b27e9afa9bc" providerId="ADAL" clId="{BF04C754-5BF4-4E83-9615-DB14FA25AF8A}" dt="2023-10-12T11:37:47.867" v="289"/>
          <ac:spMkLst>
            <pc:docMk/>
            <pc:sldMk cId="2376958513" sldId="260"/>
            <ac:spMk id="1906" creationId="{F21D1C04-62D5-139A-F005-79A1DD7B6563}"/>
          </ac:spMkLst>
        </pc:spChg>
        <pc:spChg chg="mod">
          <ac:chgData name="White, Alex" userId="eff6cc8c-37d8-483b-9c6c-6b27e9afa9bc" providerId="ADAL" clId="{BF04C754-5BF4-4E83-9615-DB14FA25AF8A}" dt="2023-10-12T11:37:47.867" v="289"/>
          <ac:spMkLst>
            <pc:docMk/>
            <pc:sldMk cId="2376958513" sldId="260"/>
            <ac:spMk id="1907" creationId="{5C4FB100-AE75-40F7-2D86-08BBC66F9469}"/>
          </ac:spMkLst>
        </pc:spChg>
        <pc:spChg chg="mod">
          <ac:chgData name="White, Alex" userId="eff6cc8c-37d8-483b-9c6c-6b27e9afa9bc" providerId="ADAL" clId="{BF04C754-5BF4-4E83-9615-DB14FA25AF8A}" dt="2023-10-12T11:37:47.867" v="289"/>
          <ac:spMkLst>
            <pc:docMk/>
            <pc:sldMk cId="2376958513" sldId="260"/>
            <ac:spMk id="1908" creationId="{65082D9A-36B5-60A3-A320-2F2565EA5054}"/>
          </ac:spMkLst>
        </pc:spChg>
        <pc:spChg chg="mod">
          <ac:chgData name="White, Alex" userId="eff6cc8c-37d8-483b-9c6c-6b27e9afa9bc" providerId="ADAL" clId="{BF04C754-5BF4-4E83-9615-DB14FA25AF8A}" dt="2023-10-12T11:37:47.867" v="289"/>
          <ac:spMkLst>
            <pc:docMk/>
            <pc:sldMk cId="2376958513" sldId="260"/>
            <ac:spMk id="1909" creationId="{A607E53B-DA23-6F16-9311-6E8CA8E2E288}"/>
          </ac:spMkLst>
        </pc:spChg>
        <pc:spChg chg="mod">
          <ac:chgData name="White, Alex" userId="eff6cc8c-37d8-483b-9c6c-6b27e9afa9bc" providerId="ADAL" clId="{BF04C754-5BF4-4E83-9615-DB14FA25AF8A}" dt="2023-10-12T11:37:47.867" v="289"/>
          <ac:spMkLst>
            <pc:docMk/>
            <pc:sldMk cId="2376958513" sldId="260"/>
            <ac:spMk id="1910" creationId="{50D78323-6B36-6B49-1AD7-823CBA1C7E16}"/>
          </ac:spMkLst>
        </pc:spChg>
        <pc:spChg chg="mod">
          <ac:chgData name="White, Alex" userId="eff6cc8c-37d8-483b-9c6c-6b27e9afa9bc" providerId="ADAL" clId="{BF04C754-5BF4-4E83-9615-DB14FA25AF8A}" dt="2023-10-12T11:37:47.867" v="289"/>
          <ac:spMkLst>
            <pc:docMk/>
            <pc:sldMk cId="2376958513" sldId="260"/>
            <ac:spMk id="1911" creationId="{7218C4B3-3B2C-2FA0-7529-7204B24C739D}"/>
          </ac:spMkLst>
        </pc:spChg>
        <pc:spChg chg="mod">
          <ac:chgData name="White, Alex" userId="eff6cc8c-37d8-483b-9c6c-6b27e9afa9bc" providerId="ADAL" clId="{BF04C754-5BF4-4E83-9615-DB14FA25AF8A}" dt="2023-10-12T11:37:47.867" v="289"/>
          <ac:spMkLst>
            <pc:docMk/>
            <pc:sldMk cId="2376958513" sldId="260"/>
            <ac:spMk id="1912" creationId="{2225C06E-B3B0-D3F5-4F4A-BB256CD2D96E}"/>
          </ac:spMkLst>
        </pc:spChg>
        <pc:spChg chg="mod">
          <ac:chgData name="White, Alex" userId="eff6cc8c-37d8-483b-9c6c-6b27e9afa9bc" providerId="ADAL" clId="{BF04C754-5BF4-4E83-9615-DB14FA25AF8A}" dt="2023-10-12T11:37:47.867" v="289"/>
          <ac:spMkLst>
            <pc:docMk/>
            <pc:sldMk cId="2376958513" sldId="260"/>
            <ac:spMk id="1913" creationId="{803EDA4D-40E6-F644-C645-433A90FA2A68}"/>
          </ac:spMkLst>
        </pc:spChg>
        <pc:spChg chg="mod">
          <ac:chgData name="White, Alex" userId="eff6cc8c-37d8-483b-9c6c-6b27e9afa9bc" providerId="ADAL" clId="{BF04C754-5BF4-4E83-9615-DB14FA25AF8A}" dt="2023-10-12T11:37:47.867" v="289"/>
          <ac:spMkLst>
            <pc:docMk/>
            <pc:sldMk cId="2376958513" sldId="260"/>
            <ac:spMk id="1914" creationId="{26338852-96A0-43C2-8541-B67CB36EEEC2}"/>
          </ac:spMkLst>
        </pc:spChg>
        <pc:spChg chg="mod">
          <ac:chgData name="White, Alex" userId="eff6cc8c-37d8-483b-9c6c-6b27e9afa9bc" providerId="ADAL" clId="{BF04C754-5BF4-4E83-9615-DB14FA25AF8A}" dt="2023-10-12T11:37:47.867" v="289"/>
          <ac:spMkLst>
            <pc:docMk/>
            <pc:sldMk cId="2376958513" sldId="260"/>
            <ac:spMk id="1915" creationId="{7BD6A498-2711-25E3-1789-A8F3AC3C3F99}"/>
          </ac:spMkLst>
        </pc:spChg>
        <pc:spChg chg="mod">
          <ac:chgData name="White, Alex" userId="eff6cc8c-37d8-483b-9c6c-6b27e9afa9bc" providerId="ADAL" clId="{BF04C754-5BF4-4E83-9615-DB14FA25AF8A}" dt="2023-10-12T11:37:47.867" v="289"/>
          <ac:spMkLst>
            <pc:docMk/>
            <pc:sldMk cId="2376958513" sldId="260"/>
            <ac:spMk id="1916" creationId="{EEAB48E9-9C1D-99EC-D62E-C317D7007C5C}"/>
          </ac:spMkLst>
        </pc:spChg>
        <pc:spChg chg="mod">
          <ac:chgData name="White, Alex" userId="eff6cc8c-37d8-483b-9c6c-6b27e9afa9bc" providerId="ADAL" clId="{BF04C754-5BF4-4E83-9615-DB14FA25AF8A}" dt="2023-10-12T11:37:47.867" v="289"/>
          <ac:spMkLst>
            <pc:docMk/>
            <pc:sldMk cId="2376958513" sldId="260"/>
            <ac:spMk id="1917" creationId="{643D8905-388F-F88D-4C87-E35409F8F63D}"/>
          </ac:spMkLst>
        </pc:spChg>
        <pc:spChg chg="mod">
          <ac:chgData name="White, Alex" userId="eff6cc8c-37d8-483b-9c6c-6b27e9afa9bc" providerId="ADAL" clId="{BF04C754-5BF4-4E83-9615-DB14FA25AF8A}" dt="2023-10-12T11:37:47.867" v="289"/>
          <ac:spMkLst>
            <pc:docMk/>
            <pc:sldMk cId="2376958513" sldId="260"/>
            <ac:spMk id="1918" creationId="{58B1D3FA-1A6B-0375-180A-6C6D22620892}"/>
          </ac:spMkLst>
        </pc:spChg>
        <pc:spChg chg="mod">
          <ac:chgData name="White, Alex" userId="eff6cc8c-37d8-483b-9c6c-6b27e9afa9bc" providerId="ADAL" clId="{BF04C754-5BF4-4E83-9615-DB14FA25AF8A}" dt="2023-10-12T11:37:47.867" v="289"/>
          <ac:spMkLst>
            <pc:docMk/>
            <pc:sldMk cId="2376958513" sldId="260"/>
            <ac:spMk id="1919" creationId="{C44C53F0-F1C9-AD76-7AFA-F6BE8C235850}"/>
          </ac:spMkLst>
        </pc:spChg>
        <pc:spChg chg="mod">
          <ac:chgData name="White, Alex" userId="eff6cc8c-37d8-483b-9c6c-6b27e9afa9bc" providerId="ADAL" clId="{BF04C754-5BF4-4E83-9615-DB14FA25AF8A}" dt="2023-10-12T11:37:47.867" v="289"/>
          <ac:spMkLst>
            <pc:docMk/>
            <pc:sldMk cId="2376958513" sldId="260"/>
            <ac:spMk id="1920" creationId="{3A3AACF2-FBE6-4F26-9A1E-F819CBE5863A}"/>
          </ac:spMkLst>
        </pc:spChg>
        <pc:spChg chg="mod">
          <ac:chgData name="White, Alex" userId="eff6cc8c-37d8-483b-9c6c-6b27e9afa9bc" providerId="ADAL" clId="{BF04C754-5BF4-4E83-9615-DB14FA25AF8A}" dt="2023-10-12T11:37:47.867" v="289"/>
          <ac:spMkLst>
            <pc:docMk/>
            <pc:sldMk cId="2376958513" sldId="260"/>
            <ac:spMk id="1921" creationId="{E1674FC7-D231-2B9E-30F5-88BA9EA8C4B6}"/>
          </ac:spMkLst>
        </pc:spChg>
        <pc:spChg chg="mod">
          <ac:chgData name="White, Alex" userId="eff6cc8c-37d8-483b-9c6c-6b27e9afa9bc" providerId="ADAL" clId="{BF04C754-5BF4-4E83-9615-DB14FA25AF8A}" dt="2023-10-12T11:37:47.867" v="289"/>
          <ac:spMkLst>
            <pc:docMk/>
            <pc:sldMk cId="2376958513" sldId="260"/>
            <ac:spMk id="1922" creationId="{9339CE90-3F0B-4A73-B240-3C49822BB963}"/>
          </ac:spMkLst>
        </pc:spChg>
        <pc:spChg chg="mod">
          <ac:chgData name="White, Alex" userId="eff6cc8c-37d8-483b-9c6c-6b27e9afa9bc" providerId="ADAL" clId="{BF04C754-5BF4-4E83-9615-DB14FA25AF8A}" dt="2023-10-12T11:37:47.867" v="289"/>
          <ac:spMkLst>
            <pc:docMk/>
            <pc:sldMk cId="2376958513" sldId="260"/>
            <ac:spMk id="1923" creationId="{8043079F-80BB-3D75-5574-0808EEC0F0AF}"/>
          </ac:spMkLst>
        </pc:spChg>
        <pc:spChg chg="mod">
          <ac:chgData name="White, Alex" userId="eff6cc8c-37d8-483b-9c6c-6b27e9afa9bc" providerId="ADAL" clId="{BF04C754-5BF4-4E83-9615-DB14FA25AF8A}" dt="2023-10-12T11:37:47.867" v="289"/>
          <ac:spMkLst>
            <pc:docMk/>
            <pc:sldMk cId="2376958513" sldId="260"/>
            <ac:spMk id="1924" creationId="{28C8C125-0C6B-EAD2-327D-BC3F1ED63485}"/>
          </ac:spMkLst>
        </pc:spChg>
        <pc:spChg chg="mod">
          <ac:chgData name="White, Alex" userId="eff6cc8c-37d8-483b-9c6c-6b27e9afa9bc" providerId="ADAL" clId="{BF04C754-5BF4-4E83-9615-DB14FA25AF8A}" dt="2023-10-12T11:37:47.867" v="289"/>
          <ac:spMkLst>
            <pc:docMk/>
            <pc:sldMk cId="2376958513" sldId="260"/>
            <ac:spMk id="1925" creationId="{97F49785-D8A9-F8C6-FFC2-DBD7B31793EE}"/>
          </ac:spMkLst>
        </pc:spChg>
        <pc:spChg chg="mod">
          <ac:chgData name="White, Alex" userId="eff6cc8c-37d8-483b-9c6c-6b27e9afa9bc" providerId="ADAL" clId="{BF04C754-5BF4-4E83-9615-DB14FA25AF8A}" dt="2023-10-12T11:37:47.867" v="289"/>
          <ac:spMkLst>
            <pc:docMk/>
            <pc:sldMk cId="2376958513" sldId="260"/>
            <ac:spMk id="1926" creationId="{25FAFABA-14AB-CD42-6EFD-42B82DC403DD}"/>
          </ac:spMkLst>
        </pc:spChg>
        <pc:spChg chg="mod">
          <ac:chgData name="White, Alex" userId="eff6cc8c-37d8-483b-9c6c-6b27e9afa9bc" providerId="ADAL" clId="{BF04C754-5BF4-4E83-9615-DB14FA25AF8A}" dt="2023-10-12T11:37:47.867" v="289"/>
          <ac:spMkLst>
            <pc:docMk/>
            <pc:sldMk cId="2376958513" sldId="260"/>
            <ac:spMk id="1927" creationId="{690A9A32-5FEA-382A-8BE6-23864EDBC94B}"/>
          </ac:spMkLst>
        </pc:spChg>
        <pc:spChg chg="mod">
          <ac:chgData name="White, Alex" userId="eff6cc8c-37d8-483b-9c6c-6b27e9afa9bc" providerId="ADAL" clId="{BF04C754-5BF4-4E83-9615-DB14FA25AF8A}" dt="2023-10-12T11:37:47.867" v="289"/>
          <ac:spMkLst>
            <pc:docMk/>
            <pc:sldMk cId="2376958513" sldId="260"/>
            <ac:spMk id="1928" creationId="{E853BB71-1718-F77D-B96A-03CAA7A5794D}"/>
          </ac:spMkLst>
        </pc:spChg>
        <pc:spChg chg="mod">
          <ac:chgData name="White, Alex" userId="eff6cc8c-37d8-483b-9c6c-6b27e9afa9bc" providerId="ADAL" clId="{BF04C754-5BF4-4E83-9615-DB14FA25AF8A}" dt="2023-10-12T11:37:47.867" v="289"/>
          <ac:spMkLst>
            <pc:docMk/>
            <pc:sldMk cId="2376958513" sldId="260"/>
            <ac:spMk id="1929" creationId="{2DEAB585-E2E2-2BDE-D813-AC4837E180BE}"/>
          </ac:spMkLst>
        </pc:spChg>
        <pc:spChg chg="mod">
          <ac:chgData name="White, Alex" userId="eff6cc8c-37d8-483b-9c6c-6b27e9afa9bc" providerId="ADAL" clId="{BF04C754-5BF4-4E83-9615-DB14FA25AF8A}" dt="2023-10-12T11:37:47.867" v="289"/>
          <ac:spMkLst>
            <pc:docMk/>
            <pc:sldMk cId="2376958513" sldId="260"/>
            <ac:spMk id="1930" creationId="{DDBB9622-5D32-37EC-21C8-0F64CF9D6ADA}"/>
          </ac:spMkLst>
        </pc:spChg>
        <pc:spChg chg="mod">
          <ac:chgData name="White, Alex" userId="eff6cc8c-37d8-483b-9c6c-6b27e9afa9bc" providerId="ADAL" clId="{BF04C754-5BF4-4E83-9615-DB14FA25AF8A}" dt="2023-10-12T11:37:47.867" v="289"/>
          <ac:spMkLst>
            <pc:docMk/>
            <pc:sldMk cId="2376958513" sldId="260"/>
            <ac:spMk id="1931" creationId="{233BCEBB-1773-46BE-F2BF-762C6CE23FC0}"/>
          </ac:spMkLst>
        </pc:spChg>
        <pc:spChg chg="mod">
          <ac:chgData name="White, Alex" userId="eff6cc8c-37d8-483b-9c6c-6b27e9afa9bc" providerId="ADAL" clId="{BF04C754-5BF4-4E83-9615-DB14FA25AF8A}" dt="2023-10-12T11:37:47.867" v="289"/>
          <ac:spMkLst>
            <pc:docMk/>
            <pc:sldMk cId="2376958513" sldId="260"/>
            <ac:spMk id="1932" creationId="{43F18416-8510-9B9E-7328-0D177CCF44FB}"/>
          </ac:spMkLst>
        </pc:spChg>
        <pc:spChg chg="mod">
          <ac:chgData name="White, Alex" userId="eff6cc8c-37d8-483b-9c6c-6b27e9afa9bc" providerId="ADAL" clId="{BF04C754-5BF4-4E83-9615-DB14FA25AF8A}" dt="2023-10-12T11:37:47.867" v="289"/>
          <ac:spMkLst>
            <pc:docMk/>
            <pc:sldMk cId="2376958513" sldId="260"/>
            <ac:spMk id="1933" creationId="{93162949-458D-8B0D-D97E-475A43DA5840}"/>
          </ac:spMkLst>
        </pc:spChg>
        <pc:spChg chg="mod">
          <ac:chgData name="White, Alex" userId="eff6cc8c-37d8-483b-9c6c-6b27e9afa9bc" providerId="ADAL" clId="{BF04C754-5BF4-4E83-9615-DB14FA25AF8A}" dt="2023-10-12T11:37:47.867" v="289"/>
          <ac:spMkLst>
            <pc:docMk/>
            <pc:sldMk cId="2376958513" sldId="260"/>
            <ac:spMk id="1934" creationId="{7168F07D-8F84-66F7-2FAD-3DE85528A904}"/>
          </ac:spMkLst>
        </pc:spChg>
        <pc:spChg chg="mod">
          <ac:chgData name="White, Alex" userId="eff6cc8c-37d8-483b-9c6c-6b27e9afa9bc" providerId="ADAL" clId="{BF04C754-5BF4-4E83-9615-DB14FA25AF8A}" dt="2023-10-12T11:37:47.867" v="289"/>
          <ac:spMkLst>
            <pc:docMk/>
            <pc:sldMk cId="2376958513" sldId="260"/>
            <ac:spMk id="1935" creationId="{BB8AEA1A-0CC7-1366-CE50-2593E731C81C}"/>
          </ac:spMkLst>
        </pc:spChg>
        <pc:spChg chg="mod">
          <ac:chgData name="White, Alex" userId="eff6cc8c-37d8-483b-9c6c-6b27e9afa9bc" providerId="ADAL" clId="{BF04C754-5BF4-4E83-9615-DB14FA25AF8A}" dt="2023-10-12T11:37:47.867" v="289"/>
          <ac:spMkLst>
            <pc:docMk/>
            <pc:sldMk cId="2376958513" sldId="260"/>
            <ac:spMk id="1936" creationId="{0EF396E6-B94F-2384-E081-9236178C4AC9}"/>
          </ac:spMkLst>
        </pc:spChg>
        <pc:spChg chg="mod">
          <ac:chgData name="White, Alex" userId="eff6cc8c-37d8-483b-9c6c-6b27e9afa9bc" providerId="ADAL" clId="{BF04C754-5BF4-4E83-9615-DB14FA25AF8A}" dt="2023-10-12T11:37:47.867" v="289"/>
          <ac:spMkLst>
            <pc:docMk/>
            <pc:sldMk cId="2376958513" sldId="260"/>
            <ac:spMk id="1937" creationId="{CFD93FB6-7E40-9DEA-C944-60599D8E06E7}"/>
          </ac:spMkLst>
        </pc:spChg>
        <pc:spChg chg="mod">
          <ac:chgData name="White, Alex" userId="eff6cc8c-37d8-483b-9c6c-6b27e9afa9bc" providerId="ADAL" clId="{BF04C754-5BF4-4E83-9615-DB14FA25AF8A}" dt="2023-10-12T11:37:47.867" v="289"/>
          <ac:spMkLst>
            <pc:docMk/>
            <pc:sldMk cId="2376958513" sldId="260"/>
            <ac:spMk id="1938" creationId="{88ADD14C-15A1-A42A-20A0-10089CAEB135}"/>
          </ac:spMkLst>
        </pc:spChg>
        <pc:spChg chg="mod">
          <ac:chgData name="White, Alex" userId="eff6cc8c-37d8-483b-9c6c-6b27e9afa9bc" providerId="ADAL" clId="{BF04C754-5BF4-4E83-9615-DB14FA25AF8A}" dt="2023-10-12T11:37:47.867" v="289"/>
          <ac:spMkLst>
            <pc:docMk/>
            <pc:sldMk cId="2376958513" sldId="260"/>
            <ac:spMk id="1939" creationId="{680CA95D-C0C1-F870-2265-44C66A3FD142}"/>
          </ac:spMkLst>
        </pc:spChg>
        <pc:spChg chg="mod">
          <ac:chgData name="White, Alex" userId="eff6cc8c-37d8-483b-9c6c-6b27e9afa9bc" providerId="ADAL" clId="{BF04C754-5BF4-4E83-9615-DB14FA25AF8A}" dt="2023-10-12T11:37:47.867" v="289"/>
          <ac:spMkLst>
            <pc:docMk/>
            <pc:sldMk cId="2376958513" sldId="260"/>
            <ac:spMk id="1940" creationId="{671F7EAD-9A0A-E633-7291-DDFB506C5421}"/>
          </ac:spMkLst>
        </pc:spChg>
        <pc:spChg chg="mod">
          <ac:chgData name="White, Alex" userId="eff6cc8c-37d8-483b-9c6c-6b27e9afa9bc" providerId="ADAL" clId="{BF04C754-5BF4-4E83-9615-DB14FA25AF8A}" dt="2023-10-12T11:37:47.867" v="289"/>
          <ac:spMkLst>
            <pc:docMk/>
            <pc:sldMk cId="2376958513" sldId="260"/>
            <ac:spMk id="1941" creationId="{55750871-B0BB-92F0-6BEB-95AC9BD133FF}"/>
          </ac:spMkLst>
        </pc:spChg>
        <pc:spChg chg="mod">
          <ac:chgData name="White, Alex" userId="eff6cc8c-37d8-483b-9c6c-6b27e9afa9bc" providerId="ADAL" clId="{BF04C754-5BF4-4E83-9615-DB14FA25AF8A}" dt="2023-10-12T11:37:47.867" v="289"/>
          <ac:spMkLst>
            <pc:docMk/>
            <pc:sldMk cId="2376958513" sldId="260"/>
            <ac:spMk id="1942" creationId="{B217ED19-B1CD-B058-AB65-6B290F97928B}"/>
          </ac:spMkLst>
        </pc:spChg>
        <pc:spChg chg="mod">
          <ac:chgData name="White, Alex" userId="eff6cc8c-37d8-483b-9c6c-6b27e9afa9bc" providerId="ADAL" clId="{BF04C754-5BF4-4E83-9615-DB14FA25AF8A}" dt="2023-10-12T11:37:47.867" v="289"/>
          <ac:spMkLst>
            <pc:docMk/>
            <pc:sldMk cId="2376958513" sldId="260"/>
            <ac:spMk id="1943" creationId="{660ACF70-1675-966F-C40E-EF454D86BA2A}"/>
          </ac:spMkLst>
        </pc:spChg>
        <pc:spChg chg="mod">
          <ac:chgData name="White, Alex" userId="eff6cc8c-37d8-483b-9c6c-6b27e9afa9bc" providerId="ADAL" clId="{BF04C754-5BF4-4E83-9615-DB14FA25AF8A}" dt="2023-10-12T11:37:47.867" v="289"/>
          <ac:spMkLst>
            <pc:docMk/>
            <pc:sldMk cId="2376958513" sldId="260"/>
            <ac:spMk id="1944" creationId="{AC8DEAA2-D341-543F-B2E4-479CBEEE99FA}"/>
          </ac:spMkLst>
        </pc:spChg>
        <pc:spChg chg="mod">
          <ac:chgData name="White, Alex" userId="eff6cc8c-37d8-483b-9c6c-6b27e9afa9bc" providerId="ADAL" clId="{BF04C754-5BF4-4E83-9615-DB14FA25AF8A}" dt="2023-10-12T11:37:47.867" v="289"/>
          <ac:spMkLst>
            <pc:docMk/>
            <pc:sldMk cId="2376958513" sldId="260"/>
            <ac:spMk id="1945" creationId="{9DF17422-E6C4-D67F-F208-040DDDFD07D0}"/>
          </ac:spMkLst>
        </pc:spChg>
        <pc:spChg chg="mod">
          <ac:chgData name="White, Alex" userId="eff6cc8c-37d8-483b-9c6c-6b27e9afa9bc" providerId="ADAL" clId="{BF04C754-5BF4-4E83-9615-DB14FA25AF8A}" dt="2023-10-12T11:37:47.867" v="289"/>
          <ac:spMkLst>
            <pc:docMk/>
            <pc:sldMk cId="2376958513" sldId="260"/>
            <ac:spMk id="1946" creationId="{F311B9C2-3FD8-2091-59F2-1FD22AA1CA7C}"/>
          </ac:spMkLst>
        </pc:spChg>
        <pc:spChg chg="mod">
          <ac:chgData name="White, Alex" userId="eff6cc8c-37d8-483b-9c6c-6b27e9afa9bc" providerId="ADAL" clId="{BF04C754-5BF4-4E83-9615-DB14FA25AF8A}" dt="2023-10-12T11:37:47.867" v="289"/>
          <ac:spMkLst>
            <pc:docMk/>
            <pc:sldMk cId="2376958513" sldId="260"/>
            <ac:spMk id="1947" creationId="{353B40FD-35CD-7C08-413A-EA22F18B7348}"/>
          </ac:spMkLst>
        </pc:spChg>
        <pc:spChg chg="mod">
          <ac:chgData name="White, Alex" userId="eff6cc8c-37d8-483b-9c6c-6b27e9afa9bc" providerId="ADAL" clId="{BF04C754-5BF4-4E83-9615-DB14FA25AF8A}" dt="2023-10-12T11:37:47.867" v="289"/>
          <ac:spMkLst>
            <pc:docMk/>
            <pc:sldMk cId="2376958513" sldId="260"/>
            <ac:spMk id="1948" creationId="{075A66AB-F078-6A20-4250-5220C157D35C}"/>
          </ac:spMkLst>
        </pc:spChg>
        <pc:spChg chg="mod">
          <ac:chgData name="White, Alex" userId="eff6cc8c-37d8-483b-9c6c-6b27e9afa9bc" providerId="ADAL" clId="{BF04C754-5BF4-4E83-9615-DB14FA25AF8A}" dt="2023-10-12T11:37:47.867" v="289"/>
          <ac:spMkLst>
            <pc:docMk/>
            <pc:sldMk cId="2376958513" sldId="260"/>
            <ac:spMk id="1949" creationId="{6230F6C0-8664-984F-53D2-CCF4BED1BC79}"/>
          </ac:spMkLst>
        </pc:spChg>
        <pc:spChg chg="mod">
          <ac:chgData name="White, Alex" userId="eff6cc8c-37d8-483b-9c6c-6b27e9afa9bc" providerId="ADAL" clId="{BF04C754-5BF4-4E83-9615-DB14FA25AF8A}" dt="2023-10-12T11:37:47.867" v="289"/>
          <ac:spMkLst>
            <pc:docMk/>
            <pc:sldMk cId="2376958513" sldId="260"/>
            <ac:spMk id="1950" creationId="{1E489000-25AC-3446-FDAF-EB3150119CC0}"/>
          </ac:spMkLst>
        </pc:spChg>
        <pc:spChg chg="mod">
          <ac:chgData name="White, Alex" userId="eff6cc8c-37d8-483b-9c6c-6b27e9afa9bc" providerId="ADAL" clId="{BF04C754-5BF4-4E83-9615-DB14FA25AF8A}" dt="2023-10-12T11:37:47.867" v="289"/>
          <ac:spMkLst>
            <pc:docMk/>
            <pc:sldMk cId="2376958513" sldId="260"/>
            <ac:spMk id="1951" creationId="{01547F75-A0B6-3910-1C3E-2BC03BC175EA}"/>
          </ac:spMkLst>
        </pc:spChg>
        <pc:spChg chg="mod">
          <ac:chgData name="White, Alex" userId="eff6cc8c-37d8-483b-9c6c-6b27e9afa9bc" providerId="ADAL" clId="{BF04C754-5BF4-4E83-9615-DB14FA25AF8A}" dt="2023-10-12T11:37:47.867" v="289"/>
          <ac:spMkLst>
            <pc:docMk/>
            <pc:sldMk cId="2376958513" sldId="260"/>
            <ac:spMk id="1952" creationId="{72614E37-1FB6-AC79-2B59-57F51698DDA1}"/>
          </ac:spMkLst>
        </pc:spChg>
        <pc:spChg chg="mod">
          <ac:chgData name="White, Alex" userId="eff6cc8c-37d8-483b-9c6c-6b27e9afa9bc" providerId="ADAL" clId="{BF04C754-5BF4-4E83-9615-DB14FA25AF8A}" dt="2023-10-12T11:37:47.867" v="289"/>
          <ac:spMkLst>
            <pc:docMk/>
            <pc:sldMk cId="2376958513" sldId="260"/>
            <ac:spMk id="1953" creationId="{1B44C12E-69C4-9068-C947-8AC8E5A6B3A5}"/>
          </ac:spMkLst>
        </pc:spChg>
        <pc:spChg chg="mod">
          <ac:chgData name="White, Alex" userId="eff6cc8c-37d8-483b-9c6c-6b27e9afa9bc" providerId="ADAL" clId="{BF04C754-5BF4-4E83-9615-DB14FA25AF8A}" dt="2023-10-12T11:37:47.867" v="289"/>
          <ac:spMkLst>
            <pc:docMk/>
            <pc:sldMk cId="2376958513" sldId="260"/>
            <ac:spMk id="1954" creationId="{DA8C8C14-D845-7784-ADE5-2CE2D6C71D8E}"/>
          </ac:spMkLst>
        </pc:spChg>
        <pc:spChg chg="mod">
          <ac:chgData name="White, Alex" userId="eff6cc8c-37d8-483b-9c6c-6b27e9afa9bc" providerId="ADAL" clId="{BF04C754-5BF4-4E83-9615-DB14FA25AF8A}" dt="2023-10-12T11:37:47.867" v="289"/>
          <ac:spMkLst>
            <pc:docMk/>
            <pc:sldMk cId="2376958513" sldId="260"/>
            <ac:spMk id="1955" creationId="{A0E67168-34FD-131D-0948-A287333B0554}"/>
          </ac:spMkLst>
        </pc:spChg>
        <pc:spChg chg="mod">
          <ac:chgData name="White, Alex" userId="eff6cc8c-37d8-483b-9c6c-6b27e9afa9bc" providerId="ADAL" clId="{BF04C754-5BF4-4E83-9615-DB14FA25AF8A}" dt="2023-10-12T11:37:47.867" v="289"/>
          <ac:spMkLst>
            <pc:docMk/>
            <pc:sldMk cId="2376958513" sldId="260"/>
            <ac:spMk id="1956" creationId="{E525C08E-B101-27CB-8F21-BE61ABD7F2CD}"/>
          </ac:spMkLst>
        </pc:spChg>
        <pc:spChg chg="mod">
          <ac:chgData name="White, Alex" userId="eff6cc8c-37d8-483b-9c6c-6b27e9afa9bc" providerId="ADAL" clId="{BF04C754-5BF4-4E83-9615-DB14FA25AF8A}" dt="2023-10-12T11:37:47.867" v="289"/>
          <ac:spMkLst>
            <pc:docMk/>
            <pc:sldMk cId="2376958513" sldId="260"/>
            <ac:spMk id="1957" creationId="{DFB166F5-6429-865A-3C1F-515B6924320C}"/>
          </ac:spMkLst>
        </pc:spChg>
        <pc:spChg chg="mod">
          <ac:chgData name="White, Alex" userId="eff6cc8c-37d8-483b-9c6c-6b27e9afa9bc" providerId="ADAL" clId="{BF04C754-5BF4-4E83-9615-DB14FA25AF8A}" dt="2023-10-12T11:37:47.867" v="289"/>
          <ac:spMkLst>
            <pc:docMk/>
            <pc:sldMk cId="2376958513" sldId="260"/>
            <ac:spMk id="1958" creationId="{6D38088A-9DB3-7F98-85BF-8042F8E43B49}"/>
          </ac:spMkLst>
        </pc:spChg>
        <pc:spChg chg="mod">
          <ac:chgData name="White, Alex" userId="eff6cc8c-37d8-483b-9c6c-6b27e9afa9bc" providerId="ADAL" clId="{BF04C754-5BF4-4E83-9615-DB14FA25AF8A}" dt="2023-10-12T11:37:47.867" v="289"/>
          <ac:spMkLst>
            <pc:docMk/>
            <pc:sldMk cId="2376958513" sldId="260"/>
            <ac:spMk id="1959" creationId="{96A909AD-7D55-7A41-2A6F-9BE2C78630B9}"/>
          </ac:spMkLst>
        </pc:spChg>
        <pc:spChg chg="mod">
          <ac:chgData name="White, Alex" userId="eff6cc8c-37d8-483b-9c6c-6b27e9afa9bc" providerId="ADAL" clId="{BF04C754-5BF4-4E83-9615-DB14FA25AF8A}" dt="2023-10-12T11:37:47.867" v="289"/>
          <ac:spMkLst>
            <pc:docMk/>
            <pc:sldMk cId="2376958513" sldId="260"/>
            <ac:spMk id="1960" creationId="{E08DC57B-8B81-22E8-3268-25AC3666DF5C}"/>
          </ac:spMkLst>
        </pc:spChg>
        <pc:spChg chg="mod">
          <ac:chgData name="White, Alex" userId="eff6cc8c-37d8-483b-9c6c-6b27e9afa9bc" providerId="ADAL" clId="{BF04C754-5BF4-4E83-9615-DB14FA25AF8A}" dt="2023-10-12T11:37:47.867" v="289"/>
          <ac:spMkLst>
            <pc:docMk/>
            <pc:sldMk cId="2376958513" sldId="260"/>
            <ac:spMk id="1961" creationId="{0C4A96C1-FE6D-8597-2AD7-C0F119BBD708}"/>
          </ac:spMkLst>
        </pc:spChg>
        <pc:spChg chg="mod">
          <ac:chgData name="White, Alex" userId="eff6cc8c-37d8-483b-9c6c-6b27e9afa9bc" providerId="ADAL" clId="{BF04C754-5BF4-4E83-9615-DB14FA25AF8A}" dt="2023-10-12T11:37:47.867" v="289"/>
          <ac:spMkLst>
            <pc:docMk/>
            <pc:sldMk cId="2376958513" sldId="260"/>
            <ac:spMk id="1962" creationId="{70C5FD37-A70F-690A-EDAB-C933B6B6AA2C}"/>
          </ac:spMkLst>
        </pc:spChg>
        <pc:spChg chg="mod">
          <ac:chgData name="White, Alex" userId="eff6cc8c-37d8-483b-9c6c-6b27e9afa9bc" providerId="ADAL" clId="{BF04C754-5BF4-4E83-9615-DB14FA25AF8A}" dt="2023-10-12T11:37:47.867" v="289"/>
          <ac:spMkLst>
            <pc:docMk/>
            <pc:sldMk cId="2376958513" sldId="260"/>
            <ac:spMk id="1963" creationId="{1171AE87-5A60-F675-2B1C-B731B3BE3205}"/>
          </ac:spMkLst>
        </pc:spChg>
        <pc:spChg chg="mod">
          <ac:chgData name="White, Alex" userId="eff6cc8c-37d8-483b-9c6c-6b27e9afa9bc" providerId="ADAL" clId="{BF04C754-5BF4-4E83-9615-DB14FA25AF8A}" dt="2023-10-12T11:37:47.867" v="289"/>
          <ac:spMkLst>
            <pc:docMk/>
            <pc:sldMk cId="2376958513" sldId="260"/>
            <ac:spMk id="1964" creationId="{DC2C6B42-C2E2-3A61-723D-544E94DE5705}"/>
          </ac:spMkLst>
        </pc:spChg>
        <pc:spChg chg="mod">
          <ac:chgData name="White, Alex" userId="eff6cc8c-37d8-483b-9c6c-6b27e9afa9bc" providerId="ADAL" clId="{BF04C754-5BF4-4E83-9615-DB14FA25AF8A}" dt="2023-10-12T11:37:47.867" v="289"/>
          <ac:spMkLst>
            <pc:docMk/>
            <pc:sldMk cId="2376958513" sldId="260"/>
            <ac:spMk id="1965" creationId="{93916381-1DFB-7A77-3F1E-A101F13C785C}"/>
          </ac:spMkLst>
        </pc:spChg>
        <pc:spChg chg="mod">
          <ac:chgData name="White, Alex" userId="eff6cc8c-37d8-483b-9c6c-6b27e9afa9bc" providerId="ADAL" clId="{BF04C754-5BF4-4E83-9615-DB14FA25AF8A}" dt="2023-10-12T11:37:47.867" v="289"/>
          <ac:spMkLst>
            <pc:docMk/>
            <pc:sldMk cId="2376958513" sldId="260"/>
            <ac:spMk id="1966" creationId="{ACF6E27B-DF95-FB75-19BB-47DE24106AB1}"/>
          </ac:spMkLst>
        </pc:spChg>
        <pc:spChg chg="mod">
          <ac:chgData name="White, Alex" userId="eff6cc8c-37d8-483b-9c6c-6b27e9afa9bc" providerId="ADAL" clId="{BF04C754-5BF4-4E83-9615-DB14FA25AF8A}" dt="2023-10-12T11:37:47.867" v="289"/>
          <ac:spMkLst>
            <pc:docMk/>
            <pc:sldMk cId="2376958513" sldId="260"/>
            <ac:spMk id="1967" creationId="{F7022557-0BBC-E99F-1C89-DFCD93F7DF1D}"/>
          </ac:spMkLst>
        </pc:spChg>
        <pc:spChg chg="mod">
          <ac:chgData name="White, Alex" userId="eff6cc8c-37d8-483b-9c6c-6b27e9afa9bc" providerId="ADAL" clId="{BF04C754-5BF4-4E83-9615-DB14FA25AF8A}" dt="2023-10-12T11:37:47.867" v="289"/>
          <ac:spMkLst>
            <pc:docMk/>
            <pc:sldMk cId="2376958513" sldId="260"/>
            <ac:spMk id="1968" creationId="{E3DD3209-3AD4-B1DC-EAE3-2747940C9A83}"/>
          </ac:spMkLst>
        </pc:spChg>
        <pc:spChg chg="mod">
          <ac:chgData name="White, Alex" userId="eff6cc8c-37d8-483b-9c6c-6b27e9afa9bc" providerId="ADAL" clId="{BF04C754-5BF4-4E83-9615-DB14FA25AF8A}" dt="2023-10-12T11:37:47.867" v="289"/>
          <ac:spMkLst>
            <pc:docMk/>
            <pc:sldMk cId="2376958513" sldId="260"/>
            <ac:spMk id="1969" creationId="{0F9D349F-F859-D563-5386-38D70C82E627}"/>
          </ac:spMkLst>
        </pc:spChg>
        <pc:spChg chg="mod">
          <ac:chgData name="White, Alex" userId="eff6cc8c-37d8-483b-9c6c-6b27e9afa9bc" providerId="ADAL" clId="{BF04C754-5BF4-4E83-9615-DB14FA25AF8A}" dt="2023-10-12T11:37:47.867" v="289"/>
          <ac:spMkLst>
            <pc:docMk/>
            <pc:sldMk cId="2376958513" sldId="260"/>
            <ac:spMk id="1970" creationId="{26C37B47-35C1-4FA1-A3E7-E37FE3CCA88B}"/>
          </ac:spMkLst>
        </pc:spChg>
        <pc:spChg chg="mod">
          <ac:chgData name="White, Alex" userId="eff6cc8c-37d8-483b-9c6c-6b27e9afa9bc" providerId="ADAL" clId="{BF04C754-5BF4-4E83-9615-DB14FA25AF8A}" dt="2023-10-12T11:37:47.867" v="289"/>
          <ac:spMkLst>
            <pc:docMk/>
            <pc:sldMk cId="2376958513" sldId="260"/>
            <ac:spMk id="1971" creationId="{52FBBFC1-1B00-9D09-6BF5-2ECAEC780B0B}"/>
          </ac:spMkLst>
        </pc:spChg>
        <pc:spChg chg="mod">
          <ac:chgData name="White, Alex" userId="eff6cc8c-37d8-483b-9c6c-6b27e9afa9bc" providerId="ADAL" clId="{BF04C754-5BF4-4E83-9615-DB14FA25AF8A}" dt="2023-10-12T11:37:47.867" v="289"/>
          <ac:spMkLst>
            <pc:docMk/>
            <pc:sldMk cId="2376958513" sldId="260"/>
            <ac:spMk id="1972" creationId="{C3AFB45F-1359-B15C-E95E-CD4CEBF6BA29}"/>
          </ac:spMkLst>
        </pc:spChg>
        <pc:spChg chg="mod">
          <ac:chgData name="White, Alex" userId="eff6cc8c-37d8-483b-9c6c-6b27e9afa9bc" providerId="ADAL" clId="{BF04C754-5BF4-4E83-9615-DB14FA25AF8A}" dt="2023-10-12T11:37:47.867" v="289"/>
          <ac:spMkLst>
            <pc:docMk/>
            <pc:sldMk cId="2376958513" sldId="260"/>
            <ac:spMk id="1973" creationId="{CAE94DEA-8867-C7BB-CB28-9873E2F4D40A}"/>
          </ac:spMkLst>
        </pc:spChg>
        <pc:spChg chg="mod">
          <ac:chgData name="White, Alex" userId="eff6cc8c-37d8-483b-9c6c-6b27e9afa9bc" providerId="ADAL" clId="{BF04C754-5BF4-4E83-9615-DB14FA25AF8A}" dt="2023-10-12T11:37:47.867" v="289"/>
          <ac:spMkLst>
            <pc:docMk/>
            <pc:sldMk cId="2376958513" sldId="260"/>
            <ac:spMk id="1974" creationId="{EB5C5792-867C-8656-0C4F-9328ABD4EDD1}"/>
          </ac:spMkLst>
        </pc:spChg>
        <pc:spChg chg="mod">
          <ac:chgData name="White, Alex" userId="eff6cc8c-37d8-483b-9c6c-6b27e9afa9bc" providerId="ADAL" clId="{BF04C754-5BF4-4E83-9615-DB14FA25AF8A}" dt="2023-10-12T11:37:47.867" v="289"/>
          <ac:spMkLst>
            <pc:docMk/>
            <pc:sldMk cId="2376958513" sldId="260"/>
            <ac:spMk id="1975" creationId="{9D14AA91-8409-7670-C1F5-ACB8C60F5E94}"/>
          </ac:spMkLst>
        </pc:spChg>
        <pc:spChg chg="mod">
          <ac:chgData name="White, Alex" userId="eff6cc8c-37d8-483b-9c6c-6b27e9afa9bc" providerId="ADAL" clId="{BF04C754-5BF4-4E83-9615-DB14FA25AF8A}" dt="2023-10-12T11:37:47.867" v="289"/>
          <ac:spMkLst>
            <pc:docMk/>
            <pc:sldMk cId="2376958513" sldId="260"/>
            <ac:spMk id="1976" creationId="{3161F579-AC63-9BAA-2C2D-7487DF17593D}"/>
          </ac:spMkLst>
        </pc:spChg>
        <pc:spChg chg="mod">
          <ac:chgData name="White, Alex" userId="eff6cc8c-37d8-483b-9c6c-6b27e9afa9bc" providerId="ADAL" clId="{BF04C754-5BF4-4E83-9615-DB14FA25AF8A}" dt="2023-10-12T11:37:47.867" v="289"/>
          <ac:spMkLst>
            <pc:docMk/>
            <pc:sldMk cId="2376958513" sldId="260"/>
            <ac:spMk id="1977" creationId="{27EB4F9D-099F-9EB2-966B-62305CE53C03}"/>
          </ac:spMkLst>
        </pc:spChg>
        <pc:spChg chg="mod">
          <ac:chgData name="White, Alex" userId="eff6cc8c-37d8-483b-9c6c-6b27e9afa9bc" providerId="ADAL" clId="{BF04C754-5BF4-4E83-9615-DB14FA25AF8A}" dt="2023-10-12T11:37:47.867" v="289"/>
          <ac:spMkLst>
            <pc:docMk/>
            <pc:sldMk cId="2376958513" sldId="260"/>
            <ac:spMk id="1978" creationId="{C8FD7099-9A3E-BD86-3D8C-0170862B56F0}"/>
          </ac:spMkLst>
        </pc:spChg>
        <pc:spChg chg="mod">
          <ac:chgData name="White, Alex" userId="eff6cc8c-37d8-483b-9c6c-6b27e9afa9bc" providerId="ADAL" clId="{BF04C754-5BF4-4E83-9615-DB14FA25AF8A}" dt="2023-10-12T11:37:47.867" v="289"/>
          <ac:spMkLst>
            <pc:docMk/>
            <pc:sldMk cId="2376958513" sldId="260"/>
            <ac:spMk id="1979" creationId="{399CABD6-6C45-44F9-C0DD-7D370C648456}"/>
          </ac:spMkLst>
        </pc:spChg>
        <pc:spChg chg="mod">
          <ac:chgData name="White, Alex" userId="eff6cc8c-37d8-483b-9c6c-6b27e9afa9bc" providerId="ADAL" clId="{BF04C754-5BF4-4E83-9615-DB14FA25AF8A}" dt="2023-10-12T11:37:47.867" v="289"/>
          <ac:spMkLst>
            <pc:docMk/>
            <pc:sldMk cId="2376958513" sldId="260"/>
            <ac:spMk id="1980" creationId="{C419C0FB-982A-4B6D-81BA-AC05F5562E56}"/>
          </ac:spMkLst>
        </pc:spChg>
        <pc:spChg chg="mod">
          <ac:chgData name="White, Alex" userId="eff6cc8c-37d8-483b-9c6c-6b27e9afa9bc" providerId="ADAL" clId="{BF04C754-5BF4-4E83-9615-DB14FA25AF8A}" dt="2023-10-12T11:37:47.867" v="289"/>
          <ac:spMkLst>
            <pc:docMk/>
            <pc:sldMk cId="2376958513" sldId="260"/>
            <ac:spMk id="1981" creationId="{DBF9B1EE-73A5-8A09-8042-12291ABF35F8}"/>
          </ac:spMkLst>
        </pc:spChg>
        <pc:spChg chg="mod">
          <ac:chgData name="White, Alex" userId="eff6cc8c-37d8-483b-9c6c-6b27e9afa9bc" providerId="ADAL" clId="{BF04C754-5BF4-4E83-9615-DB14FA25AF8A}" dt="2023-10-12T11:37:47.867" v="289"/>
          <ac:spMkLst>
            <pc:docMk/>
            <pc:sldMk cId="2376958513" sldId="260"/>
            <ac:spMk id="1982" creationId="{DC8D52F9-0780-B25B-27C1-EC89FA4DFB57}"/>
          </ac:spMkLst>
        </pc:spChg>
        <pc:spChg chg="mod">
          <ac:chgData name="White, Alex" userId="eff6cc8c-37d8-483b-9c6c-6b27e9afa9bc" providerId="ADAL" clId="{BF04C754-5BF4-4E83-9615-DB14FA25AF8A}" dt="2023-10-12T11:37:47.867" v="289"/>
          <ac:spMkLst>
            <pc:docMk/>
            <pc:sldMk cId="2376958513" sldId="260"/>
            <ac:spMk id="1983" creationId="{1FE3479C-9FF0-B249-1F12-00B26F61C26A}"/>
          </ac:spMkLst>
        </pc:spChg>
        <pc:spChg chg="mod">
          <ac:chgData name="White, Alex" userId="eff6cc8c-37d8-483b-9c6c-6b27e9afa9bc" providerId="ADAL" clId="{BF04C754-5BF4-4E83-9615-DB14FA25AF8A}" dt="2023-10-12T11:37:47.867" v="289"/>
          <ac:spMkLst>
            <pc:docMk/>
            <pc:sldMk cId="2376958513" sldId="260"/>
            <ac:spMk id="1984" creationId="{3AE77404-69D6-9C47-E4B9-F13D970C8FD3}"/>
          </ac:spMkLst>
        </pc:spChg>
        <pc:spChg chg="mod">
          <ac:chgData name="White, Alex" userId="eff6cc8c-37d8-483b-9c6c-6b27e9afa9bc" providerId="ADAL" clId="{BF04C754-5BF4-4E83-9615-DB14FA25AF8A}" dt="2023-10-12T11:37:47.867" v="289"/>
          <ac:spMkLst>
            <pc:docMk/>
            <pc:sldMk cId="2376958513" sldId="260"/>
            <ac:spMk id="1985" creationId="{564D2E69-49E5-31AE-4ABF-27F0C5114B1D}"/>
          </ac:spMkLst>
        </pc:spChg>
        <pc:spChg chg="mod">
          <ac:chgData name="White, Alex" userId="eff6cc8c-37d8-483b-9c6c-6b27e9afa9bc" providerId="ADAL" clId="{BF04C754-5BF4-4E83-9615-DB14FA25AF8A}" dt="2023-10-12T11:37:47.867" v="289"/>
          <ac:spMkLst>
            <pc:docMk/>
            <pc:sldMk cId="2376958513" sldId="260"/>
            <ac:spMk id="1986" creationId="{E8ACE4DD-24BB-3CB3-0A1C-B5BBA5DEFFE1}"/>
          </ac:spMkLst>
        </pc:spChg>
        <pc:spChg chg="mod">
          <ac:chgData name="White, Alex" userId="eff6cc8c-37d8-483b-9c6c-6b27e9afa9bc" providerId="ADAL" clId="{BF04C754-5BF4-4E83-9615-DB14FA25AF8A}" dt="2023-10-12T11:37:47.867" v="289"/>
          <ac:spMkLst>
            <pc:docMk/>
            <pc:sldMk cId="2376958513" sldId="260"/>
            <ac:spMk id="1987" creationId="{62D6756D-4A1F-9D79-2026-F34DE57D5FE7}"/>
          </ac:spMkLst>
        </pc:spChg>
        <pc:spChg chg="mod">
          <ac:chgData name="White, Alex" userId="eff6cc8c-37d8-483b-9c6c-6b27e9afa9bc" providerId="ADAL" clId="{BF04C754-5BF4-4E83-9615-DB14FA25AF8A}" dt="2023-10-12T11:37:47.867" v="289"/>
          <ac:spMkLst>
            <pc:docMk/>
            <pc:sldMk cId="2376958513" sldId="260"/>
            <ac:spMk id="1988" creationId="{5246B111-A442-6484-2437-A0768177A40D}"/>
          </ac:spMkLst>
        </pc:spChg>
        <pc:spChg chg="mod">
          <ac:chgData name="White, Alex" userId="eff6cc8c-37d8-483b-9c6c-6b27e9afa9bc" providerId="ADAL" clId="{BF04C754-5BF4-4E83-9615-DB14FA25AF8A}" dt="2023-10-12T11:37:47.867" v="289"/>
          <ac:spMkLst>
            <pc:docMk/>
            <pc:sldMk cId="2376958513" sldId="260"/>
            <ac:spMk id="1989" creationId="{3D2523AA-4D14-633E-057B-D40CE4F51526}"/>
          </ac:spMkLst>
        </pc:spChg>
        <pc:spChg chg="mod">
          <ac:chgData name="White, Alex" userId="eff6cc8c-37d8-483b-9c6c-6b27e9afa9bc" providerId="ADAL" clId="{BF04C754-5BF4-4E83-9615-DB14FA25AF8A}" dt="2023-10-12T11:37:47.867" v="289"/>
          <ac:spMkLst>
            <pc:docMk/>
            <pc:sldMk cId="2376958513" sldId="260"/>
            <ac:spMk id="1990" creationId="{091EC200-E6D1-D34E-A238-F40FB4C1A126}"/>
          </ac:spMkLst>
        </pc:spChg>
        <pc:spChg chg="mod">
          <ac:chgData name="White, Alex" userId="eff6cc8c-37d8-483b-9c6c-6b27e9afa9bc" providerId="ADAL" clId="{BF04C754-5BF4-4E83-9615-DB14FA25AF8A}" dt="2023-10-12T11:37:47.867" v="289"/>
          <ac:spMkLst>
            <pc:docMk/>
            <pc:sldMk cId="2376958513" sldId="260"/>
            <ac:spMk id="1991" creationId="{9215EEFA-3FBB-DD57-0803-4F165F1A14F3}"/>
          </ac:spMkLst>
        </pc:spChg>
        <pc:spChg chg="mod">
          <ac:chgData name="White, Alex" userId="eff6cc8c-37d8-483b-9c6c-6b27e9afa9bc" providerId="ADAL" clId="{BF04C754-5BF4-4E83-9615-DB14FA25AF8A}" dt="2023-10-12T11:37:47.867" v="289"/>
          <ac:spMkLst>
            <pc:docMk/>
            <pc:sldMk cId="2376958513" sldId="260"/>
            <ac:spMk id="1992" creationId="{04982AD1-6FDA-F0D2-D4E3-6075BEDFC555}"/>
          </ac:spMkLst>
        </pc:spChg>
        <pc:spChg chg="mod">
          <ac:chgData name="White, Alex" userId="eff6cc8c-37d8-483b-9c6c-6b27e9afa9bc" providerId="ADAL" clId="{BF04C754-5BF4-4E83-9615-DB14FA25AF8A}" dt="2023-10-12T11:37:47.867" v="289"/>
          <ac:spMkLst>
            <pc:docMk/>
            <pc:sldMk cId="2376958513" sldId="260"/>
            <ac:spMk id="1993" creationId="{64A5882A-E0D3-83B5-1DDE-C989393431FA}"/>
          </ac:spMkLst>
        </pc:spChg>
        <pc:spChg chg="mod">
          <ac:chgData name="White, Alex" userId="eff6cc8c-37d8-483b-9c6c-6b27e9afa9bc" providerId="ADAL" clId="{BF04C754-5BF4-4E83-9615-DB14FA25AF8A}" dt="2023-10-12T11:37:47.867" v="289"/>
          <ac:spMkLst>
            <pc:docMk/>
            <pc:sldMk cId="2376958513" sldId="260"/>
            <ac:spMk id="1994" creationId="{52CD0260-C8F7-C55D-4DD7-CA14301FBA33}"/>
          </ac:spMkLst>
        </pc:spChg>
        <pc:spChg chg="mod">
          <ac:chgData name="White, Alex" userId="eff6cc8c-37d8-483b-9c6c-6b27e9afa9bc" providerId="ADAL" clId="{BF04C754-5BF4-4E83-9615-DB14FA25AF8A}" dt="2023-10-12T11:37:47.867" v="289"/>
          <ac:spMkLst>
            <pc:docMk/>
            <pc:sldMk cId="2376958513" sldId="260"/>
            <ac:spMk id="1995" creationId="{B71C95BE-ED40-7B6D-0FF9-F24E83746DA7}"/>
          </ac:spMkLst>
        </pc:spChg>
        <pc:spChg chg="mod">
          <ac:chgData name="White, Alex" userId="eff6cc8c-37d8-483b-9c6c-6b27e9afa9bc" providerId="ADAL" clId="{BF04C754-5BF4-4E83-9615-DB14FA25AF8A}" dt="2023-10-12T11:37:47.867" v="289"/>
          <ac:spMkLst>
            <pc:docMk/>
            <pc:sldMk cId="2376958513" sldId="260"/>
            <ac:spMk id="1996" creationId="{86AB068D-8740-28FE-9FC2-FE87F3CF9C26}"/>
          </ac:spMkLst>
        </pc:spChg>
        <pc:spChg chg="mod">
          <ac:chgData name="White, Alex" userId="eff6cc8c-37d8-483b-9c6c-6b27e9afa9bc" providerId="ADAL" clId="{BF04C754-5BF4-4E83-9615-DB14FA25AF8A}" dt="2023-10-12T11:37:47.867" v="289"/>
          <ac:spMkLst>
            <pc:docMk/>
            <pc:sldMk cId="2376958513" sldId="260"/>
            <ac:spMk id="1997" creationId="{C8B907E4-A2A3-D785-57B2-9DB6033C16D1}"/>
          </ac:spMkLst>
        </pc:spChg>
        <pc:spChg chg="mod">
          <ac:chgData name="White, Alex" userId="eff6cc8c-37d8-483b-9c6c-6b27e9afa9bc" providerId="ADAL" clId="{BF04C754-5BF4-4E83-9615-DB14FA25AF8A}" dt="2023-10-12T11:37:47.867" v="289"/>
          <ac:spMkLst>
            <pc:docMk/>
            <pc:sldMk cId="2376958513" sldId="260"/>
            <ac:spMk id="1998" creationId="{CAF04295-8FD7-FF7B-5B96-2F47F2F7D58B}"/>
          </ac:spMkLst>
        </pc:spChg>
        <pc:spChg chg="mod">
          <ac:chgData name="White, Alex" userId="eff6cc8c-37d8-483b-9c6c-6b27e9afa9bc" providerId="ADAL" clId="{BF04C754-5BF4-4E83-9615-DB14FA25AF8A}" dt="2023-10-12T11:37:47.867" v="289"/>
          <ac:spMkLst>
            <pc:docMk/>
            <pc:sldMk cId="2376958513" sldId="260"/>
            <ac:spMk id="1999" creationId="{ABF6F047-C547-A02E-8BEA-06ED8F98E66A}"/>
          </ac:spMkLst>
        </pc:spChg>
        <pc:spChg chg="mod">
          <ac:chgData name="White, Alex" userId="eff6cc8c-37d8-483b-9c6c-6b27e9afa9bc" providerId="ADAL" clId="{BF04C754-5BF4-4E83-9615-DB14FA25AF8A}" dt="2023-10-12T11:37:47.867" v="289"/>
          <ac:spMkLst>
            <pc:docMk/>
            <pc:sldMk cId="2376958513" sldId="260"/>
            <ac:spMk id="2000" creationId="{91B6434E-D9B8-E762-324F-2BC90576C1B4}"/>
          </ac:spMkLst>
        </pc:spChg>
        <pc:spChg chg="mod">
          <ac:chgData name="White, Alex" userId="eff6cc8c-37d8-483b-9c6c-6b27e9afa9bc" providerId="ADAL" clId="{BF04C754-5BF4-4E83-9615-DB14FA25AF8A}" dt="2023-10-12T11:37:47.867" v="289"/>
          <ac:spMkLst>
            <pc:docMk/>
            <pc:sldMk cId="2376958513" sldId="260"/>
            <ac:spMk id="2001" creationId="{C7E96897-C54B-2AC2-6925-A9945910B749}"/>
          </ac:spMkLst>
        </pc:spChg>
        <pc:spChg chg="mod">
          <ac:chgData name="White, Alex" userId="eff6cc8c-37d8-483b-9c6c-6b27e9afa9bc" providerId="ADAL" clId="{BF04C754-5BF4-4E83-9615-DB14FA25AF8A}" dt="2023-10-12T11:37:47.867" v="289"/>
          <ac:spMkLst>
            <pc:docMk/>
            <pc:sldMk cId="2376958513" sldId="260"/>
            <ac:spMk id="2002" creationId="{3E652EAF-D34C-5605-51B4-36567C1B62D7}"/>
          </ac:spMkLst>
        </pc:spChg>
        <pc:spChg chg="mod">
          <ac:chgData name="White, Alex" userId="eff6cc8c-37d8-483b-9c6c-6b27e9afa9bc" providerId="ADAL" clId="{BF04C754-5BF4-4E83-9615-DB14FA25AF8A}" dt="2023-10-12T11:37:47.867" v="289"/>
          <ac:spMkLst>
            <pc:docMk/>
            <pc:sldMk cId="2376958513" sldId="260"/>
            <ac:spMk id="2003" creationId="{C616FEE9-B36E-CB71-5FCE-AC8F21E6D047}"/>
          </ac:spMkLst>
        </pc:spChg>
        <pc:spChg chg="mod">
          <ac:chgData name="White, Alex" userId="eff6cc8c-37d8-483b-9c6c-6b27e9afa9bc" providerId="ADAL" clId="{BF04C754-5BF4-4E83-9615-DB14FA25AF8A}" dt="2023-10-12T11:37:47.867" v="289"/>
          <ac:spMkLst>
            <pc:docMk/>
            <pc:sldMk cId="2376958513" sldId="260"/>
            <ac:spMk id="2004" creationId="{71D038E8-8D77-7A6D-21AE-9DB9FACF3752}"/>
          </ac:spMkLst>
        </pc:spChg>
        <pc:spChg chg="mod">
          <ac:chgData name="White, Alex" userId="eff6cc8c-37d8-483b-9c6c-6b27e9afa9bc" providerId="ADAL" clId="{BF04C754-5BF4-4E83-9615-DB14FA25AF8A}" dt="2023-10-12T11:37:47.867" v="289"/>
          <ac:spMkLst>
            <pc:docMk/>
            <pc:sldMk cId="2376958513" sldId="260"/>
            <ac:spMk id="2005" creationId="{6C60DA1B-FB8B-DB7D-D293-E4A2085F76EA}"/>
          </ac:spMkLst>
        </pc:spChg>
        <pc:spChg chg="mod">
          <ac:chgData name="White, Alex" userId="eff6cc8c-37d8-483b-9c6c-6b27e9afa9bc" providerId="ADAL" clId="{BF04C754-5BF4-4E83-9615-DB14FA25AF8A}" dt="2023-10-12T11:37:47.867" v="289"/>
          <ac:spMkLst>
            <pc:docMk/>
            <pc:sldMk cId="2376958513" sldId="260"/>
            <ac:spMk id="2006" creationId="{C2A0826E-9CC7-660C-4C78-6F6B5F750E3E}"/>
          </ac:spMkLst>
        </pc:spChg>
        <pc:spChg chg="mod">
          <ac:chgData name="White, Alex" userId="eff6cc8c-37d8-483b-9c6c-6b27e9afa9bc" providerId="ADAL" clId="{BF04C754-5BF4-4E83-9615-DB14FA25AF8A}" dt="2023-10-12T11:37:47.867" v="289"/>
          <ac:spMkLst>
            <pc:docMk/>
            <pc:sldMk cId="2376958513" sldId="260"/>
            <ac:spMk id="2007" creationId="{7E19FFD4-7391-A27A-F9D6-E87082734187}"/>
          </ac:spMkLst>
        </pc:spChg>
        <pc:spChg chg="mod">
          <ac:chgData name="White, Alex" userId="eff6cc8c-37d8-483b-9c6c-6b27e9afa9bc" providerId="ADAL" clId="{BF04C754-5BF4-4E83-9615-DB14FA25AF8A}" dt="2023-10-12T11:37:47.867" v="289"/>
          <ac:spMkLst>
            <pc:docMk/>
            <pc:sldMk cId="2376958513" sldId="260"/>
            <ac:spMk id="2008" creationId="{2D8C5AC0-FAF9-82D4-F86D-F068FC318CB8}"/>
          </ac:spMkLst>
        </pc:spChg>
        <pc:spChg chg="mod">
          <ac:chgData name="White, Alex" userId="eff6cc8c-37d8-483b-9c6c-6b27e9afa9bc" providerId="ADAL" clId="{BF04C754-5BF4-4E83-9615-DB14FA25AF8A}" dt="2023-10-12T11:37:47.867" v="289"/>
          <ac:spMkLst>
            <pc:docMk/>
            <pc:sldMk cId="2376958513" sldId="260"/>
            <ac:spMk id="2009" creationId="{C2FC6637-6CBE-4EDD-84D1-C505343FB164}"/>
          </ac:spMkLst>
        </pc:spChg>
        <pc:spChg chg="mod">
          <ac:chgData name="White, Alex" userId="eff6cc8c-37d8-483b-9c6c-6b27e9afa9bc" providerId="ADAL" clId="{BF04C754-5BF4-4E83-9615-DB14FA25AF8A}" dt="2023-10-12T11:37:47.867" v="289"/>
          <ac:spMkLst>
            <pc:docMk/>
            <pc:sldMk cId="2376958513" sldId="260"/>
            <ac:spMk id="2010" creationId="{F93064A1-F326-6C16-FB6F-F0D444285A2D}"/>
          </ac:spMkLst>
        </pc:spChg>
        <pc:spChg chg="mod">
          <ac:chgData name="White, Alex" userId="eff6cc8c-37d8-483b-9c6c-6b27e9afa9bc" providerId="ADAL" clId="{BF04C754-5BF4-4E83-9615-DB14FA25AF8A}" dt="2023-10-12T11:37:47.867" v="289"/>
          <ac:spMkLst>
            <pc:docMk/>
            <pc:sldMk cId="2376958513" sldId="260"/>
            <ac:spMk id="2011" creationId="{176EDEBA-B4AE-15DC-9AFD-DE4F48E6D8F9}"/>
          </ac:spMkLst>
        </pc:spChg>
        <pc:spChg chg="mod">
          <ac:chgData name="White, Alex" userId="eff6cc8c-37d8-483b-9c6c-6b27e9afa9bc" providerId="ADAL" clId="{BF04C754-5BF4-4E83-9615-DB14FA25AF8A}" dt="2023-10-12T11:37:47.867" v="289"/>
          <ac:spMkLst>
            <pc:docMk/>
            <pc:sldMk cId="2376958513" sldId="260"/>
            <ac:spMk id="2012" creationId="{5CAC1EA7-9B71-11B9-721C-B253243F8C2D}"/>
          </ac:spMkLst>
        </pc:spChg>
        <pc:spChg chg="mod">
          <ac:chgData name="White, Alex" userId="eff6cc8c-37d8-483b-9c6c-6b27e9afa9bc" providerId="ADAL" clId="{BF04C754-5BF4-4E83-9615-DB14FA25AF8A}" dt="2023-10-12T11:37:47.867" v="289"/>
          <ac:spMkLst>
            <pc:docMk/>
            <pc:sldMk cId="2376958513" sldId="260"/>
            <ac:spMk id="2013" creationId="{C644A5AC-F75C-1515-5B42-1AB3D8CBC1EA}"/>
          </ac:spMkLst>
        </pc:spChg>
        <pc:spChg chg="mod">
          <ac:chgData name="White, Alex" userId="eff6cc8c-37d8-483b-9c6c-6b27e9afa9bc" providerId="ADAL" clId="{BF04C754-5BF4-4E83-9615-DB14FA25AF8A}" dt="2023-10-12T11:37:47.867" v="289"/>
          <ac:spMkLst>
            <pc:docMk/>
            <pc:sldMk cId="2376958513" sldId="260"/>
            <ac:spMk id="2014" creationId="{E465EACD-858E-4F1D-FF43-0F0D7A29B25E}"/>
          </ac:spMkLst>
        </pc:spChg>
        <pc:spChg chg="mod">
          <ac:chgData name="White, Alex" userId="eff6cc8c-37d8-483b-9c6c-6b27e9afa9bc" providerId="ADAL" clId="{BF04C754-5BF4-4E83-9615-DB14FA25AF8A}" dt="2023-10-12T11:37:47.867" v="289"/>
          <ac:spMkLst>
            <pc:docMk/>
            <pc:sldMk cId="2376958513" sldId="260"/>
            <ac:spMk id="2015" creationId="{C2B732B9-C1B1-8B32-66EF-59B9D1F557B6}"/>
          </ac:spMkLst>
        </pc:spChg>
        <pc:spChg chg="mod">
          <ac:chgData name="White, Alex" userId="eff6cc8c-37d8-483b-9c6c-6b27e9afa9bc" providerId="ADAL" clId="{BF04C754-5BF4-4E83-9615-DB14FA25AF8A}" dt="2023-10-12T11:37:47.867" v="289"/>
          <ac:spMkLst>
            <pc:docMk/>
            <pc:sldMk cId="2376958513" sldId="260"/>
            <ac:spMk id="2016" creationId="{4BFC91AD-265A-342E-94BC-A8DFF98B4703}"/>
          </ac:spMkLst>
        </pc:spChg>
        <pc:spChg chg="mod">
          <ac:chgData name="White, Alex" userId="eff6cc8c-37d8-483b-9c6c-6b27e9afa9bc" providerId="ADAL" clId="{BF04C754-5BF4-4E83-9615-DB14FA25AF8A}" dt="2023-10-12T11:37:47.867" v="289"/>
          <ac:spMkLst>
            <pc:docMk/>
            <pc:sldMk cId="2376958513" sldId="260"/>
            <ac:spMk id="2017" creationId="{9A399CF2-1D02-664C-D3FF-64FC01690750}"/>
          </ac:spMkLst>
        </pc:spChg>
        <pc:spChg chg="mod">
          <ac:chgData name="White, Alex" userId="eff6cc8c-37d8-483b-9c6c-6b27e9afa9bc" providerId="ADAL" clId="{BF04C754-5BF4-4E83-9615-DB14FA25AF8A}" dt="2023-10-12T11:37:47.867" v="289"/>
          <ac:spMkLst>
            <pc:docMk/>
            <pc:sldMk cId="2376958513" sldId="260"/>
            <ac:spMk id="2018" creationId="{4DFAE8CE-F3C5-A564-8477-C443E8BB6AEA}"/>
          </ac:spMkLst>
        </pc:spChg>
        <pc:spChg chg="mod">
          <ac:chgData name="White, Alex" userId="eff6cc8c-37d8-483b-9c6c-6b27e9afa9bc" providerId="ADAL" clId="{BF04C754-5BF4-4E83-9615-DB14FA25AF8A}" dt="2023-10-12T11:37:47.867" v="289"/>
          <ac:spMkLst>
            <pc:docMk/>
            <pc:sldMk cId="2376958513" sldId="260"/>
            <ac:spMk id="2019" creationId="{F0F4D6F5-DA15-3A18-4502-446F79D95455}"/>
          </ac:spMkLst>
        </pc:spChg>
        <pc:spChg chg="mod">
          <ac:chgData name="White, Alex" userId="eff6cc8c-37d8-483b-9c6c-6b27e9afa9bc" providerId="ADAL" clId="{BF04C754-5BF4-4E83-9615-DB14FA25AF8A}" dt="2023-10-12T11:37:47.867" v="289"/>
          <ac:spMkLst>
            <pc:docMk/>
            <pc:sldMk cId="2376958513" sldId="260"/>
            <ac:spMk id="2020" creationId="{65081746-54B2-A415-C677-1D6B2421C32B}"/>
          </ac:spMkLst>
        </pc:spChg>
        <pc:spChg chg="mod">
          <ac:chgData name="White, Alex" userId="eff6cc8c-37d8-483b-9c6c-6b27e9afa9bc" providerId="ADAL" clId="{BF04C754-5BF4-4E83-9615-DB14FA25AF8A}" dt="2023-10-12T11:37:47.867" v="289"/>
          <ac:spMkLst>
            <pc:docMk/>
            <pc:sldMk cId="2376958513" sldId="260"/>
            <ac:spMk id="2021" creationId="{8D666D68-B008-2130-61E2-38256EA706C2}"/>
          </ac:spMkLst>
        </pc:spChg>
        <pc:spChg chg="mod">
          <ac:chgData name="White, Alex" userId="eff6cc8c-37d8-483b-9c6c-6b27e9afa9bc" providerId="ADAL" clId="{BF04C754-5BF4-4E83-9615-DB14FA25AF8A}" dt="2023-10-12T11:37:47.867" v="289"/>
          <ac:spMkLst>
            <pc:docMk/>
            <pc:sldMk cId="2376958513" sldId="260"/>
            <ac:spMk id="2022" creationId="{1735AA79-A4EB-4A46-8B39-D5BA17D3F8DA}"/>
          </ac:spMkLst>
        </pc:spChg>
        <pc:spChg chg="mod">
          <ac:chgData name="White, Alex" userId="eff6cc8c-37d8-483b-9c6c-6b27e9afa9bc" providerId="ADAL" clId="{BF04C754-5BF4-4E83-9615-DB14FA25AF8A}" dt="2023-10-12T11:37:47.867" v="289"/>
          <ac:spMkLst>
            <pc:docMk/>
            <pc:sldMk cId="2376958513" sldId="260"/>
            <ac:spMk id="2023" creationId="{67DF0EAF-A8AD-36A1-F813-96237BFE87A8}"/>
          </ac:spMkLst>
        </pc:spChg>
        <pc:spChg chg="mod">
          <ac:chgData name="White, Alex" userId="eff6cc8c-37d8-483b-9c6c-6b27e9afa9bc" providerId="ADAL" clId="{BF04C754-5BF4-4E83-9615-DB14FA25AF8A}" dt="2023-10-12T11:37:47.867" v="289"/>
          <ac:spMkLst>
            <pc:docMk/>
            <pc:sldMk cId="2376958513" sldId="260"/>
            <ac:spMk id="2024" creationId="{E4CAF598-8294-5285-A1A8-F20DCA299624}"/>
          </ac:spMkLst>
        </pc:spChg>
        <pc:spChg chg="mod">
          <ac:chgData name="White, Alex" userId="eff6cc8c-37d8-483b-9c6c-6b27e9afa9bc" providerId="ADAL" clId="{BF04C754-5BF4-4E83-9615-DB14FA25AF8A}" dt="2023-10-12T11:37:47.867" v="289"/>
          <ac:spMkLst>
            <pc:docMk/>
            <pc:sldMk cId="2376958513" sldId="260"/>
            <ac:spMk id="2025" creationId="{637533B7-7392-0E69-F72C-9569D136277C}"/>
          </ac:spMkLst>
        </pc:spChg>
        <pc:spChg chg="mod">
          <ac:chgData name="White, Alex" userId="eff6cc8c-37d8-483b-9c6c-6b27e9afa9bc" providerId="ADAL" clId="{BF04C754-5BF4-4E83-9615-DB14FA25AF8A}" dt="2023-10-12T11:37:47.867" v="289"/>
          <ac:spMkLst>
            <pc:docMk/>
            <pc:sldMk cId="2376958513" sldId="260"/>
            <ac:spMk id="2026" creationId="{F354D54D-E03B-3E3D-CE5F-84B934789C2E}"/>
          </ac:spMkLst>
        </pc:spChg>
        <pc:spChg chg="mod">
          <ac:chgData name="White, Alex" userId="eff6cc8c-37d8-483b-9c6c-6b27e9afa9bc" providerId="ADAL" clId="{BF04C754-5BF4-4E83-9615-DB14FA25AF8A}" dt="2023-10-12T11:37:47.867" v="289"/>
          <ac:spMkLst>
            <pc:docMk/>
            <pc:sldMk cId="2376958513" sldId="260"/>
            <ac:spMk id="2027" creationId="{25E23691-0BB1-0F52-B54A-1F3ECB4E6A4C}"/>
          </ac:spMkLst>
        </pc:spChg>
        <pc:spChg chg="mod">
          <ac:chgData name="White, Alex" userId="eff6cc8c-37d8-483b-9c6c-6b27e9afa9bc" providerId="ADAL" clId="{BF04C754-5BF4-4E83-9615-DB14FA25AF8A}" dt="2023-10-12T11:37:47.867" v="289"/>
          <ac:spMkLst>
            <pc:docMk/>
            <pc:sldMk cId="2376958513" sldId="260"/>
            <ac:spMk id="2028" creationId="{23F96E8C-0C95-5816-EE9D-E3692A92817A}"/>
          </ac:spMkLst>
        </pc:spChg>
        <pc:spChg chg="mod">
          <ac:chgData name="White, Alex" userId="eff6cc8c-37d8-483b-9c6c-6b27e9afa9bc" providerId="ADAL" clId="{BF04C754-5BF4-4E83-9615-DB14FA25AF8A}" dt="2023-10-12T11:37:47.867" v="289"/>
          <ac:spMkLst>
            <pc:docMk/>
            <pc:sldMk cId="2376958513" sldId="260"/>
            <ac:spMk id="2029" creationId="{41EB22F0-2D9D-391C-3457-93ED8C9D3634}"/>
          </ac:spMkLst>
        </pc:spChg>
        <pc:spChg chg="mod">
          <ac:chgData name="White, Alex" userId="eff6cc8c-37d8-483b-9c6c-6b27e9afa9bc" providerId="ADAL" clId="{BF04C754-5BF4-4E83-9615-DB14FA25AF8A}" dt="2023-10-12T11:37:47.867" v="289"/>
          <ac:spMkLst>
            <pc:docMk/>
            <pc:sldMk cId="2376958513" sldId="260"/>
            <ac:spMk id="2030" creationId="{2C94E92D-5554-2431-9D19-1EFD7977FF40}"/>
          </ac:spMkLst>
        </pc:spChg>
        <pc:spChg chg="mod">
          <ac:chgData name="White, Alex" userId="eff6cc8c-37d8-483b-9c6c-6b27e9afa9bc" providerId="ADAL" clId="{BF04C754-5BF4-4E83-9615-DB14FA25AF8A}" dt="2023-10-12T11:37:47.867" v="289"/>
          <ac:spMkLst>
            <pc:docMk/>
            <pc:sldMk cId="2376958513" sldId="260"/>
            <ac:spMk id="2031" creationId="{8D062D84-A773-18F4-29C7-85E3A0619B79}"/>
          </ac:spMkLst>
        </pc:spChg>
        <pc:spChg chg="mod">
          <ac:chgData name="White, Alex" userId="eff6cc8c-37d8-483b-9c6c-6b27e9afa9bc" providerId="ADAL" clId="{BF04C754-5BF4-4E83-9615-DB14FA25AF8A}" dt="2023-10-12T11:37:47.867" v="289"/>
          <ac:spMkLst>
            <pc:docMk/>
            <pc:sldMk cId="2376958513" sldId="260"/>
            <ac:spMk id="2032" creationId="{029A581F-B600-8865-3268-9B40BFE1C94B}"/>
          </ac:spMkLst>
        </pc:spChg>
        <pc:spChg chg="mod">
          <ac:chgData name="White, Alex" userId="eff6cc8c-37d8-483b-9c6c-6b27e9afa9bc" providerId="ADAL" clId="{BF04C754-5BF4-4E83-9615-DB14FA25AF8A}" dt="2023-10-12T11:37:47.867" v="289"/>
          <ac:spMkLst>
            <pc:docMk/>
            <pc:sldMk cId="2376958513" sldId="260"/>
            <ac:spMk id="2033" creationId="{38BFACD9-8C90-ABE0-F435-381409573EAD}"/>
          </ac:spMkLst>
        </pc:spChg>
        <pc:spChg chg="mod">
          <ac:chgData name="White, Alex" userId="eff6cc8c-37d8-483b-9c6c-6b27e9afa9bc" providerId="ADAL" clId="{BF04C754-5BF4-4E83-9615-DB14FA25AF8A}" dt="2023-10-12T11:37:47.867" v="289"/>
          <ac:spMkLst>
            <pc:docMk/>
            <pc:sldMk cId="2376958513" sldId="260"/>
            <ac:spMk id="2034" creationId="{3B067731-A73A-BEDD-BCCD-624B0AAA77E5}"/>
          </ac:spMkLst>
        </pc:spChg>
        <pc:spChg chg="mod">
          <ac:chgData name="White, Alex" userId="eff6cc8c-37d8-483b-9c6c-6b27e9afa9bc" providerId="ADAL" clId="{BF04C754-5BF4-4E83-9615-DB14FA25AF8A}" dt="2023-10-12T11:37:47.867" v="289"/>
          <ac:spMkLst>
            <pc:docMk/>
            <pc:sldMk cId="2376958513" sldId="260"/>
            <ac:spMk id="2035" creationId="{5D913D29-8F7C-DA5D-1588-04717DCB2931}"/>
          </ac:spMkLst>
        </pc:spChg>
        <pc:spChg chg="mod">
          <ac:chgData name="White, Alex" userId="eff6cc8c-37d8-483b-9c6c-6b27e9afa9bc" providerId="ADAL" clId="{BF04C754-5BF4-4E83-9615-DB14FA25AF8A}" dt="2023-10-12T11:37:47.867" v="289"/>
          <ac:spMkLst>
            <pc:docMk/>
            <pc:sldMk cId="2376958513" sldId="260"/>
            <ac:spMk id="2036" creationId="{DFFBA301-DCA3-E63B-960A-E23F57063165}"/>
          </ac:spMkLst>
        </pc:spChg>
        <pc:spChg chg="mod">
          <ac:chgData name="White, Alex" userId="eff6cc8c-37d8-483b-9c6c-6b27e9afa9bc" providerId="ADAL" clId="{BF04C754-5BF4-4E83-9615-DB14FA25AF8A}" dt="2023-10-12T11:37:47.867" v="289"/>
          <ac:spMkLst>
            <pc:docMk/>
            <pc:sldMk cId="2376958513" sldId="260"/>
            <ac:spMk id="2037" creationId="{C5061F08-F706-DD7B-B90D-A62342129D12}"/>
          </ac:spMkLst>
        </pc:spChg>
        <pc:spChg chg="mod">
          <ac:chgData name="White, Alex" userId="eff6cc8c-37d8-483b-9c6c-6b27e9afa9bc" providerId="ADAL" clId="{BF04C754-5BF4-4E83-9615-DB14FA25AF8A}" dt="2023-10-12T11:37:47.867" v="289"/>
          <ac:spMkLst>
            <pc:docMk/>
            <pc:sldMk cId="2376958513" sldId="260"/>
            <ac:spMk id="2038" creationId="{12175BE9-F4CE-8D53-7FD3-D5C2A9F4B301}"/>
          </ac:spMkLst>
        </pc:spChg>
        <pc:spChg chg="mod">
          <ac:chgData name="White, Alex" userId="eff6cc8c-37d8-483b-9c6c-6b27e9afa9bc" providerId="ADAL" clId="{BF04C754-5BF4-4E83-9615-DB14FA25AF8A}" dt="2023-10-12T11:37:47.867" v="289"/>
          <ac:spMkLst>
            <pc:docMk/>
            <pc:sldMk cId="2376958513" sldId="260"/>
            <ac:spMk id="2039" creationId="{175C9B7D-B5E4-ECC0-7586-B91E1382671B}"/>
          </ac:spMkLst>
        </pc:spChg>
        <pc:spChg chg="mod">
          <ac:chgData name="White, Alex" userId="eff6cc8c-37d8-483b-9c6c-6b27e9afa9bc" providerId="ADAL" clId="{BF04C754-5BF4-4E83-9615-DB14FA25AF8A}" dt="2023-10-12T11:37:47.867" v="289"/>
          <ac:spMkLst>
            <pc:docMk/>
            <pc:sldMk cId="2376958513" sldId="260"/>
            <ac:spMk id="2040" creationId="{7528E542-C652-6196-B98A-68B20536E5FD}"/>
          </ac:spMkLst>
        </pc:spChg>
        <pc:spChg chg="mod">
          <ac:chgData name="White, Alex" userId="eff6cc8c-37d8-483b-9c6c-6b27e9afa9bc" providerId="ADAL" clId="{BF04C754-5BF4-4E83-9615-DB14FA25AF8A}" dt="2023-10-12T11:37:47.867" v="289"/>
          <ac:spMkLst>
            <pc:docMk/>
            <pc:sldMk cId="2376958513" sldId="260"/>
            <ac:spMk id="2041" creationId="{B6900C7E-7A9B-6DAB-EDAE-694175DCC8D2}"/>
          </ac:spMkLst>
        </pc:spChg>
        <pc:spChg chg="mod">
          <ac:chgData name="White, Alex" userId="eff6cc8c-37d8-483b-9c6c-6b27e9afa9bc" providerId="ADAL" clId="{BF04C754-5BF4-4E83-9615-DB14FA25AF8A}" dt="2023-10-12T11:37:47.867" v="289"/>
          <ac:spMkLst>
            <pc:docMk/>
            <pc:sldMk cId="2376958513" sldId="260"/>
            <ac:spMk id="2042" creationId="{A7389DD7-0EC7-5BA4-58BA-E303F89B24C2}"/>
          </ac:spMkLst>
        </pc:spChg>
        <pc:spChg chg="mod">
          <ac:chgData name="White, Alex" userId="eff6cc8c-37d8-483b-9c6c-6b27e9afa9bc" providerId="ADAL" clId="{BF04C754-5BF4-4E83-9615-DB14FA25AF8A}" dt="2023-10-12T11:37:47.867" v="289"/>
          <ac:spMkLst>
            <pc:docMk/>
            <pc:sldMk cId="2376958513" sldId="260"/>
            <ac:spMk id="2043" creationId="{523D4C44-A3BF-7987-623E-68F550DE187E}"/>
          </ac:spMkLst>
        </pc:spChg>
        <pc:spChg chg="mod">
          <ac:chgData name="White, Alex" userId="eff6cc8c-37d8-483b-9c6c-6b27e9afa9bc" providerId="ADAL" clId="{BF04C754-5BF4-4E83-9615-DB14FA25AF8A}" dt="2023-10-12T11:37:47.867" v="289"/>
          <ac:spMkLst>
            <pc:docMk/>
            <pc:sldMk cId="2376958513" sldId="260"/>
            <ac:spMk id="2044" creationId="{F2B11722-DDF1-1494-A18E-9F58CCAE4BAB}"/>
          </ac:spMkLst>
        </pc:spChg>
        <pc:spChg chg="mod">
          <ac:chgData name="White, Alex" userId="eff6cc8c-37d8-483b-9c6c-6b27e9afa9bc" providerId="ADAL" clId="{BF04C754-5BF4-4E83-9615-DB14FA25AF8A}" dt="2023-10-12T11:37:47.867" v="289"/>
          <ac:spMkLst>
            <pc:docMk/>
            <pc:sldMk cId="2376958513" sldId="260"/>
            <ac:spMk id="2045" creationId="{926E6E44-D057-43A9-76A5-0DD2C94DDCC6}"/>
          </ac:spMkLst>
        </pc:spChg>
        <pc:spChg chg="mod">
          <ac:chgData name="White, Alex" userId="eff6cc8c-37d8-483b-9c6c-6b27e9afa9bc" providerId="ADAL" clId="{BF04C754-5BF4-4E83-9615-DB14FA25AF8A}" dt="2023-10-12T11:37:47.867" v="289"/>
          <ac:spMkLst>
            <pc:docMk/>
            <pc:sldMk cId="2376958513" sldId="260"/>
            <ac:spMk id="2046" creationId="{F0C8E154-221C-3054-C7B1-A51946F8D8C7}"/>
          </ac:spMkLst>
        </pc:spChg>
        <pc:spChg chg="mod">
          <ac:chgData name="White, Alex" userId="eff6cc8c-37d8-483b-9c6c-6b27e9afa9bc" providerId="ADAL" clId="{BF04C754-5BF4-4E83-9615-DB14FA25AF8A}" dt="2023-10-12T11:37:47.867" v="289"/>
          <ac:spMkLst>
            <pc:docMk/>
            <pc:sldMk cId="2376958513" sldId="260"/>
            <ac:spMk id="2047" creationId="{C72A73D7-FF0F-8017-365C-DA283CA53AB4}"/>
          </ac:spMkLst>
        </pc:spChg>
        <pc:spChg chg="mod">
          <ac:chgData name="White, Alex" userId="eff6cc8c-37d8-483b-9c6c-6b27e9afa9bc" providerId="ADAL" clId="{BF04C754-5BF4-4E83-9615-DB14FA25AF8A}" dt="2023-10-12T11:37:47.867" v="289"/>
          <ac:spMkLst>
            <pc:docMk/>
            <pc:sldMk cId="2376958513" sldId="260"/>
            <ac:spMk id="2048" creationId="{41BF590F-6ABF-5953-020C-12B24EA84FAA}"/>
          </ac:spMkLst>
        </pc:spChg>
        <pc:spChg chg="mod">
          <ac:chgData name="White, Alex" userId="eff6cc8c-37d8-483b-9c6c-6b27e9afa9bc" providerId="ADAL" clId="{BF04C754-5BF4-4E83-9615-DB14FA25AF8A}" dt="2023-10-12T11:37:47.867" v="289"/>
          <ac:spMkLst>
            <pc:docMk/>
            <pc:sldMk cId="2376958513" sldId="260"/>
            <ac:spMk id="2049" creationId="{8BB7C523-5F45-3AC0-6713-D4322D8ACD0C}"/>
          </ac:spMkLst>
        </pc:spChg>
        <pc:spChg chg="mod">
          <ac:chgData name="White, Alex" userId="eff6cc8c-37d8-483b-9c6c-6b27e9afa9bc" providerId="ADAL" clId="{BF04C754-5BF4-4E83-9615-DB14FA25AF8A}" dt="2023-10-12T11:37:47.867" v="289"/>
          <ac:spMkLst>
            <pc:docMk/>
            <pc:sldMk cId="2376958513" sldId="260"/>
            <ac:spMk id="2050" creationId="{DB6C8A83-8E50-F8BC-8CD8-47FDF0286F80}"/>
          </ac:spMkLst>
        </pc:spChg>
        <pc:spChg chg="mod">
          <ac:chgData name="White, Alex" userId="eff6cc8c-37d8-483b-9c6c-6b27e9afa9bc" providerId="ADAL" clId="{BF04C754-5BF4-4E83-9615-DB14FA25AF8A}" dt="2023-10-12T11:37:47.867" v="289"/>
          <ac:spMkLst>
            <pc:docMk/>
            <pc:sldMk cId="2376958513" sldId="260"/>
            <ac:spMk id="2051" creationId="{D7130CF0-7E71-E3B9-CFB5-EAF03BDA5240}"/>
          </ac:spMkLst>
        </pc:spChg>
        <pc:spChg chg="mod">
          <ac:chgData name="White, Alex" userId="eff6cc8c-37d8-483b-9c6c-6b27e9afa9bc" providerId="ADAL" clId="{BF04C754-5BF4-4E83-9615-DB14FA25AF8A}" dt="2023-10-12T11:37:47.867" v="289"/>
          <ac:spMkLst>
            <pc:docMk/>
            <pc:sldMk cId="2376958513" sldId="260"/>
            <ac:spMk id="2052" creationId="{947DC5C6-F3B3-AC7C-BA98-B0BB3C29CF89}"/>
          </ac:spMkLst>
        </pc:spChg>
        <pc:spChg chg="mod">
          <ac:chgData name="White, Alex" userId="eff6cc8c-37d8-483b-9c6c-6b27e9afa9bc" providerId="ADAL" clId="{BF04C754-5BF4-4E83-9615-DB14FA25AF8A}" dt="2023-10-12T11:37:47.867" v="289"/>
          <ac:spMkLst>
            <pc:docMk/>
            <pc:sldMk cId="2376958513" sldId="260"/>
            <ac:spMk id="2053" creationId="{3E66359B-4663-0286-2D8E-D44B56B2DD1B}"/>
          </ac:spMkLst>
        </pc:spChg>
        <pc:spChg chg="mod">
          <ac:chgData name="White, Alex" userId="eff6cc8c-37d8-483b-9c6c-6b27e9afa9bc" providerId="ADAL" clId="{BF04C754-5BF4-4E83-9615-DB14FA25AF8A}" dt="2023-10-12T11:37:47.867" v="289"/>
          <ac:spMkLst>
            <pc:docMk/>
            <pc:sldMk cId="2376958513" sldId="260"/>
            <ac:spMk id="2054" creationId="{65C1BF04-B22B-D57F-A801-98ED4D50F841}"/>
          </ac:spMkLst>
        </pc:spChg>
        <pc:spChg chg="mod">
          <ac:chgData name="White, Alex" userId="eff6cc8c-37d8-483b-9c6c-6b27e9afa9bc" providerId="ADAL" clId="{BF04C754-5BF4-4E83-9615-DB14FA25AF8A}" dt="2023-10-12T11:37:47.867" v="289"/>
          <ac:spMkLst>
            <pc:docMk/>
            <pc:sldMk cId="2376958513" sldId="260"/>
            <ac:spMk id="2055" creationId="{E3AA9FB7-76B6-EB31-8711-9F5A75382AB2}"/>
          </ac:spMkLst>
        </pc:spChg>
        <pc:spChg chg="mod">
          <ac:chgData name="White, Alex" userId="eff6cc8c-37d8-483b-9c6c-6b27e9afa9bc" providerId="ADAL" clId="{BF04C754-5BF4-4E83-9615-DB14FA25AF8A}" dt="2023-10-12T11:37:47.867" v="289"/>
          <ac:spMkLst>
            <pc:docMk/>
            <pc:sldMk cId="2376958513" sldId="260"/>
            <ac:spMk id="2056" creationId="{9CA74232-B9C2-FCA8-0A3F-EF1ECDB61D1E}"/>
          </ac:spMkLst>
        </pc:spChg>
        <pc:spChg chg="mod">
          <ac:chgData name="White, Alex" userId="eff6cc8c-37d8-483b-9c6c-6b27e9afa9bc" providerId="ADAL" clId="{BF04C754-5BF4-4E83-9615-DB14FA25AF8A}" dt="2023-10-12T11:37:47.867" v="289"/>
          <ac:spMkLst>
            <pc:docMk/>
            <pc:sldMk cId="2376958513" sldId="260"/>
            <ac:spMk id="2057" creationId="{F83E09E3-EF44-0E7E-1144-19181A385BB9}"/>
          </ac:spMkLst>
        </pc:spChg>
        <pc:spChg chg="mod">
          <ac:chgData name="White, Alex" userId="eff6cc8c-37d8-483b-9c6c-6b27e9afa9bc" providerId="ADAL" clId="{BF04C754-5BF4-4E83-9615-DB14FA25AF8A}" dt="2023-10-12T11:37:47.867" v="289"/>
          <ac:spMkLst>
            <pc:docMk/>
            <pc:sldMk cId="2376958513" sldId="260"/>
            <ac:spMk id="2058" creationId="{848CE6E6-3CFA-3F09-D3FA-734C0989038E}"/>
          </ac:spMkLst>
        </pc:spChg>
        <pc:spChg chg="mod">
          <ac:chgData name="White, Alex" userId="eff6cc8c-37d8-483b-9c6c-6b27e9afa9bc" providerId="ADAL" clId="{BF04C754-5BF4-4E83-9615-DB14FA25AF8A}" dt="2023-10-12T11:37:47.867" v="289"/>
          <ac:spMkLst>
            <pc:docMk/>
            <pc:sldMk cId="2376958513" sldId="260"/>
            <ac:spMk id="2059" creationId="{E6FCF86D-74C3-9CB9-7D50-ECC796A8F7FE}"/>
          </ac:spMkLst>
        </pc:spChg>
        <pc:spChg chg="mod">
          <ac:chgData name="White, Alex" userId="eff6cc8c-37d8-483b-9c6c-6b27e9afa9bc" providerId="ADAL" clId="{BF04C754-5BF4-4E83-9615-DB14FA25AF8A}" dt="2023-10-12T11:37:47.867" v="289"/>
          <ac:spMkLst>
            <pc:docMk/>
            <pc:sldMk cId="2376958513" sldId="260"/>
            <ac:spMk id="2060" creationId="{0BC9830C-681C-6677-A123-B3976862A210}"/>
          </ac:spMkLst>
        </pc:spChg>
        <pc:spChg chg="mod">
          <ac:chgData name="White, Alex" userId="eff6cc8c-37d8-483b-9c6c-6b27e9afa9bc" providerId="ADAL" clId="{BF04C754-5BF4-4E83-9615-DB14FA25AF8A}" dt="2023-10-12T11:37:47.867" v="289"/>
          <ac:spMkLst>
            <pc:docMk/>
            <pc:sldMk cId="2376958513" sldId="260"/>
            <ac:spMk id="2061" creationId="{F839B144-F80C-37EB-F55B-1668A46739F5}"/>
          </ac:spMkLst>
        </pc:spChg>
        <pc:spChg chg="mod">
          <ac:chgData name="White, Alex" userId="eff6cc8c-37d8-483b-9c6c-6b27e9afa9bc" providerId="ADAL" clId="{BF04C754-5BF4-4E83-9615-DB14FA25AF8A}" dt="2023-10-12T11:37:47.867" v="289"/>
          <ac:spMkLst>
            <pc:docMk/>
            <pc:sldMk cId="2376958513" sldId="260"/>
            <ac:spMk id="2062" creationId="{3C95CADD-861F-A4DA-F8D8-1D27BDB37EBD}"/>
          </ac:spMkLst>
        </pc:spChg>
        <pc:spChg chg="mod">
          <ac:chgData name="White, Alex" userId="eff6cc8c-37d8-483b-9c6c-6b27e9afa9bc" providerId="ADAL" clId="{BF04C754-5BF4-4E83-9615-DB14FA25AF8A}" dt="2023-10-12T11:37:47.867" v="289"/>
          <ac:spMkLst>
            <pc:docMk/>
            <pc:sldMk cId="2376958513" sldId="260"/>
            <ac:spMk id="2063" creationId="{3EF7D109-F665-5407-D4CE-E36C0EEEC0DA}"/>
          </ac:spMkLst>
        </pc:spChg>
        <pc:spChg chg="mod">
          <ac:chgData name="White, Alex" userId="eff6cc8c-37d8-483b-9c6c-6b27e9afa9bc" providerId="ADAL" clId="{BF04C754-5BF4-4E83-9615-DB14FA25AF8A}" dt="2023-10-12T11:37:47.867" v="289"/>
          <ac:spMkLst>
            <pc:docMk/>
            <pc:sldMk cId="2376958513" sldId="260"/>
            <ac:spMk id="2064" creationId="{B0349E1C-E6CA-93AF-93AC-61641058D828}"/>
          </ac:spMkLst>
        </pc:spChg>
        <pc:spChg chg="mod">
          <ac:chgData name="White, Alex" userId="eff6cc8c-37d8-483b-9c6c-6b27e9afa9bc" providerId="ADAL" clId="{BF04C754-5BF4-4E83-9615-DB14FA25AF8A}" dt="2023-10-12T11:37:47.867" v="289"/>
          <ac:spMkLst>
            <pc:docMk/>
            <pc:sldMk cId="2376958513" sldId="260"/>
            <ac:spMk id="2065" creationId="{7AAF3FB4-EF3A-AB9D-E817-A043E44D980E}"/>
          </ac:spMkLst>
        </pc:spChg>
        <pc:spChg chg="mod">
          <ac:chgData name="White, Alex" userId="eff6cc8c-37d8-483b-9c6c-6b27e9afa9bc" providerId="ADAL" clId="{BF04C754-5BF4-4E83-9615-DB14FA25AF8A}" dt="2023-10-12T11:37:47.867" v="289"/>
          <ac:spMkLst>
            <pc:docMk/>
            <pc:sldMk cId="2376958513" sldId="260"/>
            <ac:spMk id="2066" creationId="{DF5875DA-7CAA-6BE0-53CE-D8A2EEE5E1AC}"/>
          </ac:spMkLst>
        </pc:spChg>
        <pc:spChg chg="mod">
          <ac:chgData name="White, Alex" userId="eff6cc8c-37d8-483b-9c6c-6b27e9afa9bc" providerId="ADAL" clId="{BF04C754-5BF4-4E83-9615-DB14FA25AF8A}" dt="2023-10-12T11:37:47.867" v="289"/>
          <ac:spMkLst>
            <pc:docMk/>
            <pc:sldMk cId="2376958513" sldId="260"/>
            <ac:spMk id="2067" creationId="{0F18265A-6D9A-3721-5B31-07FEC8D74A3C}"/>
          </ac:spMkLst>
        </pc:spChg>
        <pc:spChg chg="mod">
          <ac:chgData name="White, Alex" userId="eff6cc8c-37d8-483b-9c6c-6b27e9afa9bc" providerId="ADAL" clId="{BF04C754-5BF4-4E83-9615-DB14FA25AF8A}" dt="2023-10-12T11:37:47.867" v="289"/>
          <ac:spMkLst>
            <pc:docMk/>
            <pc:sldMk cId="2376958513" sldId="260"/>
            <ac:spMk id="2068" creationId="{7B8DA8D6-2E0D-5D8E-C4F4-1E26B4D581A5}"/>
          </ac:spMkLst>
        </pc:spChg>
        <pc:spChg chg="mod">
          <ac:chgData name="White, Alex" userId="eff6cc8c-37d8-483b-9c6c-6b27e9afa9bc" providerId="ADAL" clId="{BF04C754-5BF4-4E83-9615-DB14FA25AF8A}" dt="2023-10-12T11:37:47.867" v="289"/>
          <ac:spMkLst>
            <pc:docMk/>
            <pc:sldMk cId="2376958513" sldId="260"/>
            <ac:spMk id="2069" creationId="{83481A5B-5740-89CA-3B87-A5AD890B6614}"/>
          </ac:spMkLst>
        </pc:spChg>
        <pc:spChg chg="mod">
          <ac:chgData name="White, Alex" userId="eff6cc8c-37d8-483b-9c6c-6b27e9afa9bc" providerId="ADAL" clId="{BF04C754-5BF4-4E83-9615-DB14FA25AF8A}" dt="2023-10-12T11:37:47.867" v="289"/>
          <ac:spMkLst>
            <pc:docMk/>
            <pc:sldMk cId="2376958513" sldId="260"/>
            <ac:spMk id="2070" creationId="{7228BE27-F131-694E-D24D-B5B39FC79E0F}"/>
          </ac:spMkLst>
        </pc:spChg>
        <pc:spChg chg="mod">
          <ac:chgData name="White, Alex" userId="eff6cc8c-37d8-483b-9c6c-6b27e9afa9bc" providerId="ADAL" clId="{BF04C754-5BF4-4E83-9615-DB14FA25AF8A}" dt="2023-10-12T11:37:47.867" v="289"/>
          <ac:spMkLst>
            <pc:docMk/>
            <pc:sldMk cId="2376958513" sldId="260"/>
            <ac:spMk id="2071" creationId="{627B7591-C9E9-1F16-0C9A-BA0A0C890696}"/>
          </ac:spMkLst>
        </pc:spChg>
        <pc:spChg chg="mod">
          <ac:chgData name="White, Alex" userId="eff6cc8c-37d8-483b-9c6c-6b27e9afa9bc" providerId="ADAL" clId="{BF04C754-5BF4-4E83-9615-DB14FA25AF8A}" dt="2023-10-12T11:37:47.867" v="289"/>
          <ac:spMkLst>
            <pc:docMk/>
            <pc:sldMk cId="2376958513" sldId="260"/>
            <ac:spMk id="2072" creationId="{6309EC38-80D3-7D14-DC84-EAD7E7335257}"/>
          </ac:spMkLst>
        </pc:spChg>
        <pc:spChg chg="mod">
          <ac:chgData name="White, Alex" userId="eff6cc8c-37d8-483b-9c6c-6b27e9afa9bc" providerId="ADAL" clId="{BF04C754-5BF4-4E83-9615-DB14FA25AF8A}" dt="2023-10-12T11:37:47.867" v="289"/>
          <ac:spMkLst>
            <pc:docMk/>
            <pc:sldMk cId="2376958513" sldId="260"/>
            <ac:spMk id="2073" creationId="{211ED852-6D6F-5294-F3D9-739041F0839F}"/>
          </ac:spMkLst>
        </pc:spChg>
        <pc:spChg chg="mod">
          <ac:chgData name="White, Alex" userId="eff6cc8c-37d8-483b-9c6c-6b27e9afa9bc" providerId="ADAL" clId="{BF04C754-5BF4-4E83-9615-DB14FA25AF8A}" dt="2023-10-12T11:37:47.867" v="289"/>
          <ac:spMkLst>
            <pc:docMk/>
            <pc:sldMk cId="2376958513" sldId="260"/>
            <ac:spMk id="2074" creationId="{2C675E6B-0805-8743-16D8-905EB1667C5E}"/>
          </ac:spMkLst>
        </pc:spChg>
        <pc:spChg chg="mod">
          <ac:chgData name="White, Alex" userId="eff6cc8c-37d8-483b-9c6c-6b27e9afa9bc" providerId="ADAL" clId="{BF04C754-5BF4-4E83-9615-DB14FA25AF8A}" dt="2023-10-12T11:37:47.867" v="289"/>
          <ac:spMkLst>
            <pc:docMk/>
            <pc:sldMk cId="2376958513" sldId="260"/>
            <ac:spMk id="2075" creationId="{51556316-1DC7-69F9-1B5D-D673CB873537}"/>
          </ac:spMkLst>
        </pc:spChg>
        <pc:spChg chg="mod">
          <ac:chgData name="White, Alex" userId="eff6cc8c-37d8-483b-9c6c-6b27e9afa9bc" providerId="ADAL" clId="{BF04C754-5BF4-4E83-9615-DB14FA25AF8A}" dt="2023-10-12T11:37:47.867" v="289"/>
          <ac:spMkLst>
            <pc:docMk/>
            <pc:sldMk cId="2376958513" sldId="260"/>
            <ac:spMk id="2076" creationId="{D839B25D-0604-A27F-864B-7C110CD45DF0}"/>
          </ac:spMkLst>
        </pc:spChg>
        <pc:spChg chg="mod">
          <ac:chgData name="White, Alex" userId="eff6cc8c-37d8-483b-9c6c-6b27e9afa9bc" providerId="ADAL" clId="{BF04C754-5BF4-4E83-9615-DB14FA25AF8A}" dt="2023-10-12T11:37:47.867" v="289"/>
          <ac:spMkLst>
            <pc:docMk/>
            <pc:sldMk cId="2376958513" sldId="260"/>
            <ac:spMk id="2077" creationId="{AA261824-AC25-BAA2-075F-C9538343D413}"/>
          </ac:spMkLst>
        </pc:spChg>
        <pc:spChg chg="mod">
          <ac:chgData name="White, Alex" userId="eff6cc8c-37d8-483b-9c6c-6b27e9afa9bc" providerId="ADAL" clId="{BF04C754-5BF4-4E83-9615-DB14FA25AF8A}" dt="2023-10-12T11:37:47.867" v="289"/>
          <ac:spMkLst>
            <pc:docMk/>
            <pc:sldMk cId="2376958513" sldId="260"/>
            <ac:spMk id="2078" creationId="{EFF679D5-0108-3338-46BB-41B06DCC9EBF}"/>
          </ac:spMkLst>
        </pc:spChg>
        <pc:spChg chg="mod">
          <ac:chgData name="White, Alex" userId="eff6cc8c-37d8-483b-9c6c-6b27e9afa9bc" providerId="ADAL" clId="{BF04C754-5BF4-4E83-9615-DB14FA25AF8A}" dt="2023-10-12T11:37:47.867" v="289"/>
          <ac:spMkLst>
            <pc:docMk/>
            <pc:sldMk cId="2376958513" sldId="260"/>
            <ac:spMk id="2079" creationId="{AA28713F-5383-1784-2EEA-35B9A1ED1CCF}"/>
          </ac:spMkLst>
        </pc:spChg>
        <pc:spChg chg="mod">
          <ac:chgData name="White, Alex" userId="eff6cc8c-37d8-483b-9c6c-6b27e9afa9bc" providerId="ADAL" clId="{BF04C754-5BF4-4E83-9615-DB14FA25AF8A}" dt="2023-10-12T11:37:47.867" v="289"/>
          <ac:spMkLst>
            <pc:docMk/>
            <pc:sldMk cId="2376958513" sldId="260"/>
            <ac:spMk id="2080" creationId="{0C8C00DC-2889-4EE4-95A9-B2709EB356B3}"/>
          </ac:spMkLst>
        </pc:spChg>
        <pc:spChg chg="mod">
          <ac:chgData name="White, Alex" userId="eff6cc8c-37d8-483b-9c6c-6b27e9afa9bc" providerId="ADAL" clId="{BF04C754-5BF4-4E83-9615-DB14FA25AF8A}" dt="2023-10-12T11:37:47.867" v="289"/>
          <ac:spMkLst>
            <pc:docMk/>
            <pc:sldMk cId="2376958513" sldId="260"/>
            <ac:spMk id="2081" creationId="{27C20C46-E3FC-D364-EC0E-8607944DCE05}"/>
          </ac:spMkLst>
        </pc:spChg>
        <pc:spChg chg="mod">
          <ac:chgData name="White, Alex" userId="eff6cc8c-37d8-483b-9c6c-6b27e9afa9bc" providerId="ADAL" clId="{BF04C754-5BF4-4E83-9615-DB14FA25AF8A}" dt="2023-10-12T11:37:47.867" v="289"/>
          <ac:spMkLst>
            <pc:docMk/>
            <pc:sldMk cId="2376958513" sldId="260"/>
            <ac:spMk id="2082" creationId="{C3DD2A74-26E7-346D-8211-74FB9BD9D9B2}"/>
          </ac:spMkLst>
        </pc:spChg>
        <pc:spChg chg="mod">
          <ac:chgData name="White, Alex" userId="eff6cc8c-37d8-483b-9c6c-6b27e9afa9bc" providerId="ADAL" clId="{BF04C754-5BF4-4E83-9615-DB14FA25AF8A}" dt="2023-10-12T11:37:47.867" v="289"/>
          <ac:spMkLst>
            <pc:docMk/>
            <pc:sldMk cId="2376958513" sldId="260"/>
            <ac:spMk id="2083" creationId="{FA528B8C-E5D9-2D4A-FE0F-021465E13128}"/>
          </ac:spMkLst>
        </pc:spChg>
        <pc:spChg chg="mod">
          <ac:chgData name="White, Alex" userId="eff6cc8c-37d8-483b-9c6c-6b27e9afa9bc" providerId="ADAL" clId="{BF04C754-5BF4-4E83-9615-DB14FA25AF8A}" dt="2023-10-12T11:37:47.867" v="289"/>
          <ac:spMkLst>
            <pc:docMk/>
            <pc:sldMk cId="2376958513" sldId="260"/>
            <ac:spMk id="2084" creationId="{D069F0E2-EB9D-F44B-5D05-ECB99CD92999}"/>
          </ac:spMkLst>
        </pc:spChg>
        <pc:spChg chg="mod">
          <ac:chgData name="White, Alex" userId="eff6cc8c-37d8-483b-9c6c-6b27e9afa9bc" providerId="ADAL" clId="{BF04C754-5BF4-4E83-9615-DB14FA25AF8A}" dt="2023-10-12T11:37:47.867" v="289"/>
          <ac:spMkLst>
            <pc:docMk/>
            <pc:sldMk cId="2376958513" sldId="260"/>
            <ac:spMk id="2085" creationId="{21B6CD80-2040-AA03-42AC-B851F8C7E9D3}"/>
          </ac:spMkLst>
        </pc:spChg>
        <pc:spChg chg="mod">
          <ac:chgData name="White, Alex" userId="eff6cc8c-37d8-483b-9c6c-6b27e9afa9bc" providerId="ADAL" clId="{BF04C754-5BF4-4E83-9615-DB14FA25AF8A}" dt="2023-10-12T11:37:47.867" v="289"/>
          <ac:spMkLst>
            <pc:docMk/>
            <pc:sldMk cId="2376958513" sldId="260"/>
            <ac:spMk id="2086" creationId="{9890DF47-4F74-597A-310D-05C8F658C6C4}"/>
          </ac:spMkLst>
        </pc:spChg>
        <pc:spChg chg="mod">
          <ac:chgData name="White, Alex" userId="eff6cc8c-37d8-483b-9c6c-6b27e9afa9bc" providerId="ADAL" clId="{BF04C754-5BF4-4E83-9615-DB14FA25AF8A}" dt="2023-10-12T11:37:47.867" v="289"/>
          <ac:spMkLst>
            <pc:docMk/>
            <pc:sldMk cId="2376958513" sldId="260"/>
            <ac:spMk id="2087" creationId="{8A7779A1-2D92-ABD3-F838-2C5314406949}"/>
          </ac:spMkLst>
        </pc:spChg>
        <pc:spChg chg="mod">
          <ac:chgData name="White, Alex" userId="eff6cc8c-37d8-483b-9c6c-6b27e9afa9bc" providerId="ADAL" clId="{BF04C754-5BF4-4E83-9615-DB14FA25AF8A}" dt="2023-10-12T11:37:47.867" v="289"/>
          <ac:spMkLst>
            <pc:docMk/>
            <pc:sldMk cId="2376958513" sldId="260"/>
            <ac:spMk id="2088" creationId="{74343CCA-95BC-596B-5937-ECE7F8170814}"/>
          </ac:spMkLst>
        </pc:spChg>
        <pc:spChg chg="mod">
          <ac:chgData name="White, Alex" userId="eff6cc8c-37d8-483b-9c6c-6b27e9afa9bc" providerId="ADAL" clId="{BF04C754-5BF4-4E83-9615-DB14FA25AF8A}" dt="2023-10-12T11:37:47.867" v="289"/>
          <ac:spMkLst>
            <pc:docMk/>
            <pc:sldMk cId="2376958513" sldId="260"/>
            <ac:spMk id="2089" creationId="{B2E262DB-342E-BE33-FED5-CB894A9A9A05}"/>
          </ac:spMkLst>
        </pc:spChg>
        <pc:spChg chg="mod">
          <ac:chgData name="White, Alex" userId="eff6cc8c-37d8-483b-9c6c-6b27e9afa9bc" providerId="ADAL" clId="{BF04C754-5BF4-4E83-9615-DB14FA25AF8A}" dt="2023-10-12T11:37:47.867" v="289"/>
          <ac:spMkLst>
            <pc:docMk/>
            <pc:sldMk cId="2376958513" sldId="260"/>
            <ac:spMk id="2090" creationId="{557BD03C-59D0-F72F-EDD4-46C7D15138F8}"/>
          </ac:spMkLst>
        </pc:spChg>
        <pc:spChg chg="mod">
          <ac:chgData name="White, Alex" userId="eff6cc8c-37d8-483b-9c6c-6b27e9afa9bc" providerId="ADAL" clId="{BF04C754-5BF4-4E83-9615-DB14FA25AF8A}" dt="2023-10-12T11:37:47.867" v="289"/>
          <ac:spMkLst>
            <pc:docMk/>
            <pc:sldMk cId="2376958513" sldId="260"/>
            <ac:spMk id="2091" creationId="{72F2D47D-245F-C61B-71B6-E8FD873F194F}"/>
          </ac:spMkLst>
        </pc:spChg>
        <pc:spChg chg="mod">
          <ac:chgData name="White, Alex" userId="eff6cc8c-37d8-483b-9c6c-6b27e9afa9bc" providerId="ADAL" clId="{BF04C754-5BF4-4E83-9615-DB14FA25AF8A}" dt="2023-10-12T11:37:47.867" v="289"/>
          <ac:spMkLst>
            <pc:docMk/>
            <pc:sldMk cId="2376958513" sldId="260"/>
            <ac:spMk id="2092" creationId="{E1A1AA08-95EB-4E1C-0243-17E2FC654065}"/>
          </ac:spMkLst>
        </pc:spChg>
        <pc:spChg chg="mod">
          <ac:chgData name="White, Alex" userId="eff6cc8c-37d8-483b-9c6c-6b27e9afa9bc" providerId="ADAL" clId="{BF04C754-5BF4-4E83-9615-DB14FA25AF8A}" dt="2023-10-12T11:37:47.867" v="289"/>
          <ac:spMkLst>
            <pc:docMk/>
            <pc:sldMk cId="2376958513" sldId="260"/>
            <ac:spMk id="2093" creationId="{505D42B5-C818-FF52-029D-7F760F9C973D}"/>
          </ac:spMkLst>
        </pc:spChg>
        <pc:spChg chg="mod">
          <ac:chgData name="White, Alex" userId="eff6cc8c-37d8-483b-9c6c-6b27e9afa9bc" providerId="ADAL" clId="{BF04C754-5BF4-4E83-9615-DB14FA25AF8A}" dt="2023-10-12T11:37:47.867" v="289"/>
          <ac:spMkLst>
            <pc:docMk/>
            <pc:sldMk cId="2376958513" sldId="260"/>
            <ac:spMk id="2094" creationId="{8E40394E-CBAD-D841-F37C-6EF3340909EE}"/>
          </ac:spMkLst>
        </pc:spChg>
        <pc:spChg chg="mod">
          <ac:chgData name="White, Alex" userId="eff6cc8c-37d8-483b-9c6c-6b27e9afa9bc" providerId="ADAL" clId="{BF04C754-5BF4-4E83-9615-DB14FA25AF8A}" dt="2023-10-12T11:37:47.867" v="289"/>
          <ac:spMkLst>
            <pc:docMk/>
            <pc:sldMk cId="2376958513" sldId="260"/>
            <ac:spMk id="2095" creationId="{AA52EB55-8003-7252-E464-3EBCCE9AE24C}"/>
          </ac:spMkLst>
        </pc:spChg>
        <pc:spChg chg="mod">
          <ac:chgData name="White, Alex" userId="eff6cc8c-37d8-483b-9c6c-6b27e9afa9bc" providerId="ADAL" clId="{BF04C754-5BF4-4E83-9615-DB14FA25AF8A}" dt="2023-10-12T11:37:47.867" v="289"/>
          <ac:spMkLst>
            <pc:docMk/>
            <pc:sldMk cId="2376958513" sldId="260"/>
            <ac:spMk id="2096" creationId="{E3BC6E8F-BCB6-BC00-1FCE-941E2F9D481C}"/>
          </ac:spMkLst>
        </pc:spChg>
        <pc:spChg chg="mod">
          <ac:chgData name="White, Alex" userId="eff6cc8c-37d8-483b-9c6c-6b27e9afa9bc" providerId="ADAL" clId="{BF04C754-5BF4-4E83-9615-DB14FA25AF8A}" dt="2023-10-12T11:37:47.867" v="289"/>
          <ac:spMkLst>
            <pc:docMk/>
            <pc:sldMk cId="2376958513" sldId="260"/>
            <ac:spMk id="2097" creationId="{BDEB8199-EA38-65B5-5DCD-23E9A7393598}"/>
          </ac:spMkLst>
        </pc:spChg>
        <pc:spChg chg="mod">
          <ac:chgData name="White, Alex" userId="eff6cc8c-37d8-483b-9c6c-6b27e9afa9bc" providerId="ADAL" clId="{BF04C754-5BF4-4E83-9615-DB14FA25AF8A}" dt="2023-10-12T11:37:47.867" v="289"/>
          <ac:spMkLst>
            <pc:docMk/>
            <pc:sldMk cId="2376958513" sldId="260"/>
            <ac:spMk id="2098" creationId="{981E93E0-C352-BFAD-A188-70E07C949A81}"/>
          </ac:spMkLst>
        </pc:spChg>
        <pc:spChg chg="mod">
          <ac:chgData name="White, Alex" userId="eff6cc8c-37d8-483b-9c6c-6b27e9afa9bc" providerId="ADAL" clId="{BF04C754-5BF4-4E83-9615-DB14FA25AF8A}" dt="2023-10-12T11:37:47.867" v="289"/>
          <ac:spMkLst>
            <pc:docMk/>
            <pc:sldMk cId="2376958513" sldId="260"/>
            <ac:spMk id="2099" creationId="{E9E43C5C-6648-17A2-3B7C-58E471A28F99}"/>
          </ac:spMkLst>
        </pc:spChg>
        <pc:spChg chg="mod">
          <ac:chgData name="White, Alex" userId="eff6cc8c-37d8-483b-9c6c-6b27e9afa9bc" providerId="ADAL" clId="{BF04C754-5BF4-4E83-9615-DB14FA25AF8A}" dt="2023-10-12T11:37:47.867" v="289"/>
          <ac:spMkLst>
            <pc:docMk/>
            <pc:sldMk cId="2376958513" sldId="260"/>
            <ac:spMk id="2100" creationId="{9C5E9C0A-1B6E-B4CF-B074-CAB0BE540683}"/>
          </ac:spMkLst>
        </pc:spChg>
        <pc:spChg chg="mod">
          <ac:chgData name="White, Alex" userId="eff6cc8c-37d8-483b-9c6c-6b27e9afa9bc" providerId="ADAL" clId="{BF04C754-5BF4-4E83-9615-DB14FA25AF8A}" dt="2023-10-12T11:37:47.867" v="289"/>
          <ac:spMkLst>
            <pc:docMk/>
            <pc:sldMk cId="2376958513" sldId="260"/>
            <ac:spMk id="2101" creationId="{7576A812-E189-D2BC-7A79-B8A6FDCB199C}"/>
          </ac:spMkLst>
        </pc:spChg>
        <pc:spChg chg="mod">
          <ac:chgData name="White, Alex" userId="eff6cc8c-37d8-483b-9c6c-6b27e9afa9bc" providerId="ADAL" clId="{BF04C754-5BF4-4E83-9615-DB14FA25AF8A}" dt="2023-10-12T11:37:47.867" v="289"/>
          <ac:spMkLst>
            <pc:docMk/>
            <pc:sldMk cId="2376958513" sldId="260"/>
            <ac:spMk id="2102" creationId="{AC5F5F14-0CDB-5C0B-3881-093628E1F31E}"/>
          </ac:spMkLst>
        </pc:spChg>
        <pc:spChg chg="mod">
          <ac:chgData name="White, Alex" userId="eff6cc8c-37d8-483b-9c6c-6b27e9afa9bc" providerId="ADAL" clId="{BF04C754-5BF4-4E83-9615-DB14FA25AF8A}" dt="2023-10-12T11:37:47.867" v="289"/>
          <ac:spMkLst>
            <pc:docMk/>
            <pc:sldMk cId="2376958513" sldId="260"/>
            <ac:spMk id="2103" creationId="{0F8B615F-F771-E112-C834-57F1902972B5}"/>
          </ac:spMkLst>
        </pc:spChg>
        <pc:spChg chg="mod">
          <ac:chgData name="White, Alex" userId="eff6cc8c-37d8-483b-9c6c-6b27e9afa9bc" providerId="ADAL" clId="{BF04C754-5BF4-4E83-9615-DB14FA25AF8A}" dt="2023-10-12T11:37:47.867" v="289"/>
          <ac:spMkLst>
            <pc:docMk/>
            <pc:sldMk cId="2376958513" sldId="260"/>
            <ac:spMk id="2104" creationId="{FB8C237A-DD8D-37B4-D238-3628405B6C7E}"/>
          </ac:spMkLst>
        </pc:spChg>
        <pc:spChg chg="mod">
          <ac:chgData name="White, Alex" userId="eff6cc8c-37d8-483b-9c6c-6b27e9afa9bc" providerId="ADAL" clId="{BF04C754-5BF4-4E83-9615-DB14FA25AF8A}" dt="2023-10-12T11:37:47.867" v="289"/>
          <ac:spMkLst>
            <pc:docMk/>
            <pc:sldMk cId="2376958513" sldId="260"/>
            <ac:spMk id="2105" creationId="{99B5EE93-9D23-AFE5-A055-21C042A63D3E}"/>
          </ac:spMkLst>
        </pc:spChg>
        <pc:spChg chg="mod">
          <ac:chgData name="White, Alex" userId="eff6cc8c-37d8-483b-9c6c-6b27e9afa9bc" providerId="ADAL" clId="{BF04C754-5BF4-4E83-9615-DB14FA25AF8A}" dt="2023-10-12T11:37:47.867" v="289"/>
          <ac:spMkLst>
            <pc:docMk/>
            <pc:sldMk cId="2376958513" sldId="260"/>
            <ac:spMk id="2106" creationId="{06F2254A-F6C6-088E-4E6D-DE196D96393C}"/>
          </ac:spMkLst>
        </pc:spChg>
        <pc:spChg chg="mod">
          <ac:chgData name="White, Alex" userId="eff6cc8c-37d8-483b-9c6c-6b27e9afa9bc" providerId="ADAL" clId="{BF04C754-5BF4-4E83-9615-DB14FA25AF8A}" dt="2023-10-12T11:37:47.867" v="289"/>
          <ac:spMkLst>
            <pc:docMk/>
            <pc:sldMk cId="2376958513" sldId="260"/>
            <ac:spMk id="2107" creationId="{9DCD4683-60B9-9E64-479B-42973FB5EF4B}"/>
          </ac:spMkLst>
        </pc:spChg>
        <pc:spChg chg="mod">
          <ac:chgData name="White, Alex" userId="eff6cc8c-37d8-483b-9c6c-6b27e9afa9bc" providerId="ADAL" clId="{BF04C754-5BF4-4E83-9615-DB14FA25AF8A}" dt="2023-10-12T11:37:47.867" v="289"/>
          <ac:spMkLst>
            <pc:docMk/>
            <pc:sldMk cId="2376958513" sldId="260"/>
            <ac:spMk id="2108" creationId="{AD875BD9-BF0A-13C4-D042-38524BF7312F}"/>
          </ac:spMkLst>
        </pc:spChg>
        <pc:spChg chg="mod">
          <ac:chgData name="White, Alex" userId="eff6cc8c-37d8-483b-9c6c-6b27e9afa9bc" providerId="ADAL" clId="{BF04C754-5BF4-4E83-9615-DB14FA25AF8A}" dt="2023-10-12T11:37:47.867" v="289"/>
          <ac:spMkLst>
            <pc:docMk/>
            <pc:sldMk cId="2376958513" sldId="260"/>
            <ac:spMk id="2109" creationId="{7D4F131A-5730-B1EE-AE57-7AB1B3721535}"/>
          </ac:spMkLst>
        </pc:spChg>
        <pc:spChg chg="mod">
          <ac:chgData name="White, Alex" userId="eff6cc8c-37d8-483b-9c6c-6b27e9afa9bc" providerId="ADAL" clId="{BF04C754-5BF4-4E83-9615-DB14FA25AF8A}" dt="2023-10-12T11:37:47.867" v="289"/>
          <ac:spMkLst>
            <pc:docMk/>
            <pc:sldMk cId="2376958513" sldId="260"/>
            <ac:spMk id="2110" creationId="{6712F1DA-09F1-C51B-F074-E6F42C77A71B}"/>
          </ac:spMkLst>
        </pc:spChg>
        <pc:spChg chg="mod">
          <ac:chgData name="White, Alex" userId="eff6cc8c-37d8-483b-9c6c-6b27e9afa9bc" providerId="ADAL" clId="{BF04C754-5BF4-4E83-9615-DB14FA25AF8A}" dt="2023-10-12T11:37:47.867" v="289"/>
          <ac:spMkLst>
            <pc:docMk/>
            <pc:sldMk cId="2376958513" sldId="260"/>
            <ac:spMk id="2111" creationId="{75E3DA4B-4A07-23F4-3C0F-9C840A49C3F1}"/>
          </ac:spMkLst>
        </pc:spChg>
        <pc:spChg chg="mod">
          <ac:chgData name="White, Alex" userId="eff6cc8c-37d8-483b-9c6c-6b27e9afa9bc" providerId="ADAL" clId="{BF04C754-5BF4-4E83-9615-DB14FA25AF8A}" dt="2023-10-12T11:37:47.867" v="289"/>
          <ac:spMkLst>
            <pc:docMk/>
            <pc:sldMk cId="2376958513" sldId="260"/>
            <ac:spMk id="2112" creationId="{94BF0AA0-96B6-4682-3DAE-249BCE2EE047}"/>
          </ac:spMkLst>
        </pc:spChg>
        <pc:spChg chg="mod">
          <ac:chgData name="White, Alex" userId="eff6cc8c-37d8-483b-9c6c-6b27e9afa9bc" providerId="ADAL" clId="{BF04C754-5BF4-4E83-9615-DB14FA25AF8A}" dt="2023-10-12T11:37:47.867" v="289"/>
          <ac:spMkLst>
            <pc:docMk/>
            <pc:sldMk cId="2376958513" sldId="260"/>
            <ac:spMk id="2113" creationId="{BD35536B-7E2E-CAD4-A1C8-FFC2DD3F5D5D}"/>
          </ac:spMkLst>
        </pc:spChg>
        <pc:spChg chg="mod">
          <ac:chgData name="White, Alex" userId="eff6cc8c-37d8-483b-9c6c-6b27e9afa9bc" providerId="ADAL" clId="{BF04C754-5BF4-4E83-9615-DB14FA25AF8A}" dt="2023-10-12T11:37:47.867" v="289"/>
          <ac:spMkLst>
            <pc:docMk/>
            <pc:sldMk cId="2376958513" sldId="260"/>
            <ac:spMk id="2114" creationId="{4CB9B4F7-CDEE-6F31-6F87-19FAAEEDC7F4}"/>
          </ac:spMkLst>
        </pc:spChg>
        <pc:spChg chg="mod">
          <ac:chgData name="White, Alex" userId="eff6cc8c-37d8-483b-9c6c-6b27e9afa9bc" providerId="ADAL" clId="{BF04C754-5BF4-4E83-9615-DB14FA25AF8A}" dt="2023-10-12T11:37:47.867" v="289"/>
          <ac:spMkLst>
            <pc:docMk/>
            <pc:sldMk cId="2376958513" sldId="260"/>
            <ac:spMk id="2115" creationId="{164FFE44-5167-1EBB-8E37-B3F00905139C}"/>
          </ac:spMkLst>
        </pc:spChg>
        <pc:spChg chg="mod">
          <ac:chgData name="White, Alex" userId="eff6cc8c-37d8-483b-9c6c-6b27e9afa9bc" providerId="ADAL" clId="{BF04C754-5BF4-4E83-9615-DB14FA25AF8A}" dt="2023-10-12T11:37:47.867" v="289"/>
          <ac:spMkLst>
            <pc:docMk/>
            <pc:sldMk cId="2376958513" sldId="260"/>
            <ac:spMk id="2116" creationId="{EBCBB356-1931-E321-48EE-10B5E3CA6928}"/>
          </ac:spMkLst>
        </pc:spChg>
        <pc:spChg chg="mod">
          <ac:chgData name="White, Alex" userId="eff6cc8c-37d8-483b-9c6c-6b27e9afa9bc" providerId="ADAL" clId="{BF04C754-5BF4-4E83-9615-DB14FA25AF8A}" dt="2023-10-12T11:37:47.867" v="289"/>
          <ac:spMkLst>
            <pc:docMk/>
            <pc:sldMk cId="2376958513" sldId="260"/>
            <ac:spMk id="2117" creationId="{6109B6A8-435D-4D55-8C73-98E91CC6EB56}"/>
          </ac:spMkLst>
        </pc:spChg>
        <pc:spChg chg="mod">
          <ac:chgData name="White, Alex" userId="eff6cc8c-37d8-483b-9c6c-6b27e9afa9bc" providerId="ADAL" clId="{BF04C754-5BF4-4E83-9615-DB14FA25AF8A}" dt="2023-10-12T11:37:47.867" v="289"/>
          <ac:spMkLst>
            <pc:docMk/>
            <pc:sldMk cId="2376958513" sldId="260"/>
            <ac:spMk id="2118" creationId="{651BDA9B-3431-1DC6-60AD-0C343AA6F385}"/>
          </ac:spMkLst>
        </pc:spChg>
        <pc:spChg chg="mod">
          <ac:chgData name="White, Alex" userId="eff6cc8c-37d8-483b-9c6c-6b27e9afa9bc" providerId="ADAL" clId="{BF04C754-5BF4-4E83-9615-DB14FA25AF8A}" dt="2023-10-12T11:37:47.867" v="289"/>
          <ac:spMkLst>
            <pc:docMk/>
            <pc:sldMk cId="2376958513" sldId="260"/>
            <ac:spMk id="2119" creationId="{7D5BDA64-A0EA-5A5C-2D76-79164DE2E9FD}"/>
          </ac:spMkLst>
        </pc:spChg>
        <pc:spChg chg="mod">
          <ac:chgData name="White, Alex" userId="eff6cc8c-37d8-483b-9c6c-6b27e9afa9bc" providerId="ADAL" clId="{BF04C754-5BF4-4E83-9615-DB14FA25AF8A}" dt="2023-10-12T11:37:47.867" v="289"/>
          <ac:spMkLst>
            <pc:docMk/>
            <pc:sldMk cId="2376958513" sldId="260"/>
            <ac:spMk id="2120" creationId="{5D2262B5-C310-7D2C-95EE-7C53967F698E}"/>
          </ac:spMkLst>
        </pc:spChg>
        <pc:spChg chg="mod">
          <ac:chgData name="White, Alex" userId="eff6cc8c-37d8-483b-9c6c-6b27e9afa9bc" providerId="ADAL" clId="{BF04C754-5BF4-4E83-9615-DB14FA25AF8A}" dt="2023-10-12T11:37:47.867" v="289"/>
          <ac:spMkLst>
            <pc:docMk/>
            <pc:sldMk cId="2376958513" sldId="260"/>
            <ac:spMk id="2121" creationId="{014E32BE-1703-11D8-2E67-0B5D9A16CED8}"/>
          </ac:spMkLst>
        </pc:spChg>
        <pc:spChg chg="mod">
          <ac:chgData name="White, Alex" userId="eff6cc8c-37d8-483b-9c6c-6b27e9afa9bc" providerId="ADAL" clId="{BF04C754-5BF4-4E83-9615-DB14FA25AF8A}" dt="2023-10-12T11:37:47.867" v="289"/>
          <ac:spMkLst>
            <pc:docMk/>
            <pc:sldMk cId="2376958513" sldId="260"/>
            <ac:spMk id="2122" creationId="{5BE3F727-8E65-0475-C0A0-85C0A8F51D26}"/>
          </ac:spMkLst>
        </pc:spChg>
        <pc:spChg chg="mod">
          <ac:chgData name="White, Alex" userId="eff6cc8c-37d8-483b-9c6c-6b27e9afa9bc" providerId="ADAL" clId="{BF04C754-5BF4-4E83-9615-DB14FA25AF8A}" dt="2023-10-12T11:37:47.867" v="289"/>
          <ac:spMkLst>
            <pc:docMk/>
            <pc:sldMk cId="2376958513" sldId="260"/>
            <ac:spMk id="2123" creationId="{AC584400-537F-A849-3BDE-3FCFEBFAA2B8}"/>
          </ac:spMkLst>
        </pc:spChg>
        <pc:spChg chg="mod">
          <ac:chgData name="White, Alex" userId="eff6cc8c-37d8-483b-9c6c-6b27e9afa9bc" providerId="ADAL" clId="{BF04C754-5BF4-4E83-9615-DB14FA25AF8A}" dt="2023-10-12T11:37:47.867" v="289"/>
          <ac:spMkLst>
            <pc:docMk/>
            <pc:sldMk cId="2376958513" sldId="260"/>
            <ac:spMk id="2124" creationId="{931A31E2-1B4D-A509-8543-EA1D1487B311}"/>
          </ac:spMkLst>
        </pc:spChg>
        <pc:spChg chg="mod">
          <ac:chgData name="White, Alex" userId="eff6cc8c-37d8-483b-9c6c-6b27e9afa9bc" providerId="ADAL" clId="{BF04C754-5BF4-4E83-9615-DB14FA25AF8A}" dt="2023-10-12T11:37:47.867" v="289"/>
          <ac:spMkLst>
            <pc:docMk/>
            <pc:sldMk cId="2376958513" sldId="260"/>
            <ac:spMk id="2125" creationId="{52F37DF3-2571-EFC0-16B4-B261C650419B}"/>
          </ac:spMkLst>
        </pc:spChg>
        <pc:spChg chg="mod">
          <ac:chgData name="White, Alex" userId="eff6cc8c-37d8-483b-9c6c-6b27e9afa9bc" providerId="ADAL" clId="{BF04C754-5BF4-4E83-9615-DB14FA25AF8A}" dt="2023-10-12T11:37:47.867" v="289"/>
          <ac:spMkLst>
            <pc:docMk/>
            <pc:sldMk cId="2376958513" sldId="260"/>
            <ac:spMk id="2126" creationId="{DE20EF43-7AFD-BC14-4818-AFB403B3389C}"/>
          </ac:spMkLst>
        </pc:spChg>
        <pc:spChg chg="mod">
          <ac:chgData name="White, Alex" userId="eff6cc8c-37d8-483b-9c6c-6b27e9afa9bc" providerId="ADAL" clId="{BF04C754-5BF4-4E83-9615-DB14FA25AF8A}" dt="2023-10-12T11:37:47.867" v="289"/>
          <ac:spMkLst>
            <pc:docMk/>
            <pc:sldMk cId="2376958513" sldId="260"/>
            <ac:spMk id="2127" creationId="{3ACC8535-059C-FC6A-D488-1F08E9B442A3}"/>
          </ac:spMkLst>
        </pc:spChg>
        <pc:spChg chg="mod">
          <ac:chgData name="White, Alex" userId="eff6cc8c-37d8-483b-9c6c-6b27e9afa9bc" providerId="ADAL" clId="{BF04C754-5BF4-4E83-9615-DB14FA25AF8A}" dt="2023-10-12T11:37:47.867" v="289"/>
          <ac:spMkLst>
            <pc:docMk/>
            <pc:sldMk cId="2376958513" sldId="260"/>
            <ac:spMk id="2128" creationId="{60B9AA48-E116-915F-0A60-38B320214101}"/>
          </ac:spMkLst>
        </pc:spChg>
        <pc:spChg chg="mod">
          <ac:chgData name="White, Alex" userId="eff6cc8c-37d8-483b-9c6c-6b27e9afa9bc" providerId="ADAL" clId="{BF04C754-5BF4-4E83-9615-DB14FA25AF8A}" dt="2023-10-12T11:37:47.867" v="289"/>
          <ac:spMkLst>
            <pc:docMk/>
            <pc:sldMk cId="2376958513" sldId="260"/>
            <ac:spMk id="2129" creationId="{D141B9F9-4C11-67C9-A1D0-A93252E36913}"/>
          </ac:spMkLst>
        </pc:spChg>
        <pc:spChg chg="mod">
          <ac:chgData name="White, Alex" userId="eff6cc8c-37d8-483b-9c6c-6b27e9afa9bc" providerId="ADAL" clId="{BF04C754-5BF4-4E83-9615-DB14FA25AF8A}" dt="2023-10-12T11:37:47.867" v="289"/>
          <ac:spMkLst>
            <pc:docMk/>
            <pc:sldMk cId="2376958513" sldId="260"/>
            <ac:spMk id="2130" creationId="{951D238B-6B95-460E-0874-45410BBE43E1}"/>
          </ac:spMkLst>
        </pc:spChg>
        <pc:spChg chg="mod">
          <ac:chgData name="White, Alex" userId="eff6cc8c-37d8-483b-9c6c-6b27e9afa9bc" providerId="ADAL" clId="{BF04C754-5BF4-4E83-9615-DB14FA25AF8A}" dt="2023-10-12T11:37:47.867" v="289"/>
          <ac:spMkLst>
            <pc:docMk/>
            <pc:sldMk cId="2376958513" sldId="260"/>
            <ac:spMk id="2131" creationId="{627CA85C-DBDF-8A15-D994-4E5D6A5A8F37}"/>
          </ac:spMkLst>
        </pc:spChg>
        <pc:spChg chg="mod">
          <ac:chgData name="White, Alex" userId="eff6cc8c-37d8-483b-9c6c-6b27e9afa9bc" providerId="ADAL" clId="{BF04C754-5BF4-4E83-9615-DB14FA25AF8A}" dt="2023-10-12T11:37:47.867" v="289"/>
          <ac:spMkLst>
            <pc:docMk/>
            <pc:sldMk cId="2376958513" sldId="260"/>
            <ac:spMk id="2132" creationId="{ACD9F627-34C0-DCC9-1162-C867F80AE43E}"/>
          </ac:spMkLst>
        </pc:spChg>
        <pc:spChg chg="mod">
          <ac:chgData name="White, Alex" userId="eff6cc8c-37d8-483b-9c6c-6b27e9afa9bc" providerId="ADAL" clId="{BF04C754-5BF4-4E83-9615-DB14FA25AF8A}" dt="2023-10-12T11:37:47.867" v="289"/>
          <ac:spMkLst>
            <pc:docMk/>
            <pc:sldMk cId="2376958513" sldId="260"/>
            <ac:spMk id="2133" creationId="{5D7CCD0B-731A-2206-793B-7D770DD93FC8}"/>
          </ac:spMkLst>
        </pc:spChg>
        <pc:spChg chg="mod">
          <ac:chgData name="White, Alex" userId="eff6cc8c-37d8-483b-9c6c-6b27e9afa9bc" providerId="ADAL" clId="{BF04C754-5BF4-4E83-9615-DB14FA25AF8A}" dt="2023-10-12T11:37:47.867" v="289"/>
          <ac:spMkLst>
            <pc:docMk/>
            <pc:sldMk cId="2376958513" sldId="260"/>
            <ac:spMk id="2134" creationId="{062C5022-A83A-2229-2FA8-2ADE11BD77A8}"/>
          </ac:spMkLst>
        </pc:spChg>
        <pc:spChg chg="mod">
          <ac:chgData name="White, Alex" userId="eff6cc8c-37d8-483b-9c6c-6b27e9afa9bc" providerId="ADAL" clId="{BF04C754-5BF4-4E83-9615-DB14FA25AF8A}" dt="2023-10-12T11:37:47.867" v="289"/>
          <ac:spMkLst>
            <pc:docMk/>
            <pc:sldMk cId="2376958513" sldId="260"/>
            <ac:spMk id="2135" creationId="{E983BDD1-2761-5C68-94F0-4EC260D09BB4}"/>
          </ac:spMkLst>
        </pc:spChg>
        <pc:spChg chg="mod">
          <ac:chgData name="White, Alex" userId="eff6cc8c-37d8-483b-9c6c-6b27e9afa9bc" providerId="ADAL" clId="{BF04C754-5BF4-4E83-9615-DB14FA25AF8A}" dt="2023-10-12T11:37:47.867" v="289"/>
          <ac:spMkLst>
            <pc:docMk/>
            <pc:sldMk cId="2376958513" sldId="260"/>
            <ac:spMk id="2136" creationId="{BC75E31C-78D2-A449-7B2C-8E69C786D5B2}"/>
          </ac:spMkLst>
        </pc:spChg>
        <pc:spChg chg="mod">
          <ac:chgData name="White, Alex" userId="eff6cc8c-37d8-483b-9c6c-6b27e9afa9bc" providerId="ADAL" clId="{BF04C754-5BF4-4E83-9615-DB14FA25AF8A}" dt="2023-10-12T11:37:47.867" v="289"/>
          <ac:spMkLst>
            <pc:docMk/>
            <pc:sldMk cId="2376958513" sldId="260"/>
            <ac:spMk id="2137" creationId="{EF460EFC-80B2-B857-85A3-E72F7CB20856}"/>
          </ac:spMkLst>
        </pc:spChg>
        <pc:spChg chg="mod">
          <ac:chgData name="White, Alex" userId="eff6cc8c-37d8-483b-9c6c-6b27e9afa9bc" providerId="ADAL" clId="{BF04C754-5BF4-4E83-9615-DB14FA25AF8A}" dt="2023-10-12T11:37:47.867" v="289"/>
          <ac:spMkLst>
            <pc:docMk/>
            <pc:sldMk cId="2376958513" sldId="260"/>
            <ac:spMk id="2138" creationId="{D84386BD-DBC4-6DB9-8E4D-FD58194DE326}"/>
          </ac:spMkLst>
        </pc:spChg>
        <pc:spChg chg="mod">
          <ac:chgData name="White, Alex" userId="eff6cc8c-37d8-483b-9c6c-6b27e9afa9bc" providerId="ADAL" clId="{BF04C754-5BF4-4E83-9615-DB14FA25AF8A}" dt="2023-10-12T11:37:47.867" v="289"/>
          <ac:spMkLst>
            <pc:docMk/>
            <pc:sldMk cId="2376958513" sldId="260"/>
            <ac:spMk id="2139" creationId="{39CF8503-A15B-F64E-A428-B6307276FE31}"/>
          </ac:spMkLst>
        </pc:spChg>
        <pc:spChg chg="mod">
          <ac:chgData name="White, Alex" userId="eff6cc8c-37d8-483b-9c6c-6b27e9afa9bc" providerId="ADAL" clId="{BF04C754-5BF4-4E83-9615-DB14FA25AF8A}" dt="2023-10-12T11:37:47.867" v="289"/>
          <ac:spMkLst>
            <pc:docMk/>
            <pc:sldMk cId="2376958513" sldId="260"/>
            <ac:spMk id="2140" creationId="{59A59F80-7EC3-BFC6-B073-044E2BD10418}"/>
          </ac:spMkLst>
        </pc:spChg>
        <pc:spChg chg="mod">
          <ac:chgData name="White, Alex" userId="eff6cc8c-37d8-483b-9c6c-6b27e9afa9bc" providerId="ADAL" clId="{BF04C754-5BF4-4E83-9615-DB14FA25AF8A}" dt="2023-10-12T11:37:47.867" v="289"/>
          <ac:spMkLst>
            <pc:docMk/>
            <pc:sldMk cId="2376958513" sldId="260"/>
            <ac:spMk id="2141" creationId="{57366591-46E2-BE4C-04E6-07D5B5C0A879}"/>
          </ac:spMkLst>
        </pc:spChg>
        <pc:spChg chg="mod">
          <ac:chgData name="White, Alex" userId="eff6cc8c-37d8-483b-9c6c-6b27e9afa9bc" providerId="ADAL" clId="{BF04C754-5BF4-4E83-9615-DB14FA25AF8A}" dt="2023-10-12T11:37:47.867" v="289"/>
          <ac:spMkLst>
            <pc:docMk/>
            <pc:sldMk cId="2376958513" sldId="260"/>
            <ac:spMk id="2142" creationId="{81421806-FA11-B43B-918A-F5B0DB6945D2}"/>
          </ac:spMkLst>
        </pc:spChg>
        <pc:spChg chg="mod">
          <ac:chgData name="White, Alex" userId="eff6cc8c-37d8-483b-9c6c-6b27e9afa9bc" providerId="ADAL" clId="{BF04C754-5BF4-4E83-9615-DB14FA25AF8A}" dt="2023-10-12T11:37:47.867" v="289"/>
          <ac:spMkLst>
            <pc:docMk/>
            <pc:sldMk cId="2376958513" sldId="260"/>
            <ac:spMk id="2143" creationId="{8D05ACD8-E4DC-A6DF-9998-C451650802C9}"/>
          </ac:spMkLst>
        </pc:spChg>
        <pc:spChg chg="mod">
          <ac:chgData name="White, Alex" userId="eff6cc8c-37d8-483b-9c6c-6b27e9afa9bc" providerId="ADAL" clId="{BF04C754-5BF4-4E83-9615-DB14FA25AF8A}" dt="2023-10-12T11:37:47.867" v="289"/>
          <ac:spMkLst>
            <pc:docMk/>
            <pc:sldMk cId="2376958513" sldId="260"/>
            <ac:spMk id="2144" creationId="{26CA9996-AC5F-6954-B598-4335DEB36EBB}"/>
          </ac:spMkLst>
        </pc:spChg>
        <pc:spChg chg="mod">
          <ac:chgData name="White, Alex" userId="eff6cc8c-37d8-483b-9c6c-6b27e9afa9bc" providerId="ADAL" clId="{BF04C754-5BF4-4E83-9615-DB14FA25AF8A}" dt="2023-10-12T11:37:47.867" v="289"/>
          <ac:spMkLst>
            <pc:docMk/>
            <pc:sldMk cId="2376958513" sldId="260"/>
            <ac:spMk id="2145" creationId="{22FB39CB-6350-609A-3839-59858BBFDCFD}"/>
          </ac:spMkLst>
        </pc:spChg>
        <pc:spChg chg="mod">
          <ac:chgData name="White, Alex" userId="eff6cc8c-37d8-483b-9c6c-6b27e9afa9bc" providerId="ADAL" clId="{BF04C754-5BF4-4E83-9615-DB14FA25AF8A}" dt="2023-10-12T11:37:47.867" v="289"/>
          <ac:spMkLst>
            <pc:docMk/>
            <pc:sldMk cId="2376958513" sldId="260"/>
            <ac:spMk id="2146" creationId="{DC75AE46-1EDC-BDFF-4833-CD7F64DF6687}"/>
          </ac:spMkLst>
        </pc:spChg>
        <pc:spChg chg="mod">
          <ac:chgData name="White, Alex" userId="eff6cc8c-37d8-483b-9c6c-6b27e9afa9bc" providerId="ADAL" clId="{BF04C754-5BF4-4E83-9615-DB14FA25AF8A}" dt="2023-10-12T11:37:47.867" v="289"/>
          <ac:spMkLst>
            <pc:docMk/>
            <pc:sldMk cId="2376958513" sldId="260"/>
            <ac:spMk id="2147" creationId="{63CDF71A-AE4B-6CB6-B803-CC9EA03C8D53}"/>
          </ac:spMkLst>
        </pc:spChg>
        <pc:spChg chg="mod">
          <ac:chgData name="White, Alex" userId="eff6cc8c-37d8-483b-9c6c-6b27e9afa9bc" providerId="ADAL" clId="{BF04C754-5BF4-4E83-9615-DB14FA25AF8A}" dt="2023-10-12T11:37:47.867" v="289"/>
          <ac:spMkLst>
            <pc:docMk/>
            <pc:sldMk cId="2376958513" sldId="260"/>
            <ac:spMk id="2148" creationId="{9EDAFF0A-47E7-215C-EBF3-1FDB9DFE3791}"/>
          </ac:spMkLst>
        </pc:spChg>
        <pc:spChg chg="mod">
          <ac:chgData name="White, Alex" userId="eff6cc8c-37d8-483b-9c6c-6b27e9afa9bc" providerId="ADAL" clId="{BF04C754-5BF4-4E83-9615-DB14FA25AF8A}" dt="2023-10-12T11:37:47.867" v="289"/>
          <ac:spMkLst>
            <pc:docMk/>
            <pc:sldMk cId="2376958513" sldId="260"/>
            <ac:spMk id="2149" creationId="{F6EB9FD0-4728-3D90-30BA-B71AC1DE9798}"/>
          </ac:spMkLst>
        </pc:spChg>
        <pc:spChg chg="mod">
          <ac:chgData name="White, Alex" userId="eff6cc8c-37d8-483b-9c6c-6b27e9afa9bc" providerId="ADAL" clId="{BF04C754-5BF4-4E83-9615-DB14FA25AF8A}" dt="2023-10-12T11:37:47.867" v="289"/>
          <ac:spMkLst>
            <pc:docMk/>
            <pc:sldMk cId="2376958513" sldId="260"/>
            <ac:spMk id="2150" creationId="{A4782366-B9EE-66B0-93CC-AAB17061226B}"/>
          </ac:spMkLst>
        </pc:spChg>
        <pc:spChg chg="mod">
          <ac:chgData name="White, Alex" userId="eff6cc8c-37d8-483b-9c6c-6b27e9afa9bc" providerId="ADAL" clId="{BF04C754-5BF4-4E83-9615-DB14FA25AF8A}" dt="2023-10-12T11:37:47.867" v="289"/>
          <ac:spMkLst>
            <pc:docMk/>
            <pc:sldMk cId="2376958513" sldId="260"/>
            <ac:spMk id="2151" creationId="{8C0DB707-062C-75DF-024B-45E5F5E2012F}"/>
          </ac:spMkLst>
        </pc:spChg>
        <pc:spChg chg="mod">
          <ac:chgData name="White, Alex" userId="eff6cc8c-37d8-483b-9c6c-6b27e9afa9bc" providerId="ADAL" clId="{BF04C754-5BF4-4E83-9615-DB14FA25AF8A}" dt="2023-10-12T11:37:47.867" v="289"/>
          <ac:spMkLst>
            <pc:docMk/>
            <pc:sldMk cId="2376958513" sldId="260"/>
            <ac:spMk id="2152" creationId="{57E5E067-7133-328E-95DA-FCBBABFD5B79}"/>
          </ac:spMkLst>
        </pc:spChg>
        <pc:spChg chg="mod">
          <ac:chgData name="White, Alex" userId="eff6cc8c-37d8-483b-9c6c-6b27e9afa9bc" providerId="ADAL" clId="{BF04C754-5BF4-4E83-9615-DB14FA25AF8A}" dt="2023-10-12T11:37:47.867" v="289"/>
          <ac:spMkLst>
            <pc:docMk/>
            <pc:sldMk cId="2376958513" sldId="260"/>
            <ac:spMk id="2153" creationId="{BD730F20-ADA1-8C43-CB2A-B2C0B29A8B21}"/>
          </ac:spMkLst>
        </pc:spChg>
        <pc:spChg chg="mod">
          <ac:chgData name="White, Alex" userId="eff6cc8c-37d8-483b-9c6c-6b27e9afa9bc" providerId="ADAL" clId="{BF04C754-5BF4-4E83-9615-DB14FA25AF8A}" dt="2023-10-12T11:37:47.867" v="289"/>
          <ac:spMkLst>
            <pc:docMk/>
            <pc:sldMk cId="2376958513" sldId="260"/>
            <ac:spMk id="2154" creationId="{45C3A9F8-C7B3-1336-828F-F2AACFF09855}"/>
          </ac:spMkLst>
        </pc:spChg>
        <pc:spChg chg="mod">
          <ac:chgData name="White, Alex" userId="eff6cc8c-37d8-483b-9c6c-6b27e9afa9bc" providerId="ADAL" clId="{BF04C754-5BF4-4E83-9615-DB14FA25AF8A}" dt="2023-10-12T11:37:47.867" v="289"/>
          <ac:spMkLst>
            <pc:docMk/>
            <pc:sldMk cId="2376958513" sldId="260"/>
            <ac:spMk id="2155" creationId="{3CC055D8-14FA-4151-55F7-3F5D59F88578}"/>
          </ac:spMkLst>
        </pc:spChg>
        <pc:spChg chg="mod">
          <ac:chgData name="White, Alex" userId="eff6cc8c-37d8-483b-9c6c-6b27e9afa9bc" providerId="ADAL" clId="{BF04C754-5BF4-4E83-9615-DB14FA25AF8A}" dt="2023-10-12T11:37:47.867" v="289"/>
          <ac:spMkLst>
            <pc:docMk/>
            <pc:sldMk cId="2376958513" sldId="260"/>
            <ac:spMk id="2156" creationId="{6D98D3F7-2C9C-9759-2787-2798000AC1A7}"/>
          </ac:spMkLst>
        </pc:spChg>
        <pc:spChg chg="mod">
          <ac:chgData name="White, Alex" userId="eff6cc8c-37d8-483b-9c6c-6b27e9afa9bc" providerId="ADAL" clId="{BF04C754-5BF4-4E83-9615-DB14FA25AF8A}" dt="2023-10-12T11:37:47.867" v="289"/>
          <ac:spMkLst>
            <pc:docMk/>
            <pc:sldMk cId="2376958513" sldId="260"/>
            <ac:spMk id="2157" creationId="{9C063A31-D3DD-940A-E7FA-B660E0A38788}"/>
          </ac:spMkLst>
        </pc:spChg>
        <pc:spChg chg="mod">
          <ac:chgData name="White, Alex" userId="eff6cc8c-37d8-483b-9c6c-6b27e9afa9bc" providerId="ADAL" clId="{BF04C754-5BF4-4E83-9615-DB14FA25AF8A}" dt="2023-10-12T11:37:47.867" v="289"/>
          <ac:spMkLst>
            <pc:docMk/>
            <pc:sldMk cId="2376958513" sldId="260"/>
            <ac:spMk id="2158" creationId="{4E8A0B67-8DE5-53D1-B32F-273F6B18A3FA}"/>
          </ac:spMkLst>
        </pc:spChg>
        <pc:spChg chg="mod">
          <ac:chgData name="White, Alex" userId="eff6cc8c-37d8-483b-9c6c-6b27e9afa9bc" providerId="ADAL" clId="{BF04C754-5BF4-4E83-9615-DB14FA25AF8A}" dt="2023-10-12T11:37:47.867" v="289"/>
          <ac:spMkLst>
            <pc:docMk/>
            <pc:sldMk cId="2376958513" sldId="260"/>
            <ac:spMk id="2159" creationId="{2D619FDA-FE71-549C-8715-26B2DC5EA54A}"/>
          </ac:spMkLst>
        </pc:spChg>
        <pc:spChg chg="mod">
          <ac:chgData name="White, Alex" userId="eff6cc8c-37d8-483b-9c6c-6b27e9afa9bc" providerId="ADAL" clId="{BF04C754-5BF4-4E83-9615-DB14FA25AF8A}" dt="2023-10-12T11:37:47.867" v="289"/>
          <ac:spMkLst>
            <pc:docMk/>
            <pc:sldMk cId="2376958513" sldId="260"/>
            <ac:spMk id="2160" creationId="{725A9376-D549-12C5-0469-4A881FEC1BA1}"/>
          </ac:spMkLst>
        </pc:spChg>
        <pc:spChg chg="mod">
          <ac:chgData name="White, Alex" userId="eff6cc8c-37d8-483b-9c6c-6b27e9afa9bc" providerId="ADAL" clId="{BF04C754-5BF4-4E83-9615-DB14FA25AF8A}" dt="2023-10-12T11:37:47.867" v="289"/>
          <ac:spMkLst>
            <pc:docMk/>
            <pc:sldMk cId="2376958513" sldId="260"/>
            <ac:spMk id="2161" creationId="{9C072F20-ABB2-91D2-9076-207F8E831198}"/>
          </ac:spMkLst>
        </pc:spChg>
        <pc:spChg chg="mod">
          <ac:chgData name="White, Alex" userId="eff6cc8c-37d8-483b-9c6c-6b27e9afa9bc" providerId="ADAL" clId="{BF04C754-5BF4-4E83-9615-DB14FA25AF8A}" dt="2023-10-12T11:37:47.867" v="289"/>
          <ac:spMkLst>
            <pc:docMk/>
            <pc:sldMk cId="2376958513" sldId="260"/>
            <ac:spMk id="2162" creationId="{58AE6B44-BCA6-FF59-95DB-E506FA472F68}"/>
          </ac:spMkLst>
        </pc:spChg>
        <pc:spChg chg="mod">
          <ac:chgData name="White, Alex" userId="eff6cc8c-37d8-483b-9c6c-6b27e9afa9bc" providerId="ADAL" clId="{BF04C754-5BF4-4E83-9615-DB14FA25AF8A}" dt="2023-10-12T11:37:47.867" v="289"/>
          <ac:spMkLst>
            <pc:docMk/>
            <pc:sldMk cId="2376958513" sldId="260"/>
            <ac:spMk id="2163" creationId="{25CBC3A0-D312-B51F-09A6-C4E7C33663C2}"/>
          </ac:spMkLst>
        </pc:spChg>
        <pc:spChg chg="mod">
          <ac:chgData name="White, Alex" userId="eff6cc8c-37d8-483b-9c6c-6b27e9afa9bc" providerId="ADAL" clId="{BF04C754-5BF4-4E83-9615-DB14FA25AF8A}" dt="2023-10-12T11:37:47.867" v="289"/>
          <ac:spMkLst>
            <pc:docMk/>
            <pc:sldMk cId="2376958513" sldId="260"/>
            <ac:spMk id="2164" creationId="{0A2DFA54-0173-6B3D-7B32-994EBEDAAD30}"/>
          </ac:spMkLst>
        </pc:spChg>
        <pc:spChg chg="mod">
          <ac:chgData name="White, Alex" userId="eff6cc8c-37d8-483b-9c6c-6b27e9afa9bc" providerId="ADAL" clId="{BF04C754-5BF4-4E83-9615-DB14FA25AF8A}" dt="2023-10-12T11:37:47.867" v="289"/>
          <ac:spMkLst>
            <pc:docMk/>
            <pc:sldMk cId="2376958513" sldId="260"/>
            <ac:spMk id="2165" creationId="{49E9FA76-92AB-061C-B6C8-3592AF84F3BD}"/>
          </ac:spMkLst>
        </pc:spChg>
        <pc:spChg chg="mod">
          <ac:chgData name="White, Alex" userId="eff6cc8c-37d8-483b-9c6c-6b27e9afa9bc" providerId="ADAL" clId="{BF04C754-5BF4-4E83-9615-DB14FA25AF8A}" dt="2023-10-12T11:37:47.867" v="289"/>
          <ac:spMkLst>
            <pc:docMk/>
            <pc:sldMk cId="2376958513" sldId="260"/>
            <ac:spMk id="2166" creationId="{9590FA40-9D22-A55B-2BB8-62B98C238BD0}"/>
          </ac:spMkLst>
        </pc:spChg>
        <pc:spChg chg="mod">
          <ac:chgData name="White, Alex" userId="eff6cc8c-37d8-483b-9c6c-6b27e9afa9bc" providerId="ADAL" clId="{BF04C754-5BF4-4E83-9615-DB14FA25AF8A}" dt="2023-10-12T11:37:47.867" v="289"/>
          <ac:spMkLst>
            <pc:docMk/>
            <pc:sldMk cId="2376958513" sldId="260"/>
            <ac:spMk id="2167" creationId="{4EC08309-692E-D891-E439-D7E1AB19102D}"/>
          </ac:spMkLst>
        </pc:spChg>
        <pc:spChg chg="mod">
          <ac:chgData name="White, Alex" userId="eff6cc8c-37d8-483b-9c6c-6b27e9afa9bc" providerId="ADAL" clId="{BF04C754-5BF4-4E83-9615-DB14FA25AF8A}" dt="2023-10-12T11:37:47.867" v="289"/>
          <ac:spMkLst>
            <pc:docMk/>
            <pc:sldMk cId="2376958513" sldId="260"/>
            <ac:spMk id="2168" creationId="{B7EDD030-F28C-04AF-9C9F-1DF0639B8D04}"/>
          </ac:spMkLst>
        </pc:spChg>
        <pc:spChg chg="mod">
          <ac:chgData name="White, Alex" userId="eff6cc8c-37d8-483b-9c6c-6b27e9afa9bc" providerId="ADAL" clId="{BF04C754-5BF4-4E83-9615-DB14FA25AF8A}" dt="2023-10-12T11:37:47.867" v="289"/>
          <ac:spMkLst>
            <pc:docMk/>
            <pc:sldMk cId="2376958513" sldId="260"/>
            <ac:spMk id="2169" creationId="{941AC07A-A026-663F-56F2-D890F80E7947}"/>
          </ac:spMkLst>
        </pc:spChg>
        <pc:spChg chg="mod">
          <ac:chgData name="White, Alex" userId="eff6cc8c-37d8-483b-9c6c-6b27e9afa9bc" providerId="ADAL" clId="{BF04C754-5BF4-4E83-9615-DB14FA25AF8A}" dt="2023-10-12T11:37:47.867" v="289"/>
          <ac:spMkLst>
            <pc:docMk/>
            <pc:sldMk cId="2376958513" sldId="260"/>
            <ac:spMk id="2170" creationId="{19425DB3-5B73-B84C-487B-FE11FF4A08AE}"/>
          </ac:spMkLst>
        </pc:spChg>
        <pc:spChg chg="mod">
          <ac:chgData name="White, Alex" userId="eff6cc8c-37d8-483b-9c6c-6b27e9afa9bc" providerId="ADAL" clId="{BF04C754-5BF4-4E83-9615-DB14FA25AF8A}" dt="2023-10-12T11:37:47.867" v="289"/>
          <ac:spMkLst>
            <pc:docMk/>
            <pc:sldMk cId="2376958513" sldId="260"/>
            <ac:spMk id="2171" creationId="{DF64DDAA-8EF2-B9C0-238F-C87E7E348B26}"/>
          </ac:spMkLst>
        </pc:spChg>
        <pc:spChg chg="mod">
          <ac:chgData name="White, Alex" userId="eff6cc8c-37d8-483b-9c6c-6b27e9afa9bc" providerId="ADAL" clId="{BF04C754-5BF4-4E83-9615-DB14FA25AF8A}" dt="2023-10-12T11:37:47.867" v="289"/>
          <ac:spMkLst>
            <pc:docMk/>
            <pc:sldMk cId="2376958513" sldId="260"/>
            <ac:spMk id="2172" creationId="{A3A601D8-E9D0-2CCE-2798-066A35AF9CE5}"/>
          </ac:spMkLst>
        </pc:spChg>
        <pc:spChg chg="mod">
          <ac:chgData name="White, Alex" userId="eff6cc8c-37d8-483b-9c6c-6b27e9afa9bc" providerId="ADAL" clId="{BF04C754-5BF4-4E83-9615-DB14FA25AF8A}" dt="2023-10-12T11:37:47.867" v="289"/>
          <ac:spMkLst>
            <pc:docMk/>
            <pc:sldMk cId="2376958513" sldId="260"/>
            <ac:spMk id="2173" creationId="{F9E12954-9624-8F80-65EC-B34FD193B5CD}"/>
          </ac:spMkLst>
        </pc:spChg>
        <pc:spChg chg="mod">
          <ac:chgData name="White, Alex" userId="eff6cc8c-37d8-483b-9c6c-6b27e9afa9bc" providerId="ADAL" clId="{BF04C754-5BF4-4E83-9615-DB14FA25AF8A}" dt="2023-10-12T11:37:47.867" v="289"/>
          <ac:spMkLst>
            <pc:docMk/>
            <pc:sldMk cId="2376958513" sldId="260"/>
            <ac:spMk id="2174" creationId="{30C5A414-46EA-772A-B581-151C1657686E}"/>
          </ac:spMkLst>
        </pc:spChg>
        <pc:spChg chg="mod">
          <ac:chgData name="White, Alex" userId="eff6cc8c-37d8-483b-9c6c-6b27e9afa9bc" providerId="ADAL" clId="{BF04C754-5BF4-4E83-9615-DB14FA25AF8A}" dt="2023-10-12T11:37:47.867" v="289"/>
          <ac:spMkLst>
            <pc:docMk/>
            <pc:sldMk cId="2376958513" sldId="260"/>
            <ac:spMk id="2175" creationId="{D1CABA62-BBA8-8B22-1580-2D3223F12A05}"/>
          </ac:spMkLst>
        </pc:spChg>
        <pc:spChg chg="mod">
          <ac:chgData name="White, Alex" userId="eff6cc8c-37d8-483b-9c6c-6b27e9afa9bc" providerId="ADAL" clId="{BF04C754-5BF4-4E83-9615-DB14FA25AF8A}" dt="2023-10-12T11:37:47.867" v="289"/>
          <ac:spMkLst>
            <pc:docMk/>
            <pc:sldMk cId="2376958513" sldId="260"/>
            <ac:spMk id="2176" creationId="{5CD6FC9C-8633-674B-A0FC-0C2078C08BF4}"/>
          </ac:spMkLst>
        </pc:spChg>
        <pc:spChg chg="mod">
          <ac:chgData name="White, Alex" userId="eff6cc8c-37d8-483b-9c6c-6b27e9afa9bc" providerId="ADAL" clId="{BF04C754-5BF4-4E83-9615-DB14FA25AF8A}" dt="2023-10-12T11:37:47.867" v="289"/>
          <ac:spMkLst>
            <pc:docMk/>
            <pc:sldMk cId="2376958513" sldId="260"/>
            <ac:spMk id="2177" creationId="{2526471A-7F0E-313A-E4BB-20DAE9792F60}"/>
          </ac:spMkLst>
        </pc:spChg>
        <pc:spChg chg="mod">
          <ac:chgData name="White, Alex" userId="eff6cc8c-37d8-483b-9c6c-6b27e9afa9bc" providerId="ADAL" clId="{BF04C754-5BF4-4E83-9615-DB14FA25AF8A}" dt="2023-10-12T11:37:47.867" v="289"/>
          <ac:spMkLst>
            <pc:docMk/>
            <pc:sldMk cId="2376958513" sldId="260"/>
            <ac:spMk id="2178" creationId="{5C913C52-4855-FF90-0537-76C253C1062A}"/>
          </ac:spMkLst>
        </pc:spChg>
        <pc:spChg chg="mod">
          <ac:chgData name="White, Alex" userId="eff6cc8c-37d8-483b-9c6c-6b27e9afa9bc" providerId="ADAL" clId="{BF04C754-5BF4-4E83-9615-DB14FA25AF8A}" dt="2023-10-12T11:37:47.867" v="289"/>
          <ac:spMkLst>
            <pc:docMk/>
            <pc:sldMk cId="2376958513" sldId="260"/>
            <ac:spMk id="2179" creationId="{3BCCFB29-9484-C2AA-7DC3-4B200C4DA03A}"/>
          </ac:spMkLst>
        </pc:spChg>
        <pc:spChg chg="mod">
          <ac:chgData name="White, Alex" userId="eff6cc8c-37d8-483b-9c6c-6b27e9afa9bc" providerId="ADAL" clId="{BF04C754-5BF4-4E83-9615-DB14FA25AF8A}" dt="2023-10-12T11:37:47.867" v="289"/>
          <ac:spMkLst>
            <pc:docMk/>
            <pc:sldMk cId="2376958513" sldId="260"/>
            <ac:spMk id="2180" creationId="{78899524-96F5-413C-AA61-A752CE04BBE5}"/>
          </ac:spMkLst>
        </pc:spChg>
        <pc:spChg chg="mod">
          <ac:chgData name="White, Alex" userId="eff6cc8c-37d8-483b-9c6c-6b27e9afa9bc" providerId="ADAL" clId="{BF04C754-5BF4-4E83-9615-DB14FA25AF8A}" dt="2023-10-12T11:37:47.867" v="289"/>
          <ac:spMkLst>
            <pc:docMk/>
            <pc:sldMk cId="2376958513" sldId="260"/>
            <ac:spMk id="2181" creationId="{185D84A1-2C3A-00DC-D1D4-14CE6A9D66D9}"/>
          </ac:spMkLst>
        </pc:spChg>
        <pc:spChg chg="mod">
          <ac:chgData name="White, Alex" userId="eff6cc8c-37d8-483b-9c6c-6b27e9afa9bc" providerId="ADAL" clId="{BF04C754-5BF4-4E83-9615-DB14FA25AF8A}" dt="2023-10-12T11:37:47.867" v="289"/>
          <ac:spMkLst>
            <pc:docMk/>
            <pc:sldMk cId="2376958513" sldId="260"/>
            <ac:spMk id="2182" creationId="{DC02FEB7-5FFF-2A8C-C5F4-6FA34B8815EA}"/>
          </ac:spMkLst>
        </pc:spChg>
        <pc:spChg chg="mod">
          <ac:chgData name="White, Alex" userId="eff6cc8c-37d8-483b-9c6c-6b27e9afa9bc" providerId="ADAL" clId="{BF04C754-5BF4-4E83-9615-DB14FA25AF8A}" dt="2023-10-12T11:37:47.867" v="289"/>
          <ac:spMkLst>
            <pc:docMk/>
            <pc:sldMk cId="2376958513" sldId="260"/>
            <ac:spMk id="2183" creationId="{E0DD04CD-7D2D-7105-1F6A-634AC562A804}"/>
          </ac:spMkLst>
        </pc:spChg>
        <pc:spChg chg="mod">
          <ac:chgData name="White, Alex" userId="eff6cc8c-37d8-483b-9c6c-6b27e9afa9bc" providerId="ADAL" clId="{BF04C754-5BF4-4E83-9615-DB14FA25AF8A}" dt="2023-10-12T11:37:47.867" v="289"/>
          <ac:spMkLst>
            <pc:docMk/>
            <pc:sldMk cId="2376958513" sldId="260"/>
            <ac:spMk id="2184" creationId="{A86F6198-7FAC-7220-241F-5AA731174868}"/>
          </ac:spMkLst>
        </pc:spChg>
        <pc:spChg chg="mod">
          <ac:chgData name="White, Alex" userId="eff6cc8c-37d8-483b-9c6c-6b27e9afa9bc" providerId="ADAL" clId="{BF04C754-5BF4-4E83-9615-DB14FA25AF8A}" dt="2023-10-12T11:37:47.867" v="289"/>
          <ac:spMkLst>
            <pc:docMk/>
            <pc:sldMk cId="2376958513" sldId="260"/>
            <ac:spMk id="2185" creationId="{97D18F5D-FA3C-52A4-45FC-432740FA667F}"/>
          </ac:spMkLst>
        </pc:spChg>
        <pc:spChg chg="mod">
          <ac:chgData name="White, Alex" userId="eff6cc8c-37d8-483b-9c6c-6b27e9afa9bc" providerId="ADAL" clId="{BF04C754-5BF4-4E83-9615-DB14FA25AF8A}" dt="2023-10-12T11:37:47.867" v="289"/>
          <ac:spMkLst>
            <pc:docMk/>
            <pc:sldMk cId="2376958513" sldId="260"/>
            <ac:spMk id="2186" creationId="{6E4C8C13-E2FA-CDBD-CC79-246DE0CB3AEE}"/>
          </ac:spMkLst>
        </pc:spChg>
        <pc:spChg chg="mod">
          <ac:chgData name="White, Alex" userId="eff6cc8c-37d8-483b-9c6c-6b27e9afa9bc" providerId="ADAL" clId="{BF04C754-5BF4-4E83-9615-DB14FA25AF8A}" dt="2023-10-12T11:37:47.867" v="289"/>
          <ac:spMkLst>
            <pc:docMk/>
            <pc:sldMk cId="2376958513" sldId="260"/>
            <ac:spMk id="2187" creationId="{E42FD899-2E8E-F925-6613-9317C6B16627}"/>
          </ac:spMkLst>
        </pc:spChg>
        <pc:spChg chg="mod">
          <ac:chgData name="White, Alex" userId="eff6cc8c-37d8-483b-9c6c-6b27e9afa9bc" providerId="ADAL" clId="{BF04C754-5BF4-4E83-9615-DB14FA25AF8A}" dt="2023-10-12T11:37:47.867" v="289"/>
          <ac:spMkLst>
            <pc:docMk/>
            <pc:sldMk cId="2376958513" sldId="260"/>
            <ac:spMk id="2188" creationId="{90DED9A1-BB88-E4AC-5E9E-0DFD062AC6E1}"/>
          </ac:spMkLst>
        </pc:spChg>
        <pc:spChg chg="mod">
          <ac:chgData name="White, Alex" userId="eff6cc8c-37d8-483b-9c6c-6b27e9afa9bc" providerId="ADAL" clId="{BF04C754-5BF4-4E83-9615-DB14FA25AF8A}" dt="2023-10-12T11:37:47.867" v="289"/>
          <ac:spMkLst>
            <pc:docMk/>
            <pc:sldMk cId="2376958513" sldId="260"/>
            <ac:spMk id="2189" creationId="{F571CD48-C882-994C-31BB-1134ED1B5916}"/>
          </ac:spMkLst>
        </pc:spChg>
        <pc:spChg chg="mod">
          <ac:chgData name="White, Alex" userId="eff6cc8c-37d8-483b-9c6c-6b27e9afa9bc" providerId="ADAL" clId="{BF04C754-5BF4-4E83-9615-DB14FA25AF8A}" dt="2023-10-12T11:37:47.867" v="289"/>
          <ac:spMkLst>
            <pc:docMk/>
            <pc:sldMk cId="2376958513" sldId="260"/>
            <ac:spMk id="2190" creationId="{64EC7FE8-04AB-B4D9-9BB0-B4556305CF8C}"/>
          </ac:spMkLst>
        </pc:spChg>
        <pc:spChg chg="mod">
          <ac:chgData name="White, Alex" userId="eff6cc8c-37d8-483b-9c6c-6b27e9afa9bc" providerId="ADAL" clId="{BF04C754-5BF4-4E83-9615-DB14FA25AF8A}" dt="2023-10-12T11:37:47.867" v="289"/>
          <ac:spMkLst>
            <pc:docMk/>
            <pc:sldMk cId="2376958513" sldId="260"/>
            <ac:spMk id="2191" creationId="{A82C71F0-3EB5-54D3-D917-297F552E9C0B}"/>
          </ac:spMkLst>
        </pc:spChg>
        <pc:spChg chg="mod">
          <ac:chgData name="White, Alex" userId="eff6cc8c-37d8-483b-9c6c-6b27e9afa9bc" providerId="ADAL" clId="{BF04C754-5BF4-4E83-9615-DB14FA25AF8A}" dt="2023-10-12T11:37:47.867" v="289"/>
          <ac:spMkLst>
            <pc:docMk/>
            <pc:sldMk cId="2376958513" sldId="260"/>
            <ac:spMk id="2192" creationId="{59A71730-2B65-0628-DDBA-FFECEDEBBE6D}"/>
          </ac:spMkLst>
        </pc:spChg>
        <pc:spChg chg="mod">
          <ac:chgData name="White, Alex" userId="eff6cc8c-37d8-483b-9c6c-6b27e9afa9bc" providerId="ADAL" clId="{BF04C754-5BF4-4E83-9615-DB14FA25AF8A}" dt="2023-10-12T11:37:47.867" v="289"/>
          <ac:spMkLst>
            <pc:docMk/>
            <pc:sldMk cId="2376958513" sldId="260"/>
            <ac:spMk id="2193" creationId="{0905A559-9C60-89DF-ECE1-8A983E3478A4}"/>
          </ac:spMkLst>
        </pc:spChg>
        <pc:spChg chg="mod">
          <ac:chgData name="White, Alex" userId="eff6cc8c-37d8-483b-9c6c-6b27e9afa9bc" providerId="ADAL" clId="{BF04C754-5BF4-4E83-9615-DB14FA25AF8A}" dt="2023-10-12T11:37:47.867" v="289"/>
          <ac:spMkLst>
            <pc:docMk/>
            <pc:sldMk cId="2376958513" sldId="260"/>
            <ac:spMk id="2194" creationId="{494E4749-2117-9ABA-BF41-E6256576EC28}"/>
          </ac:spMkLst>
        </pc:spChg>
        <pc:spChg chg="mod">
          <ac:chgData name="White, Alex" userId="eff6cc8c-37d8-483b-9c6c-6b27e9afa9bc" providerId="ADAL" clId="{BF04C754-5BF4-4E83-9615-DB14FA25AF8A}" dt="2023-10-12T11:37:47.867" v="289"/>
          <ac:spMkLst>
            <pc:docMk/>
            <pc:sldMk cId="2376958513" sldId="260"/>
            <ac:spMk id="2195" creationId="{CBBB913D-1B63-713D-5475-34C020676BDA}"/>
          </ac:spMkLst>
        </pc:spChg>
        <pc:spChg chg="mod">
          <ac:chgData name="White, Alex" userId="eff6cc8c-37d8-483b-9c6c-6b27e9afa9bc" providerId="ADAL" clId="{BF04C754-5BF4-4E83-9615-DB14FA25AF8A}" dt="2023-10-12T11:37:47.867" v="289"/>
          <ac:spMkLst>
            <pc:docMk/>
            <pc:sldMk cId="2376958513" sldId="260"/>
            <ac:spMk id="2196" creationId="{24F65626-1A39-6B8E-8545-81F79BB70EF6}"/>
          </ac:spMkLst>
        </pc:spChg>
        <pc:spChg chg="mod">
          <ac:chgData name="White, Alex" userId="eff6cc8c-37d8-483b-9c6c-6b27e9afa9bc" providerId="ADAL" clId="{BF04C754-5BF4-4E83-9615-DB14FA25AF8A}" dt="2023-10-12T11:37:47.867" v="289"/>
          <ac:spMkLst>
            <pc:docMk/>
            <pc:sldMk cId="2376958513" sldId="260"/>
            <ac:spMk id="2197" creationId="{13FC5CEA-6E25-AE77-136D-EADF76A43DA6}"/>
          </ac:spMkLst>
        </pc:spChg>
        <pc:spChg chg="mod">
          <ac:chgData name="White, Alex" userId="eff6cc8c-37d8-483b-9c6c-6b27e9afa9bc" providerId="ADAL" clId="{BF04C754-5BF4-4E83-9615-DB14FA25AF8A}" dt="2023-10-12T11:37:47.867" v="289"/>
          <ac:spMkLst>
            <pc:docMk/>
            <pc:sldMk cId="2376958513" sldId="260"/>
            <ac:spMk id="2198" creationId="{5C46279D-E4A5-2B9A-7433-36503315DDB7}"/>
          </ac:spMkLst>
        </pc:spChg>
        <pc:spChg chg="mod">
          <ac:chgData name="White, Alex" userId="eff6cc8c-37d8-483b-9c6c-6b27e9afa9bc" providerId="ADAL" clId="{BF04C754-5BF4-4E83-9615-DB14FA25AF8A}" dt="2023-10-12T11:37:47.867" v="289"/>
          <ac:spMkLst>
            <pc:docMk/>
            <pc:sldMk cId="2376958513" sldId="260"/>
            <ac:spMk id="2199" creationId="{E35AF3BE-AFF8-9FFC-415A-1D027DE771C7}"/>
          </ac:spMkLst>
        </pc:spChg>
        <pc:spChg chg="mod">
          <ac:chgData name="White, Alex" userId="eff6cc8c-37d8-483b-9c6c-6b27e9afa9bc" providerId="ADAL" clId="{BF04C754-5BF4-4E83-9615-DB14FA25AF8A}" dt="2023-10-12T11:37:47.867" v="289"/>
          <ac:spMkLst>
            <pc:docMk/>
            <pc:sldMk cId="2376958513" sldId="260"/>
            <ac:spMk id="2200" creationId="{DD26704E-CA35-C4AC-A700-096E006CE573}"/>
          </ac:spMkLst>
        </pc:spChg>
        <pc:spChg chg="mod">
          <ac:chgData name="White, Alex" userId="eff6cc8c-37d8-483b-9c6c-6b27e9afa9bc" providerId="ADAL" clId="{BF04C754-5BF4-4E83-9615-DB14FA25AF8A}" dt="2023-10-12T11:37:47.867" v="289"/>
          <ac:spMkLst>
            <pc:docMk/>
            <pc:sldMk cId="2376958513" sldId="260"/>
            <ac:spMk id="2201" creationId="{EDBE9D9B-DE76-CEC3-6276-2622113F1E13}"/>
          </ac:spMkLst>
        </pc:spChg>
        <pc:spChg chg="mod">
          <ac:chgData name="White, Alex" userId="eff6cc8c-37d8-483b-9c6c-6b27e9afa9bc" providerId="ADAL" clId="{BF04C754-5BF4-4E83-9615-DB14FA25AF8A}" dt="2023-10-12T11:37:47.867" v="289"/>
          <ac:spMkLst>
            <pc:docMk/>
            <pc:sldMk cId="2376958513" sldId="260"/>
            <ac:spMk id="2202" creationId="{6C4DE76A-238A-D857-636A-C5A36D07A664}"/>
          </ac:spMkLst>
        </pc:spChg>
        <pc:spChg chg="mod">
          <ac:chgData name="White, Alex" userId="eff6cc8c-37d8-483b-9c6c-6b27e9afa9bc" providerId="ADAL" clId="{BF04C754-5BF4-4E83-9615-DB14FA25AF8A}" dt="2023-10-12T11:37:47.867" v="289"/>
          <ac:spMkLst>
            <pc:docMk/>
            <pc:sldMk cId="2376958513" sldId="260"/>
            <ac:spMk id="2203" creationId="{6334B2B0-2545-0F0A-CEEA-41C49B9A9301}"/>
          </ac:spMkLst>
        </pc:spChg>
        <pc:spChg chg="mod">
          <ac:chgData name="White, Alex" userId="eff6cc8c-37d8-483b-9c6c-6b27e9afa9bc" providerId="ADAL" clId="{BF04C754-5BF4-4E83-9615-DB14FA25AF8A}" dt="2023-10-12T11:37:47.867" v="289"/>
          <ac:spMkLst>
            <pc:docMk/>
            <pc:sldMk cId="2376958513" sldId="260"/>
            <ac:spMk id="2204" creationId="{639642EA-5F35-3A17-A558-4465AA863840}"/>
          </ac:spMkLst>
        </pc:spChg>
        <pc:spChg chg="mod">
          <ac:chgData name="White, Alex" userId="eff6cc8c-37d8-483b-9c6c-6b27e9afa9bc" providerId="ADAL" clId="{BF04C754-5BF4-4E83-9615-DB14FA25AF8A}" dt="2023-10-12T11:37:47.867" v="289"/>
          <ac:spMkLst>
            <pc:docMk/>
            <pc:sldMk cId="2376958513" sldId="260"/>
            <ac:spMk id="2205" creationId="{0C26D20A-2524-3965-1DC0-E133D4E7D896}"/>
          </ac:spMkLst>
        </pc:spChg>
        <pc:spChg chg="mod">
          <ac:chgData name="White, Alex" userId="eff6cc8c-37d8-483b-9c6c-6b27e9afa9bc" providerId="ADAL" clId="{BF04C754-5BF4-4E83-9615-DB14FA25AF8A}" dt="2023-10-12T11:37:47.867" v="289"/>
          <ac:spMkLst>
            <pc:docMk/>
            <pc:sldMk cId="2376958513" sldId="260"/>
            <ac:spMk id="2206" creationId="{019997BC-CDE3-3A04-D001-CEF886A573D6}"/>
          </ac:spMkLst>
        </pc:spChg>
        <pc:spChg chg="mod">
          <ac:chgData name="White, Alex" userId="eff6cc8c-37d8-483b-9c6c-6b27e9afa9bc" providerId="ADAL" clId="{BF04C754-5BF4-4E83-9615-DB14FA25AF8A}" dt="2023-10-12T11:37:47.867" v="289"/>
          <ac:spMkLst>
            <pc:docMk/>
            <pc:sldMk cId="2376958513" sldId="260"/>
            <ac:spMk id="2207" creationId="{1A080D49-BC07-E31D-1B77-1E2AF7CA0A7B}"/>
          </ac:spMkLst>
        </pc:spChg>
        <pc:spChg chg="mod">
          <ac:chgData name="White, Alex" userId="eff6cc8c-37d8-483b-9c6c-6b27e9afa9bc" providerId="ADAL" clId="{BF04C754-5BF4-4E83-9615-DB14FA25AF8A}" dt="2023-10-12T11:37:47.867" v="289"/>
          <ac:spMkLst>
            <pc:docMk/>
            <pc:sldMk cId="2376958513" sldId="260"/>
            <ac:spMk id="2208" creationId="{0A984B51-4AC5-41CF-6B0C-5D6A4BCCB775}"/>
          </ac:spMkLst>
        </pc:spChg>
        <pc:spChg chg="mod">
          <ac:chgData name="White, Alex" userId="eff6cc8c-37d8-483b-9c6c-6b27e9afa9bc" providerId="ADAL" clId="{BF04C754-5BF4-4E83-9615-DB14FA25AF8A}" dt="2023-10-12T11:37:47.867" v="289"/>
          <ac:spMkLst>
            <pc:docMk/>
            <pc:sldMk cId="2376958513" sldId="260"/>
            <ac:spMk id="2209" creationId="{001E51EA-DE07-D690-F1AE-B0124856C426}"/>
          </ac:spMkLst>
        </pc:spChg>
        <pc:spChg chg="mod">
          <ac:chgData name="White, Alex" userId="eff6cc8c-37d8-483b-9c6c-6b27e9afa9bc" providerId="ADAL" clId="{BF04C754-5BF4-4E83-9615-DB14FA25AF8A}" dt="2023-10-12T11:37:47.867" v="289"/>
          <ac:spMkLst>
            <pc:docMk/>
            <pc:sldMk cId="2376958513" sldId="260"/>
            <ac:spMk id="2210" creationId="{ECE77F41-3B69-84A6-8676-3D5349FE85B9}"/>
          </ac:spMkLst>
        </pc:spChg>
        <pc:spChg chg="mod">
          <ac:chgData name="White, Alex" userId="eff6cc8c-37d8-483b-9c6c-6b27e9afa9bc" providerId="ADAL" clId="{BF04C754-5BF4-4E83-9615-DB14FA25AF8A}" dt="2023-10-12T11:37:47.867" v="289"/>
          <ac:spMkLst>
            <pc:docMk/>
            <pc:sldMk cId="2376958513" sldId="260"/>
            <ac:spMk id="2211" creationId="{A325E23E-2B3C-EE59-E792-96C4E51DAD5F}"/>
          </ac:spMkLst>
        </pc:spChg>
        <pc:spChg chg="mod">
          <ac:chgData name="White, Alex" userId="eff6cc8c-37d8-483b-9c6c-6b27e9afa9bc" providerId="ADAL" clId="{BF04C754-5BF4-4E83-9615-DB14FA25AF8A}" dt="2023-10-12T11:37:47.867" v="289"/>
          <ac:spMkLst>
            <pc:docMk/>
            <pc:sldMk cId="2376958513" sldId="260"/>
            <ac:spMk id="2212" creationId="{FE1463CA-986B-6617-4153-E2CD398FD5EC}"/>
          </ac:spMkLst>
        </pc:spChg>
        <pc:spChg chg="mod">
          <ac:chgData name="White, Alex" userId="eff6cc8c-37d8-483b-9c6c-6b27e9afa9bc" providerId="ADAL" clId="{BF04C754-5BF4-4E83-9615-DB14FA25AF8A}" dt="2023-10-12T11:37:47.867" v="289"/>
          <ac:spMkLst>
            <pc:docMk/>
            <pc:sldMk cId="2376958513" sldId="260"/>
            <ac:spMk id="2213" creationId="{2AFEAE1F-8F43-12BD-F5F0-9BED0391240B}"/>
          </ac:spMkLst>
        </pc:spChg>
        <pc:spChg chg="mod">
          <ac:chgData name="White, Alex" userId="eff6cc8c-37d8-483b-9c6c-6b27e9afa9bc" providerId="ADAL" clId="{BF04C754-5BF4-4E83-9615-DB14FA25AF8A}" dt="2023-10-12T11:37:47.867" v="289"/>
          <ac:spMkLst>
            <pc:docMk/>
            <pc:sldMk cId="2376958513" sldId="260"/>
            <ac:spMk id="2214" creationId="{CA79450B-B07A-8A69-D4CF-58AB177C4985}"/>
          </ac:spMkLst>
        </pc:spChg>
        <pc:spChg chg="mod">
          <ac:chgData name="White, Alex" userId="eff6cc8c-37d8-483b-9c6c-6b27e9afa9bc" providerId="ADAL" clId="{BF04C754-5BF4-4E83-9615-DB14FA25AF8A}" dt="2023-10-12T11:37:47.867" v="289"/>
          <ac:spMkLst>
            <pc:docMk/>
            <pc:sldMk cId="2376958513" sldId="260"/>
            <ac:spMk id="2215" creationId="{4C0169D2-DDE6-F963-EB8E-BE7758925293}"/>
          </ac:spMkLst>
        </pc:spChg>
        <pc:spChg chg="mod">
          <ac:chgData name="White, Alex" userId="eff6cc8c-37d8-483b-9c6c-6b27e9afa9bc" providerId="ADAL" clId="{BF04C754-5BF4-4E83-9615-DB14FA25AF8A}" dt="2023-10-12T11:37:47.867" v="289"/>
          <ac:spMkLst>
            <pc:docMk/>
            <pc:sldMk cId="2376958513" sldId="260"/>
            <ac:spMk id="2216" creationId="{A940409B-CE7C-D850-F8FF-B0E1385435AD}"/>
          </ac:spMkLst>
        </pc:spChg>
        <pc:spChg chg="mod">
          <ac:chgData name="White, Alex" userId="eff6cc8c-37d8-483b-9c6c-6b27e9afa9bc" providerId="ADAL" clId="{BF04C754-5BF4-4E83-9615-DB14FA25AF8A}" dt="2023-10-12T11:37:47.867" v="289"/>
          <ac:spMkLst>
            <pc:docMk/>
            <pc:sldMk cId="2376958513" sldId="260"/>
            <ac:spMk id="2217" creationId="{0383261C-A83F-9809-039B-87165D23E645}"/>
          </ac:spMkLst>
        </pc:spChg>
        <pc:spChg chg="mod">
          <ac:chgData name="White, Alex" userId="eff6cc8c-37d8-483b-9c6c-6b27e9afa9bc" providerId="ADAL" clId="{BF04C754-5BF4-4E83-9615-DB14FA25AF8A}" dt="2023-10-12T11:37:47.867" v="289"/>
          <ac:spMkLst>
            <pc:docMk/>
            <pc:sldMk cId="2376958513" sldId="260"/>
            <ac:spMk id="2218" creationId="{1C7D39A3-7827-B28D-2CE3-1A704FA67415}"/>
          </ac:spMkLst>
        </pc:spChg>
        <pc:spChg chg="mod">
          <ac:chgData name="White, Alex" userId="eff6cc8c-37d8-483b-9c6c-6b27e9afa9bc" providerId="ADAL" clId="{BF04C754-5BF4-4E83-9615-DB14FA25AF8A}" dt="2023-10-12T11:37:47.867" v="289"/>
          <ac:spMkLst>
            <pc:docMk/>
            <pc:sldMk cId="2376958513" sldId="260"/>
            <ac:spMk id="2219" creationId="{22D7F625-D9B9-9FC3-E078-ED1AA115343A}"/>
          </ac:spMkLst>
        </pc:spChg>
        <pc:spChg chg="mod">
          <ac:chgData name="White, Alex" userId="eff6cc8c-37d8-483b-9c6c-6b27e9afa9bc" providerId="ADAL" clId="{BF04C754-5BF4-4E83-9615-DB14FA25AF8A}" dt="2023-10-12T11:37:47.867" v="289"/>
          <ac:spMkLst>
            <pc:docMk/>
            <pc:sldMk cId="2376958513" sldId="260"/>
            <ac:spMk id="2220" creationId="{B83A1073-3C74-A889-DE0A-4F1CDCA9F654}"/>
          </ac:spMkLst>
        </pc:spChg>
        <pc:spChg chg="mod">
          <ac:chgData name="White, Alex" userId="eff6cc8c-37d8-483b-9c6c-6b27e9afa9bc" providerId="ADAL" clId="{BF04C754-5BF4-4E83-9615-DB14FA25AF8A}" dt="2023-10-12T11:37:47.867" v="289"/>
          <ac:spMkLst>
            <pc:docMk/>
            <pc:sldMk cId="2376958513" sldId="260"/>
            <ac:spMk id="2221" creationId="{E57AA724-E67E-7465-3EF7-AA069F00C3C5}"/>
          </ac:spMkLst>
        </pc:spChg>
        <pc:spChg chg="mod">
          <ac:chgData name="White, Alex" userId="eff6cc8c-37d8-483b-9c6c-6b27e9afa9bc" providerId="ADAL" clId="{BF04C754-5BF4-4E83-9615-DB14FA25AF8A}" dt="2023-10-12T11:37:47.867" v="289"/>
          <ac:spMkLst>
            <pc:docMk/>
            <pc:sldMk cId="2376958513" sldId="260"/>
            <ac:spMk id="2222" creationId="{0D9D456B-E5F9-3F9B-48F1-36E14AB2D9DD}"/>
          </ac:spMkLst>
        </pc:spChg>
        <pc:spChg chg="mod">
          <ac:chgData name="White, Alex" userId="eff6cc8c-37d8-483b-9c6c-6b27e9afa9bc" providerId="ADAL" clId="{BF04C754-5BF4-4E83-9615-DB14FA25AF8A}" dt="2023-10-12T11:37:47.867" v="289"/>
          <ac:spMkLst>
            <pc:docMk/>
            <pc:sldMk cId="2376958513" sldId="260"/>
            <ac:spMk id="2223" creationId="{F68AA20C-E504-3965-EC23-5349A60089CD}"/>
          </ac:spMkLst>
        </pc:spChg>
        <pc:spChg chg="mod">
          <ac:chgData name="White, Alex" userId="eff6cc8c-37d8-483b-9c6c-6b27e9afa9bc" providerId="ADAL" clId="{BF04C754-5BF4-4E83-9615-DB14FA25AF8A}" dt="2023-10-12T11:37:47.867" v="289"/>
          <ac:spMkLst>
            <pc:docMk/>
            <pc:sldMk cId="2376958513" sldId="260"/>
            <ac:spMk id="2224" creationId="{22243666-8B18-BF4C-4A4B-1A6C9B68715C}"/>
          </ac:spMkLst>
        </pc:spChg>
        <pc:spChg chg="mod">
          <ac:chgData name="White, Alex" userId="eff6cc8c-37d8-483b-9c6c-6b27e9afa9bc" providerId="ADAL" clId="{BF04C754-5BF4-4E83-9615-DB14FA25AF8A}" dt="2023-10-12T11:37:47.867" v="289"/>
          <ac:spMkLst>
            <pc:docMk/>
            <pc:sldMk cId="2376958513" sldId="260"/>
            <ac:spMk id="2225" creationId="{4BA4AAEF-5AB9-4DFC-664B-EB564A03626D}"/>
          </ac:spMkLst>
        </pc:spChg>
        <pc:spChg chg="mod">
          <ac:chgData name="White, Alex" userId="eff6cc8c-37d8-483b-9c6c-6b27e9afa9bc" providerId="ADAL" clId="{BF04C754-5BF4-4E83-9615-DB14FA25AF8A}" dt="2023-10-12T11:37:47.867" v="289"/>
          <ac:spMkLst>
            <pc:docMk/>
            <pc:sldMk cId="2376958513" sldId="260"/>
            <ac:spMk id="2226" creationId="{854BAD7D-701E-01B7-A450-CDC2D4C77ADD}"/>
          </ac:spMkLst>
        </pc:spChg>
        <pc:spChg chg="mod">
          <ac:chgData name="White, Alex" userId="eff6cc8c-37d8-483b-9c6c-6b27e9afa9bc" providerId="ADAL" clId="{BF04C754-5BF4-4E83-9615-DB14FA25AF8A}" dt="2023-10-12T11:37:47.867" v="289"/>
          <ac:spMkLst>
            <pc:docMk/>
            <pc:sldMk cId="2376958513" sldId="260"/>
            <ac:spMk id="2227" creationId="{AA98DBB9-9509-91E3-6B23-CB3F310F2CF2}"/>
          </ac:spMkLst>
        </pc:spChg>
        <pc:spChg chg="mod">
          <ac:chgData name="White, Alex" userId="eff6cc8c-37d8-483b-9c6c-6b27e9afa9bc" providerId="ADAL" clId="{BF04C754-5BF4-4E83-9615-DB14FA25AF8A}" dt="2023-10-12T11:37:47.867" v="289"/>
          <ac:spMkLst>
            <pc:docMk/>
            <pc:sldMk cId="2376958513" sldId="260"/>
            <ac:spMk id="2228" creationId="{6DA73A0B-0A33-42E5-64A6-6290B893949C}"/>
          </ac:spMkLst>
        </pc:spChg>
        <pc:spChg chg="mod">
          <ac:chgData name="White, Alex" userId="eff6cc8c-37d8-483b-9c6c-6b27e9afa9bc" providerId="ADAL" clId="{BF04C754-5BF4-4E83-9615-DB14FA25AF8A}" dt="2023-10-12T11:37:47.867" v="289"/>
          <ac:spMkLst>
            <pc:docMk/>
            <pc:sldMk cId="2376958513" sldId="260"/>
            <ac:spMk id="2229" creationId="{7250EC4E-9E10-B72E-1407-B7C2EC886426}"/>
          </ac:spMkLst>
        </pc:spChg>
        <pc:spChg chg="mod">
          <ac:chgData name="White, Alex" userId="eff6cc8c-37d8-483b-9c6c-6b27e9afa9bc" providerId="ADAL" clId="{BF04C754-5BF4-4E83-9615-DB14FA25AF8A}" dt="2023-10-12T11:37:47.867" v="289"/>
          <ac:spMkLst>
            <pc:docMk/>
            <pc:sldMk cId="2376958513" sldId="260"/>
            <ac:spMk id="2230" creationId="{7C1E20A5-798B-182F-E6DB-5755778FE10C}"/>
          </ac:spMkLst>
        </pc:spChg>
        <pc:spChg chg="mod">
          <ac:chgData name="White, Alex" userId="eff6cc8c-37d8-483b-9c6c-6b27e9afa9bc" providerId="ADAL" clId="{BF04C754-5BF4-4E83-9615-DB14FA25AF8A}" dt="2023-10-12T11:37:47.867" v="289"/>
          <ac:spMkLst>
            <pc:docMk/>
            <pc:sldMk cId="2376958513" sldId="260"/>
            <ac:spMk id="2231" creationId="{BCBEF94A-7BCB-F553-D966-8ABC537F579A}"/>
          </ac:spMkLst>
        </pc:spChg>
        <pc:spChg chg="mod">
          <ac:chgData name="White, Alex" userId="eff6cc8c-37d8-483b-9c6c-6b27e9afa9bc" providerId="ADAL" clId="{BF04C754-5BF4-4E83-9615-DB14FA25AF8A}" dt="2023-10-12T11:37:47.867" v="289"/>
          <ac:spMkLst>
            <pc:docMk/>
            <pc:sldMk cId="2376958513" sldId="260"/>
            <ac:spMk id="2232" creationId="{ED352709-CAA4-1CE9-3745-D81AA3F57F6A}"/>
          </ac:spMkLst>
        </pc:spChg>
        <pc:spChg chg="mod">
          <ac:chgData name="White, Alex" userId="eff6cc8c-37d8-483b-9c6c-6b27e9afa9bc" providerId="ADAL" clId="{BF04C754-5BF4-4E83-9615-DB14FA25AF8A}" dt="2023-10-12T11:37:47.867" v="289"/>
          <ac:spMkLst>
            <pc:docMk/>
            <pc:sldMk cId="2376958513" sldId="260"/>
            <ac:spMk id="2233" creationId="{71283A76-7410-DF0E-CE7D-AD2BEC39F68B}"/>
          </ac:spMkLst>
        </pc:spChg>
        <pc:spChg chg="mod">
          <ac:chgData name="White, Alex" userId="eff6cc8c-37d8-483b-9c6c-6b27e9afa9bc" providerId="ADAL" clId="{BF04C754-5BF4-4E83-9615-DB14FA25AF8A}" dt="2023-10-12T11:37:47.867" v="289"/>
          <ac:spMkLst>
            <pc:docMk/>
            <pc:sldMk cId="2376958513" sldId="260"/>
            <ac:spMk id="2234" creationId="{D888586D-C4F1-4FF8-F14E-3CFC204CF40E}"/>
          </ac:spMkLst>
        </pc:spChg>
        <pc:spChg chg="mod">
          <ac:chgData name="White, Alex" userId="eff6cc8c-37d8-483b-9c6c-6b27e9afa9bc" providerId="ADAL" clId="{BF04C754-5BF4-4E83-9615-DB14FA25AF8A}" dt="2023-10-12T11:37:47.867" v="289"/>
          <ac:spMkLst>
            <pc:docMk/>
            <pc:sldMk cId="2376958513" sldId="260"/>
            <ac:spMk id="2235" creationId="{C9B5D9EC-A845-BBA1-239A-E6C92D8AE529}"/>
          </ac:spMkLst>
        </pc:spChg>
        <pc:spChg chg="mod">
          <ac:chgData name="White, Alex" userId="eff6cc8c-37d8-483b-9c6c-6b27e9afa9bc" providerId="ADAL" clId="{BF04C754-5BF4-4E83-9615-DB14FA25AF8A}" dt="2023-10-12T11:37:47.867" v="289"/>
          <ac:spMkLst>
            <pc:docMk/>
            <pc:sldMk cId="2376958513" sldId="260"/>
            <ac:spMk id="2236" creationId="{D5224C8E-419D-DD5C-1EC5-02138D491046}"/>
          </ac:spMkLst>
        </pc:spChg>
        <pc:spChg chg="mod">
          <ac:chgData name="White, Alex" userId="eff6cc8c-37d8-483b-9c6c-6b27e9afa9bc" providerId="ADAL" clId="{BF04C754-5BF4-4E83-9615-DB14FA25AF8A}" dt="2023-10-12T11:37:47.867" v="289"/>
          <ac:spMkLst>
            <pc:docMk/>
            <pc:sldMk cId="2376958513" sldId="260"/>
            <ac:spMk id="2237" creationId="{A0260733-E293-C610-DFAF-4C8A91D43567}"/>
          </ac:spMkLst>
        </pc:spChg>
        <pc:spChg chg="mod">
          <ac:chgData name="White, Alex" userId="eff6cc8c-37d8-483b-9c6c-6b27e9afa9bc" providerId="ADAL" clId="{BF04C754-5BF4-4E83-9615-DB14FA25AF8A}" dt="2023-10-12T11:37:47.867" v="289"/>
          <ac:spMkLst>
            <pc:docMk/>
            <pc:sldMk cId="2376958513" sldId="260"/>
            <ac:spMk id="2238" creationId="{0E8A8F45-58CB-D2D3-6DB7-D249B0DD5C5D}"/>
          </ac:spMkLst>
        </pc:spChg>
        <pc:spChg chg="mod">
          <ac:chgData name="White, Alex" userId="eff6cc8c-37d8-483b-9c6c-6b27e9afa9bc" providerId="ADAL" clId="{BF04C754-5BF4-4E83-9615-DB14FA25AF8A}" dt="2023-10-12T11:37:47.867" v="289"/>
          <ac:spMkLst>
            <pc:docMk/>
            <pc:sldMk cId="2376958513" sldId="260"/>
            <ac:spMk id="2239" creationId="{863A7221-C2B4-2B74-D11F-414453D9AF32}"/>
          </ac:spMkLst>
        </pc:spChg>
        <pc:spChg chg="mod">
          <ac:chgData name="White, Alex" userId="eff6cc8c-37d8-483b-9c6c-6b27e9afa9bc" providerId="ADAL" clId="{BF04C754-5BF4-4E83-9615-DB14FA25AF8A}" dt="2023-10-12T11:37:47.867" v="289"/>
          <ac:spMkLst>
            <pc:docMk/>
            <pc:sldMk cId="2376958513" sldId="260"/>
            <ac:spMk id="2240" creationId="{50F641CC-3CCC-EE0A-AFD4-20F0EA66880A}"/>
          </ac:spMkLst>
        </pc:spChg>
        <pc:spChg chg="mod">
          <ac:chgData name="White, Alex" userId="eff6cc8c-37d8-483b-9c6c-6b27e9afa9bc" providerId="ADAL" clId="{BF04C754-5BF4-4E83-9615-DB14FA25AF8A}" dt="2023-10-12T11:37:47.867" v="289"/>
          <ac:spMkLst>
            <pc:docMk/>
            <pc:sldMk cId="2376958513" sldId="260"/>
            <ac:spMk id="2241" creationId="{6C1AF485-E3D3-4D77-D1AC-06842AA69973}"/>
          </ac:spMkLst>
        </pc:spChg>
        <pc:spChg chg="mod">
          <ac:chgData name="White, Alex" userId="eff6cc8c-37d8-483b-9c6c-6b27e9afa9bc" providerId="ADAL" clId="{BF04C754-5BF4-4E83-9615-DB14FA25AF8A}" dt="2023-10-12T11:37:47.867" v="289"/>
          <ac:spMkLst>
            <pc:docMk/>
            <pc:sldMk cId="2376958513" sldId="260"/>
            <ac:spMk id="2242" creationId="{4CEA4F3D-1412-9ECC-C63E-FDC14A59A7EF}"/>
          </ac:spMkLst>
        </pc:spChg>
        <pc:spChg chg="mod">
          <ac:chgData name="White, Alex" userId="eff6cc8c-37d8-483b-9c6c-6b27e9afa9bc" providerId="ADAL" clId="{BF04C754-5BF4-4E83-9615-DB14FA25AF8A}" dt="2023-10-12T11:37:47.867" v="289"/>
          <ac:spMkLst>
            <pc:docMk/>
            <pc:sldMk cId="2376958513" sldId="260"/>
            <ac:spMk id="2243" creationId="{B5409793-033F-058E-238A-346968F31584}"/>
          </ac:spMkLst>
        </pc:spChg>
        <pc:spChg chg="mod">
          <ac:chgData name="White, Alex" userId="eff6cc8c-37d8-483b-9c6c-6b27e9afa9bc" providerId="ADAL" clId="{BF04C754-5BF4-4E83-9615-DB14FA25AF8A}" dt="2023-10-12T11:37:47.867" v="289"/>
          <ac:spMkLst>
            <pc:docMk/>
            <pc:sldMk cId="2376958513" sldId="260"/>
            <ac:spMk id="2244" creationId="{C34056F9-1D70-7FA2-E0DE-4CE42E1032C7}"/>
          </ac:spMkLst>
        </pc:spChg>
        <pc:spChg chg="mod">
          <ac:chgData name="White, Alex" userId="eff6cc8c-37d8-483b-9c6c-6b27e9afa9bc" providerId="ADAL" clId="{BF04C754-5BF4-4E83-9615-DB14FA25AF8A}" dt="2023-10-12T11:37:47.867" v="289"/>
          <ac:spMkLst>
            <pc:docMk/>
            <pc:sldMk cId="2376958513" sldId="260"/>
            <ac:spMk id="2245" creationId="{36009E74-BE77-85AB-335F-B08B23A33BE4}"/>
          </ac:spMkLst>
        </pc:spChg>
        <pc:spChg chg="mod">
          <ac:chgData name="White, Alex" userId="eff6cc8c-37d8-483b-9c6c-6b27e9afa9bc" providerId="ADAL" clId="{BF04C754-5BF4-4E83-9615-DB14FA25AF8A}" dt="2023-10-12T11:37:47.867" v="289"/>
          <ac:spMkLst>
            <pc:docMk/>
            <pc:sldMk cId="2376958513" sldId="260"/>
            <ac:spMk id="2246" creationId="{58F8892E-6A7C-2005-95E9-683110075129}"/>
          </ac:spMkLst>
        </pc:spChg>
        <pc:spChg chg="mod">
          <ac:chgData name="White, Alex" userId="eff6cc8c-37d8-483b-9c6c-6b27e9afa9bc" providerId="ADAL" clId="{BF04C754-5BF4-4E83-9615-DB14FA25AF8A}" dt="2023-10-12T11:37:47.867" v="289"/>
          <ac:spMkLst>
            <pc:docMk/>
            <pc:sldMk cId="2376958513" sldId="260"/>
            <ac:spMk id="2247" creationId="{E187DEA5-C276-221C-7170-A7ACE2874692}"/>
          </ac:spMkLst>
        </pc:spChg>
        <pc:spChg chg="mod">
          <ac:chgData name="White, Alex" userId="eff6cc8c-37d8-483b-9c6c-6b27e9afa9bc" providerId="ADAL" clId="{BF04C754-5BF4-4E83-9615-DB14FA25AF8A}" dt="2023-10-12T11:37:47.867" v="289"/>
          <ac:spMkLst>
            <pc:docMk/>
            <pc:sldMk cId="2376958513" sldId="260"/>
            <ac:spMk id="2248" creationId="{ABA20CDA-0DC8-C8F4-9513-47E327B402B0}"/>
          </ac:spMkLst>
        </pc:spChg>
        <pc:spChg chg="mod">
          <ac:chgData name="White, Alex" userId="eff6cc8c-37d8-483b-9c6c-6b27e9afa9bc" providerId="ADAL" clId="{BF04C754-5BF4-4E83-9615-DB14FA25AF8A}" dt="2023-10-12T11:37:47.867" v="289"/>
          <ac:spMkLst>
            <pc:docMk/>
            <pc:sldMk cId="2376958513" sldId="260"/>
            <ac:spMk id="2249" creationId="{089E662A-272D-2A4A-B6B1-CF8F2018F73B}"/>
          </ac:spMkLst>
        </pc:spChg>
        <pc:spChg chg="mod">
          <ac:chgData name="White, Alex" userId="eff6cc8c-37d8-483b-9c6c-6b27e9afa9bc" providerId="ADAL" clId="{BF04C754-5BF4-4E83-9615-DB14FA25AF8A}" dt="2023-10-12T11:37:47.867" v="289"/>
          <ac:spMkLst>
            <pc:docMk/>
            <pc:sldMk cId="2376958513" sldId="260"/>
            <ac:spMk id="2250" creationId="{2B782B6F-EE73-5A59-D3B5-641FE2788870}"/>
          </ac:spMkLst>
        </pc:spChg>
        <pc:spChg chg="mod">
          <ac:chgData name="White, Alex" userId="eff6cc8c-37d8-483b-9c6c-6b27e9afa9bc" providerId="ADAL" clId="{BF04C754-5BF4-4E83-9615-DB14FA25AF8A}" dt="2023-10-12T11:37:47.867" v="289"/>
          <ac:spMkLst>
            <pc:docMk/>
            <pc:sldMk cId="2376958513" sldId="260"/>
            <ac:spMk id="2251" creationId="{7FDB26D1-A14B-1F1C-38AD-CEC1ADE93E13}"/>
          </ac:spMkLst>
        </pc:spChg>
        <pc:spChg chg="mod">
          <ac:chgData name="White, Alex" userId="eff6cc8c-37d8-483b-9c6c-6b27e9afa9bc" providerId="ADAL" clId="{BF04C754-5BF4-4E83-9615-DB14FA25AF8A}" dt="2023-10-12T11:37:47.867" v="289"/>
          <ac:spMkLst>
            <pc:docMk/>
            <pc:sldMk cId="2376958513" sldId="260"/>
            <ac:spMk id="2252" creationId="{4EFFA699-A9C2-A130-3ED0-BB2E8949F7CA}"/>
          </ac:spMkLst>
        </pc:spChg>
        <pc:spChg chg="mod">
          <ac:chgData name="White, Alex" userId="eff6cc8c-37d8-483b-9c6c-6b27e9afa9bc" providerId="ADAL" clId="{BF04C754-5BF4-4E83-9615-DB14FA25AF8A}" dt="2023-10-12T11:37:47.867" v="289"/>
          <ac:spMkLst>
            <pc:docMk/>
            <pc:sldMk cId="2376958513" sldId="260"/>
            <ac:spMk id="2253" creationId="{C3D57D63-274C-7D26-9CF7-040658C15516}"/>
          </ac:spMkLst>
        </pc:spChg>
        <pc:spChg chg="mod">
          <ac:chgData name="White, Alex" userId="eff6cc8c-37d8-483b-9c6c-6b27e9afa9bc" providerId="ADAL" clId="{BF04C754-5BF4-4E83-9615-DB14FA25AF8A}" dt="2023-10-12T11:37:47.867" v="289"/>
          <ac:spMkLst>
            <pc:docMk/>
            <pc:sldMk cId="2376958513" sldId="260"/>
            <ac:spMk id="2254" creationId="{C04AE2E4-AB07-A5B2-E622-4A792A19AACF}"/>
          </ac:spMkLst>
        </pc:spChg>
        <pc:spChg chg="mod">
          <ac:chgData name="White, Alex" userId="eff6cc8c-37d8-483b-9c6c-6b27e9afa9bc" providerId="ADAL" clId="{BF04C754-5BF4-4E83-9615-DB14FA25AF8A}" dt="2023-10-12T11:37:47.867" v="289"/>
          <ac:spMkLst>
            <pc:docMk/>
            <pc:sldMk cId="2376958513" sldId="260"/>
            <ac:spMk id="2255" creationId="{26595341-4C76-221D-1CE8-2C0CC5D64F72}"/>
          </ac:spMkLst>
        </pc:spChg>
        <pc:spChg chg="mod">
          <ac:chgData name="White, Alex" userId="eff6cc8c-37d8-483b-9c6c-6b27e9afa9bc" providerId="ADAL" clId="{BF04C754-5BF4-4E83-9615-DB14FA25AF8A}" dt="2023-10-12T11:37:47.867" v="289"/>
          <ac:spMkLst>
            <pc:docMk/>
            <pc:sldMk cId="2376958513" sldId="260"/>
            <ac:spMk id="2256" creationId="{EB131A97-1CE9-13DA-F7E7-5B55034273DE}"/>
          </ac:spMkLst>
        </pc:spChg>
        <pc:spChg chg="mod">
          <ac:chgData name="White, Alex" userId="eff6cc8c-37d8-483b-9c6c-6b27e9afa9bc" providerId="ADAL" clId="{BF04C754-5BF4-4E83-9615-DB14FA25AF8A}" dt="2023-10-12T11:37:47.867" v="289"/>
          <ac:spMkLst>
            <pc:docMk/>
            <pc:sldMk cId="2376958513" sldId="260"/>
            <ac:spMk id="2257" creationId="{2B6B9C45-B696-64AB-22C3-5123C1F7009F}"/>
          </ac:spMkLst>
        </pc:spChg>
        <pc:spChg chg="mod">
          <ac:chgData name="White, Alex" userId="eff6cc8c-37d8-483b-9c6c-6b27e9afa9bc" providerId="ADAL" clId="{BF04C754-5BF4-4E83-9615-DB14FA25AF8A}" dt="2023-10-12T11:37:47.867" v="289"/>
          <ac:spMkLst>
            <pc:docMk/>
            <pc:sldMk cId="2376958513" sldId="260"/>
            <ac:spMk id="2258" creationId="{84B8AB9D-5BF6-63F9-A0DF-F1B5BC2227D7}"/>
          </ac:spMkLst>
        </pc:spChg>
        <pc:spChg chg="mod">
          <ac:chgData name="White, Alex" userId="eff6cc8c-37d8-483b-9c6c-6b27e9afa9bc" providerId="ADAL" clId="{BF04C754-5BF4-4E83-9615-DB14FA25AF8A}" dt="2023-10-12T11:37:47.867" v="289"/>
          <ac:spMkLst>
            <pc:docMk/>
            <pc:sldMk cId="2376958513" sldId="260"/>
            <ac:spMk id="2259" creationId="{89EFDD91-5562-FFA3-F745-A67A851D28F4}"/>
          </ac:spMkLst>
        </pc:spChg>
        <pc:spChg chg="mod">
          <ac:chgData name="White, Alex" userId="eff6cc8c-37d8-483b-9c6c-6b27e9afa9bc" providerId="ADAL" clId="{BF04C754-5BF4-4E83-9615-DB14FA25AF8A}" dt="2023-10-12T11:37:47.867" v="289"/>
          <ac:spMkLst>
            <pc:docMk/>
            <pc:sldMk cId="2376958513" sldId="260"/>
            <ac:spMk id="2260" creationId="{7A2B589B-ABA9-7152-109B-C70CB5011994}"/>
          </ac:spMkLst>
        </pc:spChg>
        <pc:spChg chg="mod">
          <ac:chgData name="White, Alex" userId="eff6cc8c-37d8-483b-9c6c-6b27e9afa9bc" providerId="ADAL" clId="{BF04C754-5BF4-4E83-9615-DB14FA25AF8A}" dt="2023-10-12T11:37:47.867" v="289"/>
          <ac:spMkLst>
            <pc:docMk/>
            <pc:sldMk cId="2376958513" sldId="260"/>
            <ac:spMk id="2261" creationId="{421BCA8B-F095-B7DB-91F6-72D231F8B2BF}"/>
          </ac:spMkLst>
        </pc:spChg>
        <pc:spChg chg="mod">
          <ac:chgData name="White, Alex" userId="eff6cc8c-37d8-483b-9c6c-6b27e9afa9bc" providerId="ADAL" clId="{BF04C754-5BF4-4E83-9615-DB14FA25AF8A}" dt="2023-10-12T11:37:47.867" v="289"/>
          <ac:spMkLst>
            <pc:docMk/>
            <pc:sldMk cId="2376958513" sldId="260"/>
            <ac:spMk id="2262" creationId="{23ED631A-9160-1BA4-D2F6-65A59451234F}"/>
          </ac:spMkLst>
        </pc:spChg>
        <pc:spChg chg="mod">
          <ac:chgData name="White, Alex" userId="eff6cc8c-37d8-483b-9c6c-6b27e9afa9bc" providerId="ADAL" clId="{BF04C754-5BF4-4E83-9615-DB14FA25AF8A}" dt="2023-10-12T11:37:47.867" v="289"/>
          <ac:spMkLst>
            <pc:docMk/>
            <pc:sldMk cId="2376958513" sldId="260"/>
            <ac:spMk id="2263" creationId="{92D1682B-8736-6F99-7C92-36356F86A7C9}"/>
          </ac:spMkLst>
        </pc:spChg>
        <pc:spChg chg="mod">
          <ac:chgData name="White, Alex" userId="eff6cc8c-37d8-483b-9c6c-6b27e9afa9bc" providerId="ADAL" clId="{BF04C754-5BF4-4E83-9615-DB14FA25AF8A}" dt="2023-10-12T11:37:47.867" v="289"/>
          <ac:spMkLst>
            <pc:docMk/>
            <pc:sldMk cId="2376958513" sldId="260"/>
            <ac:spMk id="2264" creationId="{D176391B-925A-807B-2AF8-C25B5E82F8D7}"/>
          </ac:spMkLst>
        </pc:spChg>
        <pc:spChg chg="mod">
          <ac:chgData name="White, Alex" userId="eff6cc8c-37d8-483b-9c6c-6b27e9afa9bc" providerId="ADAL" clId="{BF04C754-5BF4-4E83-9615-DB14FA25AF8A}" dt="2023-10-12T11:37:47.867" v="289"/>
          <ac:spMkLst>
            <pc:docMk/>
            <pc:sldMk cId="2376958513" sldId="260"/>
            <ac:spMk id="2265" creationId="{14FDFBFB-DAE8-E44F-BB87-4DBA8E763961}"/>
          </ac:spMkLst>
        </pc:spChg>
        <pc:spChg chg="mod">
          <ac:chgData name="White, Alex" userId="eff6cc8c-37d8-483b-9c6c-6b27e9afa9bc" providerId="ADAL" clId="{BF04C754-5BF4-4E83-9615-DB14FA25AF8A}" dt="2023-10-12T11:37:47.867" v="289"/>
          <ac:spMkLst>
            <pc:docMk/>
            <pc:sldMk cId="2376958513" sldId="260"/>
            <ac:spMk id="2266" creationId="{9ECFCA27-83BF-6D15-CF84-AB29823D0298}"/>
          </ac:spMkLst>
        </pc:spChg>
        <pc:spChg chg="mod">
          <ac:chgData name="White, Alex" userId="eff6cc8c-37d8-483b-9c6c-6b27e9afa9bc" providerId="ADAL" clId="{BF04C754-5BF4-4E83-9615-DB14FA25AF8A}" dt="2023-10-12T11:37:47.867" v="289"/>
          <ac:spMkLst>
            <pc:docMk/>
            <pc:sldMk cId="2376958513" sldId="260"/>
            <ac:spMk id="2267" creationId="{5573A792-248C-76F5-E2B3-714AFECC48C5}"/>
          </ac:spMkLst>
        </pc:spChg>
        <pc:spChg chg="mod">
          <ac:chgData name="White, Alex" userId="eff6cc8c-37d8-483b-9c6c-6b27e9afa9bc" providerId="ADAL" clId="{BF04C754-5BF4-4E83-9615-DB14FA25AF8A}" dt="2023-10-12T11:37:47.867" v="289"/>
          <ac:spMkLst>
            <pc:docMk/>
            <pc:sldMk cId="2376958513" sldId="260"/>
            <ac:spMk id="2268" creationId="{C9408ACA-EA0D-728D-64F6-3A592C6B18DC}"/>
          </ac:spMkLst>
        </pc:spChg>
        <pc:spChg chg="mod">
          <ac:chgData name="White, Alex" userId="eff6cc8c-37d8-483b-9c6c-6b27e9afa9bc" providerId="ADAL" clId="{BF04C754-5BF4-4E83-9615-DB14FA25AF8A}" dt="2023-10-12T11:37:47.867" v="289"/>
          <ac:spMkLst>
            <pc:docMk/>
            <pc:sldMk cId="2376958513" sldId="260"/>
            <ac:spMk id="2269" creationId="{ECB92E6A-58F3-61CB-D47F-ABAD13EDE277}"/>
          </ac:spMkLst>
        </pc:spChg>
        <pc:spChg chg="mod">
          <ac:chgData name="White, Alex" userId="eff6cc8c-37d8-483b-9c6c-6b27e9afa9bc" providerId="ADAL" clId="{BF04C754-5BF4-4E83-9615-DB14FA25AF8A}" dt="2023-10-12T11:37:47.867" v="289"/>
          <ac:spMkLst>
            <pc:docMk/>
            <pc:sldMk cId="2376958513" sldId="260"/>
            <ac:spMk id="2270" creationId="{8246F9EB-9996-7EA2-1F29-5778183060E7}"/>
          </ac:spMkLst>
        </pc:spChg>
        <pc:spChg chg="mod">
          <ac:chgData name="White, Alex" userId="eff6cc8c-37d8-483b-9c6c-6b27e9afa9bc" providerId="ADAL" clId="{BF04C754-5BF4-4E83-9615-DB14FA25AF8A}" dt="2023-10-12T11:37:47.867" v="289"/>
          <ac:spMkLst>
            <pc:docMk/>
            <pc:sldMk cId="2376958513" sldId="260"/>
            <ac:spMk id="2271" creationId="{1D2CEDF5-08C0-3BD4-5A2D-68F6856F5328}"/>
          </ac:spMkLst>
        </pc:spChg>
        <pc:spChg chg="mod">
          <ac:chgData name="White, Alex" userId="eff6cc8c-37d8-483b-9c6c-6b27e9afa9bc" providerId="ADAL" clId="{BF04C754-5BF4-4E83-9615-DB14FA25AF8A}" dt="2023-10-12T11:37:47.867" v="289"/>
          <ac:spMkLst>
            <pc:docMk/>
            <pc:sldMk cId="2376958513" sldId="260"/>
            <ac:spMk id="2272" creationId="{7A2F86BA-2060-09D4-3FBD-C1B3195CCA93}"/>
          </ac:spMkLst>
        </pc:spChg>
        <pc:spChg chg="mod">
          <ac:chgData name="White, Alex" userId="eff6cc8c-37d8-483b-9c6c-6b27e9afa9bc" providerId="ADAL" clId="{BF04C754-5BF4-4E83-9615-DB14FA25AF8A}" dt="2023-10-12T11:37:47.867" v="289"/>
          <ac:spMkLst>
            <pc:docMk/>
            <pc:sldMk cId="2376958513" sldId="260"/>
            <ac:spMk id="2273" creationId="{27CB0A23-0AF9-1502-2D7E-958EE81F9335}"/>
          </ac:spMkLst>
        </pc:spChg>
        <pc:spChg chg="mod">
          <ac:chgData name="White, Alex" userId="eff6cc8c-37d8-483b-9c6c-6b27e9afa9bc" providerId="ADAL" clId="{BF04C754-5BF4-4E83-9615-DB14FA25AF8A}" dt="2023-10-12T11:37:47.867" v="289"/>
          <ac:spMkLst>
            <pc:docMk/>
            <pc:sldMk cId="2376958513" sldId="260"/>
            <ac:spMk id="2274" creationId="{7448AC8C-ED5D-77B2-C8FC-5636005CBDA0}"/>
          </ac:spMkLst>
        </pc:spChg>
        <pc:spChg chg="mod">
          <ac:chgData name="White, Alex" userId="eff6cc8c-37d8-483b-9c6c-6b27e9afa9bc" providerId="ADAL" clId="{BF04C754-5BF4-4E83-9615-DB14FA25AF8A}" dt="2023-10-12T11:37:47.867" v="289"/>
          <ac:spMkLst>
            <pc:docMk/>
            <pc:sldMk cId="2376958513" sldId="260"/>
            <ac:spMk id="2275" creationId="{C4835510-22C6-EB89-BCDA-66A900BF1B60}"/>
          </ac:spMkLst>
        </pc:spChg>
        <pc:spChg chg="mod">
          <ac:chgData name="White, Alex" userId="eff6cc8c-37d8-483b-9c6c-6b27e9afa9bc" providerId="ADAL" clId="{BF04C754-5BF4-4E83-9615-DB14FA25AF8A}" dt="2023-10-12T11:37:47.867" v="289"/>
          <ac:spMkLst>
            <pc:docMk/>
            <pc:sldMk cId="2376958513" sldId="260"/>
            <ac:spMk id="2276" creationId="{2A4EC153-C961-919C-A4C2-631D45B92020}"/>
          </ac:spMkLst>
        </pc:spChg>
        <pc:spChg chg="mod">
          <ac:chgData name="White, Alex" userId="eff6cc8c-37d8-483b-9c6c-6b27e9afa9bc" providerId="ADAL" clId="{BF04C754-5BF4-4E83-9615-DB14FA25AF8A}" dt="2023-10-12T11:37:47.867" v="289"/>
          <ac:spMkLst>
            <pc:docMk/>
            <pc:sldMk cId="2376958513" sldId="260"/>
            <ac:spMk id="2277" creationId="{FEF52E17-F4CC-AB08-D6EC-54F68B39FFC1}"/>
          </ac:spMkLst>
        </pc:spChg>
        <pc:spChg chg="mod">
          <ac:chgData name="White, Alex" userId="eff6cc8c-37d8-483b-9c6c-6b27e9afa9bc" providerId="ADAL" clId="{BF04C754-5BF4-4E83-9615-DB14FA25AF8A}" dt="2023-10-12T11:37:47.867" v="289"/>
          <ac:spMkLst>
            <pc:docMk/>
            <pc:sldMk cId="2376958513" sldId="260"/>
            <ac:spMk id="2278" creationId="{F0B2EA94-13A8-7796-5218-BEFEB4B5F5B8}"/>
          </ac:spMkLst>
        </pc:spChg>
        <pc:spChg chg="mod">
          <ac:chgData name="White, Alex" userId="eff6cc8c-37d8-483b-9c6c-6b27e9afa9bc" providerId="ADAL" clId="{BF04C754-5BF4-4E83-9615-DB14FA25AF8A}" dt="2023-10-12T11:37:47.867" v="289"/>
          <ac:spMkLst>
            <pc:docMk/>
            <pc:sldMk cId="2376958513" sldId="260"/>
            <ac:spMk id="2279" creationId="{F3323F80-60C4-5A51-03BC-8D63EA8568A8}"/>
          </ac:spMkLst>
        </pc:spChg>
        <pc:spChg chg="mod">
          <ac:chgData name="White, Alex" userId="eff6cc8c-37d8-483b-9c6c-6b27e9afa9bc" providerId="ADAL" clId="{BF04C754-5BF4-4E83-9615-DB14FA25AF8A}" dt="2023-10-12T11:37:47.867" v="289"/>
          <ac:spMkLst>
            <pc:docMk/>
            <pc:sldMk cId="2376958513" sldId="260"/>
            <ac:spMk id="2280" creationId="{519C76D8-B655-890B-0B34-6E11D452E429}"/>
          </ac:spMkLst>
        </pc:spChg>
        <pc:spChg chg="mod">
          <ac:chgData name="White, Alex" userId="eff6cc8c-37d8-483b-9c6c-6b27e9afa9bc" providerId="ADAL" clId="{BF04C754-5BF4-4E83-9615-DB14FA25AF8A}" dt="2023-10-12T11:37:47.867" v="289"/>
          <ac:spMkLst>
            <pc:docMk/>
            <pc:sldMk cId="2376958513" sldId="260"/>
            <ac:spMk id="2281" creationId="{CF8A16B5-9609-4D2E-1921-F2D861025E45}"/>
          </ac:spMkLst>
        </pc:spChg>
        <pc:spChg chg="mod">
          <ac:chgData name="White, Alex" userId="eff6cc8c-37d8-483b-9c6c-6b27e9afa9bc" providerId="ADAL" clId="{BF04C754-5BF4-4E83-9615-DB14FA25AF8A}" dt="2023-10-12T11:37:47.867" v="289"/>
          <ac:spMkLst>
            <pc:docMk/>
            <pc:sldMk cId="2376958513" sldId="260"/>
            <ac:spMk id="2282" creationId="{FFDF39AE-BABE-BBA5-3AE2-F6E760D03919}"/>
          </ac:spMkLst>
        </pc:spChg>
        <pc:spChg chg="mod">
          <ac:chgData name="White, Alex" userId="eff6cc8c-37d8-483b-9c6c-6b27e9afa9bc" providerId="ADAL" clId="{BF04C754-5BF4-4E83-9615-DB14FA25AF8A}" dt="2023-10-12T11:37:47.867" v="289"/>
          <ac:spMkLst>
            <pc:docMk/>
            <pc:sldMk cId="2376958513" sldId="260"/>
            <ac:spMk id="2283" creationId="{6093B5A7-CFC3-9F83-DEB9-AEE2B65F2CD8}"/>
          </ac:spMkLst>
        </pc:spChg>
        <pc:spChg chg="mod">
          <ac:chgData name="White, Alex" userId="eff6cc8c-37d8-483b-9c6c-6b27e9afa9bc" providerId="ADAL" clId="{BF04C754-5BF4-4E83-9615-DB14FA25AF8A}" dt="2023-10-12T11:37:47.867" v="289"/>
          <ac:spMkLst>
            <pc:docMk/>
            <pc:sldMk cId="2376958513" sldId="260"/>
            <ac:spMk id="2284" creationId="{AAD1D060-A530-73F3-8D63-96DB1417441F}"/>
          </ac:spMkLst>
        </pc:spChg>
        <pc:spChg chg="mod">
          <ac:chgData name="White, Alex" userId="eff6cc8c-37d8-483b-9c6c-6b27e9afa9bc" providerId="ADAL" clId="{BF04C754-5BF4-4E83-9615-DB14FA25AF8A}" dt="2023-10-12T11:37:47.867" v="289"/>
          <ac:spMkLst>
            <pc:docMk/>
            <pc:sldMk cId="2376958513" sldId="260"/>
            <ac:spMk id="2285" creationId="{CC67D2C8-188A-02C5-38AA-515CED5F2691}"/>
          </ac:spMkLst>
        </pc:spChg>
        <pc:spChg chg="mod">
          <ac:chgData name="White, Alex" userId="eff6cc8c-37d8-483b-9c6c-6b27e9afa9bc" providerId="ADAL" clId="{BF04C754-5BF4-4E83-9615-DB14FA25AF8A}" dt="2023-10-12T11:37:47.867" v="289"/>
          <ac:spMkLst>
            <pc:docMk/>
            <pc:sldMk cId="2376958513" sldId="260"/>
            <ac:spMk id="2286" creationId="{4920776B-EE9E-2F97-1E4D-8BC33FFC2ED1}"/>
          </ac:spMkLst>
        </pc:spChg>
        <pc:spChg chg="mod">
          <ac:chgData name="White, Alex" userId="eff6cc8c-37d8-483b-9c6c-6b27e9afa9bc" providerId="ADAL" clId="{BF04C754-5BF4-4E83-9615-DB14FA25AF8A}" dt="2023-10-12T11:37:47.867" v="289"/>
          <ac:spMkLst>
            <pc:docMk/>
            <pc:sldMk cId="2376958513" sldId="260"/>
            <ac:spMk id="2287" creationId="{B0C6A473-FC2D-D1EA-247B-D3A5E3AE85FA}"/>
          </ac:spMkLst>
        </pc:spChg>
        <pc:spChg chg="mod">
          <ac:chgData name="White, Alex" userId="eff6cc8c-37d8-483b-9c6c-6b27e9afa9bc" providerId="ADAL" clId="{BF04C754-5BF4-4E83-9615-DB14FA25AF8A}" dt="2023-10-12T11:37:47.867" v="289"/>
          <ac:spMkLst>
            <pc:docMk/>
            <pc:sldMk cId="2376958513" sldId="260"/>
            <ac:spMk id="2288" creationId="{005D8614-51CC-2A55-1597-8539CE595852}"/>
          </ac:spMkLst>
        </pc:spChg>
        <pc:spChg chg="mod">
          <ac:chgData name="White, Alex" userId="eff6cc8c-37d8-483b-9c6c-6b27e9afa9bc" providerId="ADAL" clId="{BF04C754-5BF4-4E83-9615-DB14FA25AF8A}" dt="2023-10-12T11:37:47.867" v="289"/>
          <ac:spMkLst>
            <pc:docMk/>
            <pc:sldMk cId="2376958513" sldId="260"/>
            <ac:spMk id="2289" creationId="{0B8E3FB1-FB53-000A-2C16-4F5722CEB3CB}"/>
          </ac:spMkLst>
        </pc:spChg>
        <pc:spChg chg="mod">
          <ac:chgData name="White, Alex" userId="eff6cc8c-37d8-483b-9c6c-6b27e9afa9bc" providerId="ADAL" clId="{BF04C754-5BF4-4E83-9615-DB14FA25AF8A}" dt="2023-10-12T11:37:47.867" v="289"/>
          <ac:spMkLst>
            <pc:docMk/>
            <pc:sldMk cId="2376958513" sldId="260"/>
            <ac:spMk id="2290" creationId="{281208E5-BDB5-0521-BA09-ABD373006859}"/>
          </ac:spMkLst>
        </pc:spChg>
        <pc:spChg chg="mod">
          <ac:chgData name="White, Alex" userId="eff6cc8c-37d8-483b-9c6c-6b27e9afa9bc" providerId="ADAL" clId="{BF04C754-5BF4-4E83-9615-DB14FA25AF8A}" dt="2023-10-12T11:37:47.867" v="289"/>
          <ac:spMkLst>
            <pc:docMk/>
            <pc:sldMk cId="2376958513" sldId="260"/>
            <ac:spMk id="2291" creationId="{E433BDD5-1D88-CB12-0AC3-9C158C0BB069}"/>
          </ac:spMkLst>
        </pc:spChg>
        <pc:spChg chg="mod">
          <ac:chgData name="White, Alex" userId="eff6cc8c-37d8-483b-9c6c-6b27e9afa9bc" providerId="ADAL" clId="{BF04C754-5BF4-4E83-9615-DB14FA25AF8A}" dt="2023-10-12T11:37:47.867" v="289"/>
          <ac:spMkLst>
            <pc:docMk/>
            <pc:sldMk cId="2376958513" sldId="260"/>
            <ac:spMk id="2292" creationId="{BF84ECB6-FC75-E593-3001-84B994086DAD}"/>
          </ac:spMkLst>
        </pc:spChg>
        <pc:spChg chg="mod">
          <ac:chgData name="White, Alex" userId="eff6cc8c-37d8-483b-9c6c-6b27e9afa9bc" providerId="ADAL" clId="{BF04C754-5BF4-4E83-9615-DB14FA25AF8A}" dt="2023-10-12T11:37:47.867" v="289"/>
          <ac:spMkLst>
            <pc:docMk/>
            <pc:sldMk cId="2376958513" sldId="260"/>
            <ac:spMk id="2293" creationId="{C4AE7F17-5190-7D3A-68A4-FCF45AD7FC97}"/>
          </ac:spMkLst>
        </pc:spChg>
        <pc:spChg chg="mod">
          <ac:chgData name="White, Alex" userId="eff6cc8c-37d8-483b-9c6c-6b27e9afa9bc" providerId="ADAL" clId="{BF04C754-5BF4-4E83-9615-DB14FA25AF8A}" dt="2023-10-12T11:37:47.867" v="289"/>
          <ac:spMkLst>
            <pc:docMk/>
            <pc:sldMk cId="2376958513" sldId="260"/>
            <ac:spMk id="2294" creationId="{A3925C15-D8CB-EDC0-B60F-6A7A4EB49568}"/>
          </ac:spMkLst>
        </pc:spChg>
        <pc:spChg chg="mod">
          <ac:chgData name="White, Alex" userId="eff6cc8c-37d8-483b-9c6c-6b27e9afa9bc" providerId="ADAL" clId="{BF04C754-5BF4-4E83-9615-DB14FA25AF8A}" dt="2023-10-12T11:37:47.867" v="289"/>
          <ac:spMkLst>
            <pc:docMk/>
            <pc:sldMk cId="2376958513" sldId="260"/>
            <ac:spMk id="2295" creationId="{0683BCB7-F26A-0002-05E0-1EBD43EB802F}"/>
          </ac:spMkLst>
        </pc:spChg>
        <pc:spChg chg="mod">
          <ac:chgData name="White, Alex" userId="eff6cc8c-37d8-483b-9c6c-6b27e9afa9bc" providerId="ADAL" clId="{BF04C754-5BF4-4E83-9615-DB14FA25AF8A}" dt="2023-10-12T11:37:47.867" v="289"/>
          <ac:spMkLst>
            <pc:docMk/>
            <pc:sldMk cId="2376958513" sldId="260"/>
            <ac:spMk id="2296" creationId="{0FE92FCD-C91F-D909-6A66-54C14F4E8FA6}"/>
          </ac:spMkLst>
        </pc:spChg>
        <pc:spChg chg="mod">
          <ac:chgData name="White, Alex" userId="eff6cc8c-37d8-483b-9c6c-6b27e9afa9bc" providerId="ADAL" clId="{BF04C754-5BF4-4E83-9615-DB14FA25AF8A}" dt="2023-10-12T11:37:47.867" v="289"/>
          <ac:spMkLst>
            <pc:docMk/>
            <pc:sldMk cId="2376958513" sldId="260"/>
            <ac:spMk id="2297" creationId="{D4407F80-9F79-BF64-EB89-D1AB345AB5F6}"/>
          </ac:spMkLst>
        </pc:spChg>
        <pc:spChg chg="mod">
          <ac:chgData name="White, Alex" userId="eff6cc8c-37d8-483b-9c6c-6b27e9afa9bc" providerId="ADAL" clId="{BF04C754-5BF4-4E83-9615-DB14FA25AF8A}" dt="2023-10-12T11:37:47.867" v="289"/>
          <ac:spMkLst>
            <pc:docMk/>
            <pc:sldMk cId="2376958513" sldId="260"/>
            <ac:spMk id="2298" creationId="{859DEC2B-673A-447E-4F9E-30CD3DB4AF9A}"/>
          </ac:spMkLst>
        </pc:spChg>
        <pc:spChg chg="mod">
          <ac:chgData name="White, Alex" userId="eff6cc8c-37d8-483b-9c6c-6b27e9afa9bc" providerId="ADAL" clId="{BF04C754-5BF4-4E83-9615-DB14FA25AF8A}" dt="2023-10-12T11:37:47.867" v="289"/>
          <ac:spMkLst>
            <pc:docMk/>
            <pc:sldMk cId="2376958513" sldId="260"/>
            <ac:spMk id="2299" creationId="{8ED96C17-0808-751F-13D9-8FAB16D836F0}"/>
          </ac:spMkLst>
        </pc:spChg>
        <pc:spChg chg="mod">
          <ac:chgData name="White, Alex" userId="eff6cc8c-37d8-483b-9c6c-6b27e9afa9bc" providerId="ADAL" clId="{BF04C754-5BF4-4E83-9615-DB14FA25AF8A}" dt="2023-10-12T11:37:47.867" v="289"/>
          <ac:spMkLst>
            <pc:docMk/>
            <pc:sldMk cId="2376958513" sldId="260"/>
            <ac:spMk id="2300" creationId="{41909D62-CF07-9CBB-8691-FF1544B9D57F}"/>
          </ac:spMkLst>
        </pc:spChg>
        <pc:spChg chg="mod">
          <ac:chgData name="White, Alex" userId="eff6cc8c-37d8-483b-9c6c-6b27e9afa9bc" providerId="ADAL" clId="{BF04C754-5BF4-4E83-9615-DB14FA25AF8A}" dt="2023-10-12T11:37:47.867" v="289"/>
          <ac:spMkLst>
            <pc:docMk/>
            <pc:sldMk cId="2376958513" sldId="260"/>
            <ac:spMk id="2301" creationId="{DFDE3698-A0E9-B6B4-1319-625E75FBE610}"/>
          </ac:spMkLst>
        </pc:spChg>
        <pc:spChg chg="mod">
          <ac:chgData name="White, Alex" userId="eff6cc8c-37d8-483b-9c6c-6b27e9afa9bc" providerId="ADAL" clId="{BF04C754-5BF4-4E83-9615-DB14FA25AF8A}" dt="2023-10-12T11:37:47.867" v="289"/>
          <ac:spMkLst>
            <pc:docMk/>
            <pc:sldMk cId="2376958513" sldId="260"/>
            <ac:spMk id="2302" creationId="{615D7F06-D3A2-8806-A8AC-6B1CCBE77612}"/>
          </ac:spMkLst>
        </pc:spChg>
        <pc:spChg chg="mod">
          <ac:chgData name="White, Alex" userId="eff6cc8c-37d8-483b-9c6c-6b27e9afa9bc" providerId="ADAL" clId="{BF04C754-5BF4-4E83-9615-DB14FA25AF8A}" dt="2023-10-12T11:37:47.867" v="289"/>
          <ac:spMkLst>
            <pc:docMk/>
            <pc:sldMk cId="2376958513" sldId="260"/>
            <ac:spMk id="2303" creationId="{25F5360D-09C9-2EEE-D5E2-36D9C8B892F1}"/>
          </ac:spMkLst>
        </pc:spChg>
        <pc:spChg chg="mod">
          <ac:chgData name="White, Alex" userId="eff6cc8c-37d8-483b-9c6c-6b27e9afa9bc" providerId="ADAL" clId="{BF04C754-5BF4-4E83-9615-DB14FA25AF8A}" dt="2023-10-12T11:37:47.867" v="289"/>
          <ac:spMkLst>
            <pc:docMk/>
            <pc:sldMk cId="2376958513" sldId="260"/>
            <ac:spMk id="2304" creationId="{94D21A19-1D54-A8F2-E383-833E80747D48}"/>
          </ac:spMkLst>
        </pc:spChg>
        <pc:spChg chg="mod">
          <ac:chgData name="White, Alex" userId="eff6cc8c-37d8-483b-9c6c-6b27e9afa9bc" providerId="ADAL" clId="{BF04C754-5BF4-4E83-9615-DB14FA25AF8A}" dt="2023-10-12T11:37:47.867" v="289"/>
          <ac:spMkLst>
            <pc:docMk/>
            <pc:sldMk cId="2376958513" sldId="260"/>
            <ac:spMk id="2305" creationId="{F1148409-F41F-30CF-FDEE-D90A1E5A2BBF}"/>
          </ac:spMkLst>
        </pc:spChg>
        <pc:spChg chg="mod">
          <ac:chgData name="White, Alex" userId="eff6cc8c-37d8-483b-9c6c-6b27e9afa9bc" providerId="ADAL" clId="{BF04C754-5BF4-4E83-9615-DB14FA25AF8A}" dt="2023-10-12T11:37:47.867" v="289"/>
          <ac:spMkLst>
            <pc:docMk/>
            <pc:sldMk cId="2376958513" sldId="260"/>
            <ac:spMk id="2306" creationId="{DCF9FCFD-76F5-6509-7374-D53869DF92E0}"/>
          </ac:spMkLst>
        </pc:spChg>
        <pc:spChg chg="mod">
          <ac:chgData name="White, Alex" userId="eff6cc8c-37d8-483b-9c6c-6b27e9afa9bc" providerId="ADAL" clId="{BF04C754-5BF4-4E83-9615-DB14FA25AF8A}" dt="2023-10-12T11:37:47.867" v="289"/>
          <ac:spMkLst>
            <pc:docMk/>
            <pc:sldMk cId="2376958513" sldId="260"/>
            <ac:spMk id="2307" creationId="{386B1BB1-0A98-8E3B-C35B-535093800401}"/>
          </ac:spMkLst>
        </pc:spChg>
        <pc:spChg chg="mod">
          <ac:chgData name="White, Alex" userId="eff6cc8c-37d8-483b-9c6c-6b27e9afa9bc" providerId="ADAL" clId="{BF04C754-5BF4-4E83-9615-DB14FA25AF8A}" dt="2023-10-12T11:37:47.867" v="289"/>
          <ac:spMkLst>
            <pc:docMk/>
            <pc:sldMk cId="2376958513" sldId="260"/>
            <ac:spMk id="2308" creationId="{A771AD08-08EC-B7F0-031D-0F31E2E4A4C7}"/>
          </ac:spMkLst>
        </pc:spChg>
        <pc:spChg chg="mod">
          <ac:chgData name="White, Alex" userId="eff6cc8c-37d8-483b-9c6c-6b27e9afa9bc" providerId="ADAL" clId="{BF04C754-5BF4-4E83-9615-DB14FA25AF8A}" dt="2023-10-12T11:37:47.867" v="289"/>
          <ac:spMkLst>
            <pc:docMk/>
            <pc:sldMk cId="2376958513" sldId="260"/>
            <ac:spMk id="2309" creationId="{A3633A53-1037-7369-40AF-58FAFC36FA2F}"/>
          </ac:spMkLst>
        </pc:spChg>
        <pc:spChg chg="mod">
          <ac:chgData name="White, Alex" userId="eff6cc8c-37d8-483b-9c6c-6b27e9afa9bc" providerId="ADAL" clId="{BF04C754-5BF4-4E83-9615-DB14FA25AF8A}" dt="2023-10-12T11:37:47.867" v="289"/>
          <ac:spMkLst>
            <pc:docMk/>
            <pc:sldMk cId="2376958513" sldId="260"/>
            <ac:spMk id="2310" creationId="{ABA12368-D7A6-7858-C19D-CF73A7FDF93B}"/>
          </ac:spMkLst>
        </pc:spChg>
        <pc:spChg chg="mod">
          <ac:chgData name="White, Alex" userId="eff6cc8c-37d8-483b-9c6c-6b27e9afa9bc" providerId="ADAL" clId="{BF04C754-5BF4-4E83-9615-DB14FA25AF8A}" dt="2023-10-12T11:37:47.867" v="289"/>
          <ac:spMkLst>
            <pc:docMk/>
            <pc:sldMk cId="2376958513" sldId="260"/>
            <ac:spMk id="2311" creationId="{01DCB608-1442-6D23-40EF-3BE729366B0C}"/>
          </ac:spMkLst>
        </pc:spChg>
        <pc:spChg chg="mod">
          <ac:chgData name="White, Alex" userId="eff6cc8c-37d8-483b-9c6c-6b27e9afa9bc" providerId="ADAL" clId="{BF04C754-5BF4-4E83-9615-DB14FA25AF8A}" dt="2023-10-12T11:37:47.867" v="289"/>
          <ac:spMkLst>
            <pc:docMk/>
            <pc:sldMk cId="2376958513" sldId="260"/>
            <ac:spMk id="2312" creationId="{B271D0B5-69AA-C15C-CF1A-58A0B6D56C11}"/>
          </ac:spMkLst>
        </pc:spChg>
        <pc:spChg chg="mod">
          <ac:chgData name="White, Alex" userId="eff6cc8c-37d8-483b-9c6c-6b27e9afa9bc" providerId="ADAL" clId="{BF04C754-5BF4-4E83-9615-DB14FA25AF8A}" dt="2023-10-12T11:37:47.867" v="289"/>
          <ac:spMkLst>
            <pc:docMk/>
            <pc:sldMk cId="2376958513" sldId="260"/>
            <ac:spMk id="2313" creationId="{830009F5-8011-59B6-8488-DC8487B78095}"/>
          </ac:spMkLst>
        </pc:spChg>
        <pc:spChg chg="mod">
          <ac:chgData name="White, Alex" userId="eff6cc8c-37d8-483b-9c6c-6b27e9afa9bc" providerId="ADAL" clId="{BF04C754-5BF4-4E83-9615-DB14FA25AF8A}" dt="2023-10-12T11:37:47.867" v="289"/>
          <ac:spMkLst>
            <pc:docMk/>
            <pc:sldMk cId="2376958513" sldId="260"/>
            <ac:spMk id="2314" creationId="{A42B942B-A2C3-15AD-032F-BCA83FCB4273}"/>
          </ac:spMkLst>
        </pc:spChg>
        <pc:spChg chg="mod">
          <ac:chgData name="White, Alex" userId="eff6cc8c-37d8-483b-9c6c-6b27e9afa9bc" providerId="ADAL" clId="{BF04C754-5BF4-4E83-9615-DB14FA25AF8A}" dt="2023-10-12T11:37:47.867" v="289"/>
          <ac:spMkLst>
            <pc:docMk/>
            <pc:sldMk cId="2376958513" sldId="260"/>
            <ac:spMk id="2315" creationId="{535F8469-9E5F-865E-21BD-43853DE4D6D7}"/>
          </ac:spMkLst>
        </pc:spChg>
        <pc:spChg chg="mod">
          <ac:chgData name="White, Alex" userId="eff6cc8c-37d8-483b-9c6c-6b27e9afa9bc" providerId="ADAL" clId="{BF04C754-5BF4-4E83-9615-DB14FA25AF8A}" dt="2023-10-12T11:37:47.867" v="289"/>
          <ac:spMkLst>
            <pc:docMk/>
            <pc:sldMk cId="2376958513" sldId="260"/>
            <ac:spMk id="2316" creationId="{0D1F74C6-BE15-9E0D-AE6B-3AA6E7BF04E9}"/>
          </ac:spMkLst>
        </pc:spChg>
        <pc:spChg chg="mod">
          <ac:chgData name="White, Alex" userId="eff6cc8c-37d8-483b-9c6c-6b27e9afa9bc" providerId="ADAL" clId="{BF04C754-5BF4-4E83-9615-DB14FA25AF8A}" dt="2023-10-12T11:37:47.867" v="289"/>
          <ac:spMkLst>
            <pc:docMk/>
            <pc:sldMk cId="2376958513" sldId="260"/>
            <ac:spMk id="2317" creationId="{C2DC355C-F733-B369-BE68-E7B6F74B762C}"/>
          </ac:spMkLst>
        </pc:spChg>
        <pc:spChg chg="mod">
          <ac:chgData name="White, Alex" userId="eff6cc8c-37d8-483b-9c6c-6b27e9afa9bc" providerId="ADAL" clId="{BF04C754-5BF4-4E83-9615-DB14FA25AF8A}" dt="2023-10-12T11:37:47.867" v="289"/>
          <ac:spMkLst>
            <pc:docMk/>
            <pc:sldMk cId="2376958513" sldId="260"/>
            <ac:spMk id="2318" creationId="{51AC5423-2199-FAB3-0F93-B9071E55A2FB}"/>
          </ac:spMkLst>
        </pc:spChg>
        <pc:spChg chg="mod">
          <ac:chgData name="White, Alex" userId="eff6cc8c-37d8-483b-9c6c-6b27e9afa9bc" providerId="ADAL" clId="{BF04C754-5BF4-4E83-9615-DB14FA25AF8A}" dt="2023-10-12T11:37:47.867" v="289"/>
          <ac:spMkLst>
            <pc:docMk/>
            <pc:sldMk cId="2376958513" sldId="260"/>
            <ac:spMk id="2319" creationId="{0EC5E5E7-F59F-12D0-D38C-9595AEBF0BF6}"/>
          </ac:spMkLst>
        </pc:spChg>
        <pc:spChg chg="mod">
          <ac:chgData name="White, Alex" userId="eff6cc8c-37d8-483b-9c6c-6b27e9afa9bc" providerId="ADAL" clId="{BF04C754-5BF4-4E83-9615-DB14FA25AF8A}" dt="2023-10-12T11:37:47.867" v="289"/>
          <ac:spMkLst>
            <pc:docMk/>
            <pc:sldMk cId="2376958513" sldId="260"/>
            <ac:spMk id="2320" creationId="{AE07F704-87AF-CAAA-35C4-46CD2BED8870}"/>
          </ac:spMkLst>
        </pc:spChg>
        <pc:spChg chg="mod">
          <ac:chgData name="White, Alex" userId="eff6cc8c-37d8-483b-9c6c-6b27e9afa9bc" providerId="ADAL" clId="{BF04C754-5BF4-4E83-9615-DB14FA25AF8A}" dt="2023-10-12T11:37:47.867" v="289"/>
          <ac:spMkLst>
            <pc:docMk/>
            <pc:sldMk cId="2376958513" sldId="260"/>
            <ac:spMk id="2321" creationId="{BBD6024C-31AE-A638-3142-5FB239AB1ADF}"/>
          </ac:spMkLst>
        </pc:spChg>
        <pc:spChg chg="mod">
          <ac:chgData name="White, Alex" userId="eff6cc8c-37d8-483b-9c6c-6b27e9afa9bc" providerId="ADAL" clId="{BF04C754-5BF4-4E83-9615-DB14FA25AF8A}" dt="2023-10-12T11:37:47.867" v="289"/>
          <ac:spMkLst>
            <pc:docMk/>
            <pc:sldMk cId="2376958513" sldId="260"/>
            <ac:spMk id="2322" creationId="{27769138-B673-88DB-03CF-A3798B5DA1B6}"/>
          </ac:spMkLst>
        </pc:spChg>
        <pc:spChg chg="mod">
          <ac:chgData name="White, Alex" userId="eff6cc8c-37d8-483b-9c6c-6b27e9afa9bc" providerId="ADAL" clId="{BF04C754-5BF4-4E83-9615-DB14FA25AF8A}" dt="2023-10-12T11:37:47.867" v="289"/>
          <ac:spMkLst>
            <pc:docMk/>
            <pc:sldMk cId="2376958513" sldId="260"/>
            <ac:spMk id="2323" creationId="{6D9FFE1F-CD93-E966-2675-7D21943D9969}"/>
          </ac:spMkLst>
        </pc:spChg>
        <pc:spChg chg="mod">
          <ac:chgData name="White, Alex" userId="eff6cc8c-37d8-483b-9c6c-6b27e9afa9bc" providerId="ADAL" clId="{BF04C754-5BF4-4E83-9615-DB14FA25AF8A}" dt="2023-10-12T11:37:47.867" v="289"/>
          <ac:spMkLst>
            <pc:docMk/>
            <pc:sldMk cId="2376958513" sldId="260"/>
            <ac:spMk id="2324" creationId="{487B0E93-CEF9-56E1-F7DB-25A9F8A830B6}"/>
          </ac:spMkLst>
        </pc:spChg>
        <pc:spChg chg="mod">
          <ac:chgData name="White, Alex" userId="eff6cc8c-37d8-483b-9c6c-6b27e9afa9bc" providerId="ADAL" clId="{BF04C754-5BF4-4E83-9615-DB14FA25AF8A}" dt="2023-10-12T11:37:47.867" v="289"/>
          <ac:spMkLst>
            <pc:docMk/>
            <pc:sldMk cId="2376958513" sldId="260"/>
            <ac:spMk id="2325" creationId="{81076E99-AED8-FBBF-DFAE-0DD10152C3D4}"/>
          </ac:spMkLst>
        </pc:spChg>
        <pc:spChg chg="mod">
          <ac:chgData name="White, Alex" userId="eff6cc8c-37d8-483b-9c6c-6b27e9afa9bc" providerId="ADAL" clId="{BF04C754-5BF4-4E83-9615-DB14FA25AF8A}" dt="2023-10-12T11:37:47.867" v="289"/>
          <ac:spMkLst>
            <pc:docMk/>
            <pc:sldMk cId="2376958513" sldId="260"/>
            <ac:spMk id="2326" creationId="{4C98F66E-A415-0D54-35F8-321981DF8C35}"/>
          </ac:spMkLst>
        </pc:spChg>
        <pc:spChg chg="mod">
          <ac:chgData name="White, Alex" userId="eff6cc8c-37d8-483b-9c6c-6b27e9afa9bc" providerId="ADAL" clId="{BF04C754-5BF4-4E83-9615-DB14FA25AF8A}" dt="2023-10-12T11:37:47.867" v="289"/>
          <ac:spMkLst>
            <pc:docMk/>
            <pc:sldMk cId="2376958513" sldId="260"/>
            <ac:spMk id="2327" creationId="{12DB2721-B918-7B3F-F4B6-79C252AF7B2E}"/>
          </ac:spMkLst>
        </pc:spChg>
        <pc:spChg chg="mod">
          <ac:chgData name="White, Alex" userId="eff6cc8c-37d8-483b-9c6c-6b27e9afa9bc" providerId="ADAL" clId="{BF04C754-5BF4-4E83-9615-DB14FA25AF8A}" dt="2023-10-12T11:37:47.867" v="289"/>
          <ac:spMkLst>
            <pc:docMk/>
            <pc:sldMk cId="2376958513" sldId="260"/>
            <ac:spMk id="2328" creationId="{7183E91E-241B-D377-25DE-94050DC92C79}"/>
          </ac:spMkLst>
        </pc:spChg>
        <pc:spChg chg="mod">
          <ac:chgData name="White, Alex" userId="eff6cc8c-37d8-483b-9c6c-6b27e9afa9bc" providerId="ADAL" clId="{BF04C754-5BF4-4E83-9615-DB14FA25AF8A}" dt="2023-10-12T11:37:47.867" v="289"/>
          <ac:spMkLst>
            <pc:docMk/>
            <pc:sldMk cId="2376958513" sldId="260"/>
            <ac:spMk id="2329" creationId="{792CE2A8-0977-8485-689A-1B8F978C2BB3}"/>
          </ac:spMkLst>
        </pc:spChg>
        <pc:spChg chg="mod">
          <ac:chgData name="White, Alex" userId="eff6cc8c-37d8-483b-9c6c-6b27e9afa9bc" providerId="ADAL" clId="{BF04C754-5BF4-4E83-9615-DB14FA25AF8A}" dt="2023-10-12T11:37:47.867" v="289"/>
          <ac:spMkLst>
            <pc:docMk/>
            <pc:sldMk cId="2376958513" sldId="260"/>
            <ac:spMk id="2330" creationId="{A4823A85-7CB4-5ABA-78C9-8B4B6C7BD5D9}"/>
          </ac:spMkLst>
        </pc:spChg>
        <pc:spChg chg="mod">
          <ac:chgData name="White, Alex" userId="eff6cc8c-37d8-483b-9c6c-6b27e9afa9bc" providerId="ADAL" clId="{BF04C754-5BF4-4E83-9615-DB14FA25AF8A}" dt="2023-10-12T11:37:47.867" v="289"/>
          <ac:spMkLst>
            <pc:docMk/>
            <pc:sldMk cId="2376958513" sldId="260"/>
            <ac:spMk id="2331" creationId="{D9A84A06-8F80-00CC-75EF-EA0F2DEAD3C0}"/>
          </ac:spMkLst>
        </pc:spChg>
        <pc:spChg chg="mod">
          <ac:chgData name="White, Alex" userId="eff6cc8c-37d8-483b-9c6c-6b27e9afa9bc" providerId="ADAL" clId="{BF04C754-5BF4-4E83-9615-DB14FA25AF8A}" dt="2023-10-12T11:37:47.867" v="289"/>
          <ac:spMkLst>
            <pc:docMk/>
            <pc:sldMk cId="2376958513" sldId="260"/>
            <ac:spMk id="2332" creationId="{2ECBC420-0266-73AB-BA20-2700286A907A}"/>
          </ac:spMkLst>
        </pc:spChg>
        <pc:spChg chg="mod">
          <ac:chgData name="White, Alex" userId="eff6cc8c-37d8-483b-9c6c-6b27e9afa9bc" providerId="ADAL" clId="{BF04C754-5BF4-4E83-9615-DB14FA25AF8A}" dt="2023-10-12T11:37:47.867" v="289"/>
          <ac:spMkLst>
            <pc:docMk/>
            <pc:sldMk cId="2376958513" sldId="260"/>
            <ac:spMk id="2333" creationId="{0B09E24C-0692-16AA-5EE4-715553D3E557}"/>
          </ac:spMkLst>
        </pc:spChg>
        <pc:spChg chg="mod">
          <ac:chgData name="White, Alex" userId="eff6cc8c-37d8-483b-9c6c-6b27e9afa9bc" providerId="ADAL" clId="{BF04C754-5BF4-4E83-9615-DB14FA25AF8A}" dt="2023-10-12T11:37:47.867" v="289"/>
          <ac:spMkLst>
            <pc:docMk/>
            <pc:sldMk cId="2376958513" sldId="260"/>
            <ac:spMk id="2334" creationId="{3010B354-FCB0-299C-22E8-E5B76E40069D}"/>
          </ac:spMkLst>
        </pc:spChg>
        <pc:spChg chg="mod">
          <ac:chgData name="White, Alex" userId="eff6cc8c-37d8-483b-9c6c-6b27e9afa9bc" providerId="ADAL" clId="{BF04C754-5BF4-4E83-9615-DB14FA25AF8A}" dt="2023-10-12T11:37:47.867" v="289"/>
          <ac:spMkLst>
            <pc:docMk/>
            <pc:sldMk cId="2376958513" sldId="260"/>
            <ac:spMk id="2335" creationId="{5C7FD27F-19BF-DFA1-8FED-5EB37D4F6AD8}"/>
          </ac:spMkLst>
        </pc:spChg>
        <pc:spChg chg="mod">
          <ac:chgData name="White, Alex" userId="eff6cc8c-37d8-483b-9c6c-6b27e9afa9bc" providerId="ADAL" clId="{BF04C754-5BF4-4E83-9615-DB14FA25AF8A}" dt="2023-10-12T11:37:47.867" v="289"/>
          <ac:spMkLst>
            <pc:docMk/>
            <pc:sldMk cId="2376958513" sldId="260"/>
            <ac:spMk id="2336" creationId="{A7E1A043-B5FC-CAAC-4644-7F1EAE0504F8}"/>
          </ac:spMkLst>
        </pc:spChg>
        <pc:spChg chg="mod">
          <ac:chgData name="White, Alex" userId="eff6cc8c-37d8-483b-9c6c-6b27e9afa9bc" providerId="ADAL" clId="{BF04C754-5BF4-4E83-9615-DB14FA25AF8A}" dt="2023-10-12T11:37:47.867" v="289"/>
          <ac:spMkLst>
            <pc:docMk/>
            <pc:sldMk cId="2376958513" sldId="260"/>
            <ac:spMk id="2337" creationId="{6012725A-48C0-5BA2-9B2E-ADBCA792C269}"/>
          </ac:spMkLst>
        </pc:spChg>
        <pc:spChg chg="mod">
          <ac:chgData name="White, Alex" userId="eff6cc8c-37d8-483b-9c6c-6b27e9afa9bc" providerId="ADAL" clId="{BF04C754-5BF4-4E83-9615-DB14FA25AF8A}" dt="2023-10-12T11:37:47.867" v="289"/>
          <ac:spMkLst>
            <pc:docMk/>
            <pc:sldMk cId="2376958513" sldId="260"/>
            <ac:spMk id="2338" creationId="{C4D0621C-FAF3-5B36-5E55-E28106A9F4CD}"/>
          </ac:spMkLst>
        </pc:spChg>
        <pc:spChg chg="mod">
          <ac:chgData name="White, Alex" userId="eff6cc8c-37d8-483b-9c6c-6b27e9afa9bc" providerId="ADAL" clId="{BF04C754-5BF4-4E83-9615-DB14FA25AF8A}" dt="2023-10-12T11:37:47.867" v="289"/>
          <ac:spMkLst>
            <pc:docMk/>
            <pc:sldMk cId="2376958513" sldId="260"/>
            <ac:spMk id="2339" creationId="{79D51448-45AB-60BB-EA9E-3D5BACF2745C}"/>
          </ac:spMkLst>
        </pc:spChg>
        <pc:spChg chg="mod">
          <ac:chgData name="White, Alex" userId="eff6cc8c-37d8-483b-9c6c-6b27e9afa9bc" providerId="ADAL" clId="{BF04C754-5BF4-4E83-9615-DB14FA25AF8A}" dt="2023-10-12T11:37:47.867" v="289"/>
          <ac:spMkLst>
            <pc:docMk/>
            <pc:sldMk cId="2376958513" sldId="260"/>
            <ac:spMk id="2340" creationId="{3367D0B5-EBF9-4C39-FD85-29010D0F3930}"/>
          </ac:spMkLst>
        </pc:spChg>
        <pc:spChg chg="mod">
          <ac:chgData name="White, Alex" userId="eff6cc8c-37d8-483b-9c6c-6b27e9afa9bc" providerId="ADAL" clId="{BF04C754-5BF4-4E83-9615-DB14FA25AF8A}" dt="2023-10-12T11:37:47.867" v="289"/>
          <ac:spMkLst>
            <pc:docMk/>
            <pc:sldMk cId="2376958513" sldId="260"/>
            <ac:spMk id="2341" creationId="{0A72837D-62B7-514D-B49A-620D9222EC33}"/>
          </ac:spMkLst>
        </pc:spChg>
        <pc:spChg chg="mod">
          <ac:chgData name="White, Alex" userId="eff6cc8c-37d8-483b-9c6c-6b27e9afa9bc" providerId="ADAL" clId="{BF04C754-5BF4-4E83-9615-DB14FA25AF8A}" dt="2023-10-12T11:37:47.867" v="289"/>
          <ac:spMkLst>
            <pc:docMk/>
            <pc:sldMk cId="2376958513" sldId="260"/>
            <ac:spMk id="2342" creationId="{C8C0B298-F9FA-EBBE-67AD-18F25DE0A68D}"/>
          </ac:spMkLst>
        </pc:spChg>
        <pc:spChg chg="mod">
          <ac:chgData name="White, Alex" userId="eff6cc8c-37d8-483b-9c6c-6b27e9afa9bc" providerId="ADAL" clId="{BF04C754-5BF4-4E83-9615-DB14FA25AF8A}" dt="2023-10-12T11:37:47.867" v="289"/>
          <ac:spMkLst>
            <pc:docMk/>
            <pc:sldMk cId="2376958513" sldId="260"/>
            <ac:spMk id="2343" creationId="{EAD1D393-21C2-7E01-A9BC-0CEA4DB12A08}"/>
          </ac:spMkLst>
        </pc:spChg>
        <pc:spChg chg="mod">
          <ac:chgData name="White, Alex" userId="eff6cc8c-37d8-483b-9c6c-6b27e9afa9bc" providerId="ADAL" clId="{BF04C754-5BF4-4E83-9615-DB14FA25AF8A}" dt="2023-10-12T11:37:47.867" v="289"/>
          <ac:spMkLst>
            <pc:docMk/>
            <pc:sldMk cId="2376958513" sldId="260"/>
            <ac:spMk id="2344" creationId="{A78035C6-F207-9C8C-5B17-370EB1654230}"/>
          </ac:spMkLst>
        </pc:spChg>
        <pc:spChg chg="mod">
          <ac:chgData name="White, Alex" userId="eff6cc8c-37d8-483b-9c6c-6b27e9afa9bc" providerId="ADAL" clId="{BF04C754-5BF4-4E83-9615-DB14FA25AF8A}" dt="2023-10-12T11:37:47.867" v="289"/>
          <ac:spMkLst>
            <pc:docMk/>
            <pc:sldMk cId="2376958513" sldId="260"/>
            <ac:spMk id="2345" creationId="{1A73C043-7B29-0571-8015-80653CF3CD93}"/>
          </ac:spMkLst>
        </pc:spChg>
        <pc:spChg chg="mod">
          <ac:chgData name="White, Alex" userId="eff6cc8c-37d8-483b-9c6c-6b27e9afa9bc" providerId="ADAL" clId="{BF04C754-5BF4-4E83-9615-DB14FA25AF8A}" dt="2023-10-12T11:37:47.867" v="289"/>
          <ac:spMkLst>
            <pc:docMk/>
            <pc:sldMk cId="2376958513" sldId="260"/>
            <ac:spMk id="2346" creationId="{B73CC654-5F1B-7EE0-F513-AC7AEDDEE9E6}"/>
          </ac:spMkLst>
        </pc:spChg>
        <pc:spChg chg="mod">
          <ac:chgData name="White, Alex" userId="eff6cc8c-37d8-483b-9c6c-6b27e9afa9bc" providerId="ADAL" clId="{BF04C754-5BF4-4E83-9615-DB14FA25AF8A}" dt="2023-10-12T11:37:47.867" v="289"/>
          <ac:spMkLst>
            <pc:docMk/>
            <pc:sldMk cId="2376958513" sldId="260"/>
            <ac:spMk id="2347" creationId="{D0493C1D-5B6F-A298-EF82-6D9C8108DC39}"/>
          </ac:spMkLst>
        </pc:spChg>
        <pc:spChg chg="mod">
          <ac:chgData name="White, Alex" userId="eff6cc8c-37d8-483b-9c6c-6b27e9afa9bc" providerId="ADAL" clId="{BF04C754-5BF4-4E83-9615-DB14FA25AF8A}" dt="2023-10-12T11:37:47.867" v="289"/>
          <ac:spMkLst>
            <pc:docMk/>
            <pc:sldMk cId="2376958513" sldId="260"/>
            <ac:spMk id="2348" creationId="{66E1AB84-F6A6-E685-D27C-25D72FE16E58}"/>
          </ac:spMkLst>
        </pc:spChg>
        <pc:spChg chg="mod">
          <ac:chgData name="White, Alex" userId="eff6cc8c-37d8-483b-9c6c-6b27e9afa9bc" providerId="ADAL" clId="{BF04C754-5BF4-4E83-9615-DB14FA25AF8A}" dt="2023-10-12T11:37:47.867" v="289"/>
          <ac:spMkLst>
            <pc:docMk/>
            <pc:sldMk cId="2376958513" sldId="260"/>
            <ac:spMk id="2349" creationId="{7AF3072F-1BA9-7BF8-7C56-A9627D55FC92}"/>
          </ac:spMkLst>
        </pc:spChg>
        <pc:spChg chg="mod">
          <ac:chgData name="White, Alex" userId="eff6cc8c-37d8-483b-9c6c-6b27e9afa9bc" providerId="ADAL" clId="{BF04C754-5BF4-4E83-9615-DB14FA25AF8A}" dt="2023-10-12T11:37:47.867" v="289"/>
          <ac:spMkLst>
            <pc:docMk/>
            <pc:sldMk cId="2376958513" sldId="260"/>
            <ac:spMk id="2350" creationId="{29703E64-16BF-27B3-F4CE-73F972DCCCEB}"/>
          </ac:spMkLst>
        </pc:spChg>
        <pc:spChg chg="mod">
          <ac:chgData name="White, Alex" userId="eff6cc8c-37d8-483b-9c6c-6b27e9afa9bc" providerId="ADAL" clId="{BF04C754-5BF4-4E83-9615-DB14FA25AF8A}" dt="2023-10-12T11:37:47.867" v="289"/>
          <ac:spMkLst>
            <pc:docMk/>
            <pc:sldMk cId="2376958513" sldId="260"/>
            <ac:spMk id="2351" creationId="{06F017CF-3A0E-6991-0B0C-8F9952119458}"/>
          </ac:spMkLst>
        </pc:spChg>
        <pc:spChg chg="mod">
          <ac:chgData name="White, Alex" userId="eff6cc8c-37d8-483b-9c6c-6b27e9afa9bc" providerId="ADAL" clId="{BF04C754-5BF4-4E83-9615-DB14FA25AF8A}" dt="2023-10-12T11:37:47.867" v="289"/>
          <ac:spMkLst>
            <pc:docMk/>
            <pc:sldMk cId="2376958513" sldId="260"/>
            <ac:spMk id="2352" creationId="{B6CDBE34-5B47-1345-1DC5-6D51685E9A25}"/>
          </ac:spMkLst>
        </pc:spChg>
        <pc:spChg chg="mod">
          <ac:chgData name="White, Alex" userId="eff6cc8c-37d8-483b-9c6c-6b27e9afa9bc" providerId="ADAL" clId="{BF04C754-5BF4-4E83-9615-DB14FA25AF8A}" dt="2023-10-12T11:37:47.867" v="289"/>
          <ac:spMkLst>
            <pc:docMk/>
            <pc:sldMk cId="2376958513" sldId="260"/>
            <ac:spMk id="2353" creationId="{CADF5386-CD5E-2C75-6884-B92ECBF3E987}"/>
          </ac:spMkLst>
        </pc:spChg>
        <pc:spChg chg="mod">
          <ac:chgData name="White, Alex" userId="eff6cc8c-37d8-483b-9c6c-6b27e9afa9bc" providerId="ADAL" clId="{BF04C754-5BF4-4E83-9615-DB14FA25AF8A}" dt="2023-10-12T11:37:47.867" v="289"/>
          <ac:spMkLst>
            <pc:docMk/>
            <pc:sldMk cId="2376958513" sldId="260"/>
            <ac:spMk id="2354" creationId="{846D7A4F-B054-17AA-71FB-C9217F1EBFAF}"/>
          </ac:spMkLst>
        </pc:spChg>
        <pc:spChg chg="mod">
          <ac:chgData name="White, Alex" userId="eff6cc8c-37d8-483b-9c6c-6b27e9afa9bc" providerId="ADAL" clId="{BF04C754-5BF4-4E83-9615-DB14FA25AF8A}" dt="2023-10-12T11:37:47.867" v="289"/>
          <ac:spMkLst>
            <pc:docMk/>
            <pc:sldMk cId="2376958513" sldId="260"/>
            <ac:spMk id="2355" creationId="{E0BA63F8-8A1C-5018-173D-BF3C137593C6}"/>
          </ac:spMkLst>
        </pc:spChg>
        <pc:spChg chg="mod">
          <ac:chgData name="White, Alex" userId="eff6cc8c-37d8-483b-9c6c-6b27e9afa9bc" providerId="ADAL" clId="{BF04C754-5BF4-4E83-9615-DB14FA25AF8A}" dt="2023-10-12T11:37:47.867" v="289"/>
          <ac:spMkLst>
            <pc:docMk/>
            <pc:sldMk cId="2376958513" sldId="260"/>
            <ac:spMk id="2356" creationId="{77735F5A-F197-E20C-EB1D-7F65E3EF4055}"/>
          </ac:spMkLst>
        </pc:spChg>
        <pc:spChg chg="mod">
          <ac:chgData name="White, Alex" userId="eff6cc8c-37d8-483b-9c6c-6b27e9afa9bc" providerId="ADAL" clId="{BF04C754-5BF4-4E83-9615-DB14FA25AF8A}" dt="2023-10-12T11:37:47.867" v="289"/>
          <ac:spMkLst>
            <pc:docMk/>
            <pc:sldMk cId="2376958513" sldId="260"/>
            <ac:spMk id="2357" creationId="{9F165E29-660C-B389-0AF3-5E9469A1EAC4}"/>
          </ac:spMkLst>
        </pc:spChg>
        <pc:spChg chg="mod">
          <ac:chgData name="White, Alex" userId="eff6cc8c-37d8-483b-9c6c-6b27e9afa9bc" providerId="ADAL" clId="{BF04C754-5BF4-4E83-9615-DB14FA25AF8A}" dt="2023-10-12T11:37:47.867" v="289"/>
          <ac:spMkLst>
            <pc:docMk/>
            <pc:sldMk cId="2376958513" sldId="260"/>
            <ac:spMk id="2358" creationId="{F5F2EE87-A20C-9327-FBF8-58A6F23AB0DF}"/>
          </ac:spMkLst>
        </pc:spChg>
        <pc:spChg chg="mod">
          <ac:chgData name="White, Alex" userId="eff6cc8c-37d8-483b-9c6c-6b27e9afa9bc" providerId="ADAL" clId="{BF04C754-5BF4-4E83-9615-DB14FA25AF8A}" dt="2023-10-12T11:37:47.867" v="289"/>
          <ac:spMkLst>
            <pc:docMk/>
            <pc:sldMk cId="2376958513" sldId="260"/>
            <ac:spMk id="2359" creationId="{EF8845C9-B89C-255F-ED8C-C419E387F9CF}"/>
          </ac:spMkLst>
        </pc:spChg>
        <pc:spChg chg="mod">
          <ac:chgData name="White, Alex" userId="eff6cc8c-37d8-483b-9c6c-6b27e9afa9bc" providerId="ADAL" clId="{BF04C754-5BF4-4E83-9615-DB14FA25AF8A}" dt="2023-10-12T11:37:47.867" v="289"/>
          <ac:spMkLst>
            <pc:docMk/>
            <pc:sldMk cId="2376958513" sldId="260"/>
            <ac:spMk id="2360" creationId="{B3831610-B774-3932-0A94-2E209A85694A}"/>
          </ac:spMkLst>
        </pc:spChg>
        <pc:spChg chg="mod">
          <ac:chgData name="White, Alex" userId="eff6cc8c-37d8-483b-9c6c-6b27e9afa9bc" providerId="ADAL" clId="{BF04C754-5BF4-4E83-9615-DB14FA25AF8A}" dt="2023-10-12T11:37:47.867" v="289"/>
          <ac:spMkLst>
            <pc:docMk/>
            <pc:sldMk cId="2376958513" sldId="260"/>
            <ac:spMk id="2361" creationId="{5D46B41F-F10C-55D3-2C1B-361E0D9465FE}"/>
          </ac:spMkLst>
        </pc:spChg>
        <pc:spChg chg="mod">
          <ac:chgData name="White, Alex" userId="eff6cc8c-37d8-483b-9c6c-6b27e9afa9bc" providerId="ADAL" clId="{BF04C754-5BF4-4E83-9615-DB14FA25AF8A}" dt="2023-10-12T11:37:47.867" v="289"/>
          <ac:spMkLst>
            <pc:docMk/>
            <pc:sldMk cId="2376958513" sldId="260"/>
            <ac:spMk id="2362" creationId="{48F3897F-059A-FD47-65FB-855AB9B60D54}"/>
          </ac:spMkLst>
        </pc:spChg>
        <pc:spChg chg="mod">
          <ac:chgData name="White, Alex" userId="eff6cc8c-37d8-483b-9c6c-6b27e9afa9bc" providerId="ADAL" clId="{BF04C754-5BF4-4E83-9615-DB14FA25AF8A}" dt="2023-10-12T11:37:47.867" v="289"/>
          <ac:spMkLst>
            <pc:docMk/>
            <pc:sldMk cId="2376958513" sldId="260"/>
            <ac:spMk id="2363" creationId="{B797A7F7-6CAF-46AF-E6C3-23573A789803}"/>
          </ac:spMkLst>
        </pc:spChg>
        <pc:spChg chg="mod">
          <ac:chgData name="White, Alex" userId="eff6cc8c-37d8-483b-9c6c-6b27e9afa9bc" providerId="ADAL" clId="{BF04C754-5BF4-4E83-9615-DB14FA25AF8A}" dt="2023-10-12T11:37:47.867" v="289"/>
          <ac:spMkLst>
            <pc:docMk/>
            <pc:sldMk cId="2376958513" sldId="260"/>
            <ac:spMk id="2364" creationId="{8B5F83CB-3DF9-68DE-F9BE-0A17CDE15AAC}"/>
          </ac:spMkLst>
        </pc:spChg>
        <pc:spChg chg="mod">
          <ac:chgData name="White, Alex" userId="eff6cc8c-37d8-483b-9c6c-6b27e9afa9bc" providerId="ADAL" clId="{BF04C754-5BF4-4E83-9615-DB14FA25AF8A}" dt="2023-10-12T11:37:47.867" v="289"/>
          <ac:spMkLst>
            <pc:docMk/>
            <pc:sldMk cId="2376958513" sldId="260"/>
            <ac:spMk id="2365" creationId="{908F8500-A8D5-2942-357A-3B739D5CD7D9}"/>
          </ac:spMkLst>
        </pc:spChg>
        <pc:spChg chg="mod">
          <ac:chgData name="White, Alex" userId="eff6cc8c-37d8-483b-9c6c-6b27e9afa9bc" providerId="ADAL" clId="{BF04C754-5BF4-4E83-9615-DB14FA25AF8A}" dt="2023-10-12T11:37:47.867" v="289"/>
          <ac:spMkLst>
            <pc:docMk/>
            <pc:sldMk cId="2376958513" sldId="260"/>
            <ac:spMk id="2366" creationId="{2CA175EB-F49A-4A19-3FCB-7B4BD5D274A1}"/>
          </ac:spMkLst>
        </pc:spChg>
        <pc:spChg chg="mod">
          <ac:chgData name="White, Alex" userId="eff6cc8c-37d8-483b-9c6c-6b27e9afa9bc" providerId="ADAL" clId="{BF04C754-5BF4-4E83-9615-DB14FA25AF8A}" dt="2023-10-12T11:37:47.867" v="289"/>
          <ac:spMkLst>
            <pc:docMk/>
            <pc:sldMk cId="2376958513" sldId="260"/>
            <ac:spMk id="2367" creationId="{D787F395-D235-6FF0-6CB2-45FD15460695}"/>
          </ac:spMkLst>
        </pc:spChg>
        <pc:spChg chg="mod">
          <ac:chgData name="White, Alex" userId="eff6cc8c-37d8-483b-9c6c-6b27e9afa9bc" providerId="ADAL" clId="{BF04C754-5BF4-4E83-9615-DB14FA25AF8A}" dt="2023-10-12T11:37:47.867" v="289"/>
          <ac:spMkLst>
            <pc:docMk/>
            <pc:sldMk cId="2376958513" sldId="260"/>
            <ac:spMk id="2368" creationId="{2C749944-3969-6ACB-5996-4CE4132F3128}"/>
          </ac:spMkLst>
        </pc:spChg>
        <pc:spChg chg="mod">
          <ac:chgData name="White, Alex" userId="eff6cc8c-37d8-483b-9c6c-6b27e9afa9bc" providerId="ADAL" clId="{BF04C754-5BF4-4E83-9615-DB14FA25AF8A}" dt="2023-10-12T11:37:47.867" v="289"/>
          <ac:spMkLst>
            <pc:docMk/>
            <pc:sldMk cId="2376958513" sldId="260"/>
            <ac:spMk id="2369" creationId="{D3297BEB-098B-96CF-A0D8-53CCC3F0DAC7}"/>
          </ac:spMkLst>
        </pc:spChg>
        <pc:spChg chg="mod">
          <ac:chgData name="White, Alex" userId="eff6cc8c-37d8-483b-9c6c-6b27e9afa9bc" providerId="ADAL" clId="{BF04C754-5BF4-4E83-9615-DB14FA25AF8A}" dt="2023-10-12T11:37:47.867" v="289"/>
          <ac:spMkLst>
            <pc:docMk/>
            <pc:sldMk cId="2376958513" sldId="260"/>
            <ac:spMk id="2370" creationId="{CA1F9A52-A13B-66A7-7740-43EFB1EAB315}"/>
          </ac:spMkLst>
        </pc:spChg>
        <pc:spChg chg="mod">
          <ac:chgData name="White, Alex" userId="eff6cc8c-37d8-483b-9c6c-6b27e9afa9bc" providerId="ADAL" clId="{BF04C754-5BF4-4E83-9615-DB14FA25AF8A}" dt="2023-10-12T11:37:47.867" v="289"/>
          <ac:spMkLst>
            <pc:docMk/>
            <pc:sldMk cId="2376958513" sldId="260"/>
            <ac:spMk id="2371" creationId="{26178B45-E23A-7214-2AD0-421813836071}"/>
          </ac:spMkLst>
        </pc:spChg>
        <pc:spChg chg="mod">
          <ac:chgData name="White, Alex" userId="eff6cc8c-37d8-483b-9c6c-6b27e9afa9bc" providerId="ADAL" clId="{BF04C754-5BF4-4E83-9615-DB14FA25AF8A}" dt="2023-10-12T11:37:47.867" v="289"/>
          <ac:spMkLst>
            <pc:docMk/>
            <pc:sldMk cId="2376958513" sldId="260"/>
            <ac:spMk id="2372" creationId="{3EE65997-10F0-333E-D22D-EA04609AB715}"/>
          </ac:spMkLst>
        </pc:spChg>
        <pc:spChg chg="mod">
          <ac:chgData name="White, Alex" userId="eff6cc8c-37d8-483b-9c6c-6b27e9afa9bc" providerId="ADAL" clId="{BF04C754-5BF4-4E83-9615-DB14FA25AF8A}" dt="2023-10-12T11:37:47.867" v="289"/>
          <ac:spMkLst>
            <pc:docMk/>
            <pc:sldMk cId="2376958513" sldId="260"/>
            <ac:spMk id="2373" creationId="{CA43ECC9-E04B-865C-DDA7-4882651717CC}"/>
          </ac:spMkLst>
        </pc:spChg>
        <pc:spChg chg="mod">
          <ac:chgData name="White, Alex" userId="eff6cc8c-37d8-483b-9c6c-6b27e9afa9bc" providerId="ADAL" clId="{BF04C754-5BF4-4E83-9615-DB14FA25AF8A}" dt="2023-10-12T11:37:47.867" v="289"/>
          <ac:spMkLst>
            <pc:docMk/>
            <pc:sldMk cId="2376958513" sldId="260"/>
            <ac:spMk id="2374" creationId="{A02068A2-A9C1-30EC-1C08-125AFBEB067C}"/>
          </ac:spMkLst>
        </pc:spChg>
        <pc:spChg chg="mod">
          <ac:chgData name="White, Alex" userId="eff6cc8c-37d8-483b-9c6c-6b27e9afa9bc" providerId="ADAL" clId="{BF04C754-5BF4-4E83-9615-DB14FA25AF8A}" dt="2023-10-12T11:37:47.867" v="289"/>
          <ac:spMkLst>
            <pc:docMk/>
            <pc:sldMk cId="2376958513" sldId="260"/>
            <ac:spMk id="2375" creationId="{DED4A16D-DC7A-0443-5F37-D88CC6103C1A}"/>
          </ac:spMkLst>
        </pc:spChg>
        <pc:spChg chg="mod">
          <ac:chgData name="White, Alex" userId="eff6cc8c-37d8-483b-9c6c-6b27e9afa9bc" providerId="ADAL" clId="{BF04C754-5BF4-4E83-9615-DB14FA25AF8A}" dt="2023-10-12T11:37:47.867" v="289"/>
          <ac:spMkLst>
            <pc:docMk/>
            <pc:sldMk cId="2376958513" sldId="260"/>
            <ac:spMk id="2376" creationId="{F3788972-D22B-8167-0D39-AB404D8AD6F5}"/>
          </ac:spMkLst>
        </pc:spChg>
        <pc:spChg chg="mod">
          <ac:chgData name="White, Alex" userId="eff6cc8c-37d8-483b-9c6c-6b27e9afa9bc" providerId="ADAL" clId="{BF04C754-5BF4-4E83-9615-DB14FA25AF8A}" dt="2023-10-12T11:37:47.867" v="289"/>
          <ac:spMkLst>
            <pc:docMk/>
            <pc:sldMk cId="2376958513" sldId="260"/>
            <ac:spMk id="2377" creationId="{1DA52301-9D04-7ABF-B813-1903CC159B51}"/>
          </ac:spMkLst>
        </pc:spChg>
        <pc:spChg chg="mod">
          <ac:chgData name="White, Alex" userId="eff6cc8c-37d8-483b-9c6c-6b27e9afa9bc" providerId="ADAL" clId="{BF04C754-5BF4-4E83-9615-DB14FA25AF8A}" dt="2023-10-12T11:37:47.867" v="289"/>
          <ac:spMkLst>
            <pc:docMk/>
            <pc:sldMk cId="2376958513" sldId="260"/>
            <ac:spMk id="2378" creationId="{AC680451-13DC-B1D6-4C2F-BEAD0A9E70ED}"/>
          </ac:spMkLst>
        </pc:spChg>
        <pc:spChg chg="mod">
          <ac:chgData name="White, Alex" userId="eff6cc8c-37d8-483b-9c6c-6b27e9afa9bc" providerId="ADAL" clId="{BF04C754-5BF4-4E83-9615-DB14FA25AF8A}" dt="2023-10-12T11:37:47.867" v="289"/>
          <ac:spMkLst>
            <pc:docMk/>
            <pc:sldMk cId="2376958513" sldId="260"/>
            <ac:spMk id="2379" creationId="{345E23F6-4F08-FDF5-47A3-3E7E85C11E44}"/>
          </ac:spMkLst>
        </pc:spChg>
        <pc:spChg chg="mod">
          <ac:chgData name="White, Alex" userId="eff6cc8c-37d8-483b-9c6c-6b27e9afa9bc" providerId="ADAL" clId="{BF04C754-5BF4-4E83-9615-DB14FA25AF8A}" dt="2023-10-12T11:37:47.867" v="289"/>
          <ac:spMkLst>
            <pc:docMk/>
            <pc:sldMk cId="2376958513" sldId="260"/>
            <ac:spMk id="2380" creationId="{D2C1EEBB-165D-6E75-7B48-619B39448A20}"/>
          </ac:spMkLst>
        </pc:spChg>
        <pc:spChg chg="mod">
          <ac:chgData name="White, Alex" userId="eff6cc8c-37d8-483b-9c6c-6b27e9afa9bc" providerId="ADAL" clId="{BF04C754-5BF4-4E83-9615-DB14FA25AF8A}" dt="2023-10-12T11:37:47.867" v="289"/>
          <ac:spMkLst>
            <pc:docMk/>
            <pc:sldMk cId="2376958513" sldId="260"/>
            <ac:spMk id="2381" creationId="{92967271-0FAC-D315-0831-4EBCA94A3AFF}"/>
          </ac:spMkLst>
        </pc:spChg>
        <pc:spChg chg="mod">
          <ac:chgData name="White, Alex" userId="eff6cc8c-37d8-483b-9c6c-6b27e9afa9bc" providerId="ADAL" clId="{BF04C754-5BF4-4E83-9615-DB14FA25AF8A}" dt="2023-10-12T11:37:47.867" v="289"/>
          <ac:spMkLst>
            <pc:docMk/>
            <pc:sldMk cId="2376958513" sldId="260"/>
            <ac:spMk id="2382" creationId="{52B6A226-6F5A-D469-66C8-14660B75AED7}"/>
          </ac:spMkLst>
        </pc:spChg>
        <pc:spChg chg="mod">
          <ac:chgData name="White, Alex" userId="eff6cc8c-37d8-483b-9c6c-6b27e9afa9bc" providerId="ADAL" clId="{BF04C754-5BF4-4E83-9615-DB14FA25AF8A}" dt="2023-10-12T11:37:47.867" v="289"/>
          <ac:spMkLst>
            <pc:docMk/>
            <pc:sldMk cId="2376958513" sldId="260"/>
            <ac:spMk id="2383" creationId="{EDA34508-C844-847F-440D-8FB135F45F72}"/>
          </ac:spMkLst>
        </pc:spChg>
        <pc:spChg chg="mod">
          <ac:chgData name="White, Alex" userId="eff6cc8c-37d8-483b-9c6c-6b27e9afa9bc" providerId="ADAL" clId="{BF04C754-5BF4-4E83-9615-DB14FA25AF8A}" dt="2023-10-12T11:37:47.867" v="289"/>
          <ac:spMkLst>
            <pc:docMk/>
            <pc:sldMk cId="2376958513" sldId="260"/>
            <ac:spMk id="2384" creationId="{AAD00527-8BD7-A11B-0CFE-DA8F8F6C69C5}"/>
          </ac:spMkLst>
        </pc:spChg>
        <pc:spChg chg="mod">
          <ac:chgData name="White, Alex" userId="eff6cc8c-37d8-483b-9c6c-6b27e9afa9bc" providerId="ADAL" clId="{BF04C754-5BF4-4E83-9615-DB14FA25AF8A}" dt="2023-10-12T11:37:47.867" v="289"/>
          <ac:spMkLst>
            <pc:docMk/>
            <pc:sldMk cId="2376958513" sldId="260"/>
            <ac:spMk id="2385" creationId="{79E72145-31A2-111A-9BFA-F8448F97CBE2}"/>
          </ac:spMkLst>
        </pc:spChg>
        <pc:spChg chg="mod">
          <ac:chgData name="White, Alex" userId="eff6cc8c-37d8-483b-9c6c-6b27e9afa9bc" providerId="ADAL" clId="{BF04C754-5BF4-4E83-9615-DB14FA25AF8A}" dt="2023-10-12T11:37:47.867" v="289"/>
          <ac:spMkLst>
            <pc:docMk/>
            <pc:sldMk cId="2376958513" sldId="260"/>
            <ac:spMk id="2386" creationId="{AC4A2801-9AD4-CF57-5B1F-7CBCDE6DE328}"/>
          </ac:spMkLst>
        </pc:spChg>
        <pc:spChg chg="mod">
          <ac:chgData name="White, Alex" userId="eff6cc8c-37d8-483b-9c6c-6b27e9afa9bc" providerId="ADAL" clId="{BF04C754-5BF4-4E83-9615-DB14FA25AF8A}" dt="2023-10-12T11:37:47.867" v="289"/>
          <ac:spMkLst>
            <pc:docMk/>
            <pc:sldMk cId="2376958513" sldId="260"/>
            <ac:spMk id="2387" creationId="{A47AD47A-348B-7578-53F6-36FD9D29DE5C}"/>
          </ac:spMkLst>
        </pc:spChg>
        <pc:spChg chg="mod">
          <ac:chgData name="White, Alex" userId="eff6cc8c-37d8-483b-9c6c-6b27e9afa9bc" providerId="ADAL" clId="{BF04C754-5BF4-4E83-9615-DB14FA25AF8A}" dt="2023-10-12T11:37:47.867" v="289"/>
          <ac:spMkLst>
            <pc:docMk/>
            <pc:sldMk cId="2376958513" sldId="260"/>
            <ac:spMk id="2388" creationId="{EDA37612-E5CD-04CB-D55A-A4CB5D862A9F}"/>
          </ac:spMkLst>
        </pc:spChg>
        <pc:spChg chg="mod">
          <ac:chgData name="White, Alex" userId="eff6cc8c-37d8-483b-9c6c-6b27e9afa9bc" providerId="ADAL" clId="{BF04C754-5BF4-4E83-9615-DB14FA25AF8A}" dt="2023-10-12T11:37:47.867" v="289"/>
          <ac:spMkLst>
            <pc:docMk/>
            <pc:sldMk cId="2376958513" sldId="260"/>
            <ac:spMk id="2389" creationId="{834F83CA-50E7-1FCD-A57F-A6F1FAA15CDA}"/>
          </ac:spMkLst>
        </pc:spChg>
        <pc:spChg chg="mod">
          <ac:chgData name="White, Alex" userId="eff6cc8c-37d8-483b-9c6c-6b27e9afa9bc" providerId="ADAL" clId="{BF04C754-5BF4-4E83-9615-DB14FA25AF8A}" dt="2023-10-12T11:37:47.867" v="289"/>
          <ac:spMkLst>
            <pc:docMk/>
            <pc:sldMk cId="2376958513" sldId="260"/>
            <ac:spMk id="2390" creationId="{20EEB473-B10B-E640-A462-C7E3B5D3C435}"/>
          </ac:spMkLst>
        </pc:spChg>
        <pc:spChg chg="mod">
          <ac:chgData name="White, Alex" userId="eff6cc8c-37d8-483b-9c6c-6b27e9afa9bc" providerId="ADAL" clId="{BF04C754-5BF4-4E83-9615-DB14FA25AF8A}" dt="2023-10-12T11:37:47.867" v="289"/>
          <ac:spMkLst>
            <pc:docMk/>
            <pc:sldMk cId="2376958513" sldId="260"/>
            <ac:spMk id="2391" creationId="{38004761-39AF-3443-41E5-E73894E8064C}"/>
          </ac:spMkLst>
        </pc:spChg>
        <pc:spChg chg="mod">
          <ac:chgData name="White, Alex" userId="eff6cc8c-37d8-483b-9c6c-6b27e9afa9bc" providerId="ADAL" clId="{BF04C754-5BF4-4E83-9615-DB14FA25AF8A}" dt="2023-10-12T11:37:47.867" v="289"/>
          <ac:spMkLst>
            <pc:docMk/>
            <pc:sldMk cId="2376958513" sldId="260"/>
            <ac:spMk id="2392" creationId="{A8F2BEC2-AB6A-27E4-C8BD-B47D3318B51C}"/>
          </ac:spMkLst>
        </pc:spChg>
        <pc:spChg chg="mod">
          <ac:chgData name="White, Alex" userId="eff6cc8c-37d8-483b-9c6c-6b27e9afa9bc" providerId="ADAL" clId="{BF04C754-5BF4-4E83-9615-DB14FA25AF8A}" dt="2023-10-12T11:37:47.867" v="289"/>
          <ac:spMkLst>
            <pc:docMk/>
            <pc:sldMk cId="2376958513" sldId="260"/>
            <ac:spMk id="2393" creationId="{5B256111-939F-6658-67A1-1D49E81D9454}"/>
          </ac:spMkLst>
        </pc:spChg>
        <pc:spChg chg="mod">
          <ac:chgData name="White, Alex" userId="eff6cc8c-37d8-483b-9c6c-6b27e9afa9bc" providerId="ADAL" clId="{BF04C754-5BF4-4E83-9615-DB14FA25AF8A}" dt="2023-10-12T11:37:47.867" v="289"/>
          <ac:spMkLst>
            <pc:docMk/>
            <pc:sldMk cId="2376958513" sldId="260"/>
            <ac:spMk id="2394" creationId="{4836EE0B-7F52-E848-77B4-B1F555C62A2F}"/>
          </ac:spMkLst>
        </pc:spChg>
        <pc:spChg chg="mod">
          <ac:chgData name="White, Alex" userId="eff6cc8c-37d8-483b-9c6c-6b27e9afa9bc" providerId="ADAL" clId="{BF04C754-5BF4-4E83-9615-DB14FA25AF8A}" dt="2023-10-12T11:37:47.867" v="289"/>
          <ac:spMkLst>
            <pc:docMk/>
            <pc:sldMk cId="2376958513" sldId="260"/>
            <ac:spMk id="2395" creationId="{79F729C1-60B1-B6D2-BD55-71DF777F5DDE}"/>
          </ac:spMkLst>
        </pc:spChg>
        <pc:spChg chg="mod">
          <ac:chgData name="White, Alex" userId="eff6cc8c-37d8-483b-9c6c-6b27e9afa9bc" providerId="ADAL" clId="{BF04C754-5BF4-4E83-9615-DB14FA25AF8A}" dt="2023-10-12T11:37:47.867" v="289"/>
          <ac:spMkLst>
            <pc:docMk/>
            <pc:sldMk cId="2376958513" sldId="260"/>
            <ac:spMk id="2396" creationId="{A03FDBD1-A9C8-EC86-F934-9297AAEFD890}"/>
          </ac:spMkLst>
        </pc:spChg>
        <pc:spChg chg="mod">
          <ac:chgData name="White, Alex" userId="eff6cc8c-37d8-483b-9c6c-6b27e9afa9bc" providerId="ADAL" clId="{BF04C754-5BF4-4E83-9615-DB14FA25AF8A}" dt="2023-10-12T11:37:47.867" v="289"/>
          <ac:spMkLst>
            <pc:docMk/>
            <pc:sldMk cId="2376958513" sldId="260"/>
            <ac:spMk id="2397" creationId="{9DFC451D-6E11-F4C8-1EC6-991FC5A7C049}"/>
          </ac:spMkLst>
        </pc:spChg>
        <pc:spChg chg="mod">
          <ac:chgData name="White, Alex" userId="eff6cc8c-37d8-483b-9c6c-6b27e9afa9bc" providerId="ADAL" clId="{BF04C754-5BF4-4E83-9615-DB14FA25AF8A}" dt="2023-10-12T11:37:47.867" v="289"/>
          <ac:spMkLst>
            <pc:docMk/>
            <pc:sldMk cId="2376958513" sldId="260"/>
            <ac:spMk id="2398" creationId="{4BD568C0-409A-D58E-0837-250CB79CAD37}"/>
          </ac:spMkLst>
        </pc:spChg>
        <pc:spChg chg="mod">
          <ac:chgData name="White, Alex" userId="eff6cc8c-37d8-483b-9c6c-6b27e9afa9bc" providerId="ADAL" clId="{BF04C754-5BF4-4E83-9615-DB14FA25AF8A}" dt="2023-10-12T11:37:47.867" v="289"/>
          <ac:spMkLst>
            <pc:docMk/>
            <pc:sldMk cId="2376958513" sldId="260"/>
            <ac:spMk id="2399" creationId="{4C7D9D5D-798C-4DCB-7C1A-00C69160AE47}"/>
          </ac:spMkLst>
        </pc:spChg>
        <pc:spChg chg="mod">
          <ac:chgData name="White, Alex" userId="eff6cc8c-37d8-483b-9c6c-6b27e9afa9bc" providerId="ADAL" clId="{BF04C754-5BF4-4E83-9615-DB14FA25AF8A}" dt="2023-10-12T11:37:47.867" v="289"/>
          <ac:spMkLst>
            <pc:docMk/>
            <pc:sldMk cId="2376958513" sldId="260"/>
            <ac:spMk id="2400" creationId="{B5F3153B-59B8-DF29-BB9E-423B8117897F}"/>
          </ac:spMkLst>
        </pc:spChg>
        <pc:spChg chg="mod">
          <ac:chgData name="White, Alex" userId="eff6cc8c-37d8-483b-9c6c-6b27e9afa9bc" providerId="ADAL" clId="{BF04C754-5BF4-4E83-9615-DB14FA25AF8A}" dt="2023-10-12T11:37:47.867" v="289"/>
          <ac:spMkLst>
            <pc:docMk/>
            <pc:sldMk cId="2376958513" sldId="260"/>
            <ac:spMk id="2401" creationId="{8970DDE1-4B48-860C-42BA-07C8B72D2B98}"/>
          </ac:spMkLst>
        </pc:spChg>
        <pc:spChg chg="mod">
          <ac:chgData name="White, Alex" userId="eff6cc8c-37d8-483b-9c6c-6b27e9afa9bc" providerId="ADAL" clId="{BF04C754-5BF4-4E83-9615-DB14FA25AF8A}" dt="2023-10-12T11:37:47.867" v="289"/>
          <ac:spMkLst>
            <pc:docMk/>
            <pc:sldMk cId="2376958513" sldId="260"/>
            <ac:spMk id="2402" creationId="{17AE3CEC-2B37-8C6A-4F94-169CF1FD6CA1}"/>
          </ac:spMkLst>
        </pc:spChg>
        <pc:spChg chg="mod">
          <ac:chgData name="White, Alex" userId="eff6cc8c-37d8-483b-9c6c-6b27e9afa9bc" providerId="ADAL" clId="{BF04C754-5BF4-4E83-9615-DB14FA25AF8A}" dt="2023-10-12T11:37:47.867" v="289"/>
          <ac:spMkLst>
            <pc:docMk/>
            <pc:sldMk cId="2376958513" sldId="260"/>
            <ac:spMk id="2403" creationId="{8B66483C-9F2B-B6DE-B603-26A3AF68D8FD}"/>
          </ac:spMkLst>
        </pc:spChg>
        <pc:spChg chg="mod">
          <ac:chgData name="White, Alex" userId="eff6cc8c-37d8-483b-9c6c-6b27e9afa9bc" providerId="ADAL" clId="{BF04C754-5BF4-4E83-9615-DB14FA25AF8A}" dt="2023-10-12T11:37:47.867" v="289"/>
          <ac:spMkLst>
            <pc:docMk/>
            <pc:sldMk cId="2376958513" sldId="260"/>
            <ac:spMk id="2404" creationId="{75D6E069-99B2-3527-7CF8-D113E4BFD2A0}"/>
          </ac:spMkLst>
        </pc:spChg>
        <pc:spChg chg="mod">
          <ac:chgData name="White, Alex" userId="eff6cc8c-37d8-483b-9c6c-6b27e9afa9bc" providerId="ADAL" clId="{BF04C754-5BF4-4E83-9615-DB14FA25AF8A}" dt="2023-10-12T11:37:47.867" v="289"/>
          <ac:spMkLst>
            <pc:docMk/>
            <pc:sldMk cId="2376958513" sldId="260"/>
            <ac:spMk id="2405" creationId="{F3C3F774-6D08-9E72-D92F-4E09DFDB9A08}"/>
          </ac:spMkLst>
        </pc:spChg>
        <pc:spChg chg="mod">
          <ac:chgData name="White, Alex" userId="eff6cc8c-37d8-483b-9c6c-6b27e9afa9bc" providerId="ADAL" clId="{BF04C754-5BF4-4E83-9615-DB14FA25AF8A}" dt="2023-10-12T11:37:47.867" v="289"/>
          <ac:spMkLst>
            <pc:docMk/>
            <pc:sldMk cId="2376958513" sldId="260"/>
            <ac:spMk id="2406" creationId="{D4804463-0FB1-223D-CFB8-9ABCF78E25C2}"/>
          </ac:spMkLst>
        </pc:spChg>
        <pc:spChg chg="mod">
          <ac:chgData name="White, Alex" userId="eff6cc8c-37d8-483b-9c6c-6b27e9afa9bc" providerId="ADAL" clId="{BF04C754-5BF4-4E83-9615-DB14FA25AF8A}" dt="2023-10-12T11:37:47.867" v="289"/>
          <ac:spMkLst>
            <pc:docMk/>
            <pc:sldMk cId="2376958513" sldId="260"/>
            <ac:spMk id="2407" creationId="{400D446F-A6DE-B59A-D7A6-429FD3996E1E}"/>
          </ac:spMkLst>
        </pc:spChg>
        <pc:spChg chg="mod">
          <ac:chgData name="White, Alex" userId="eff6cc8c-37d8-483b-9c6c-6b27e9afa9bc" providerId="ADAL" clId="{BF04C754-5BF4-4E83-9615-DB14FA25AF8A}" dt="2023-10-12T11:37:47.867" v="289"/>
          <ac:spMkLst>
            <pc:docMk/>
            <pc:sldMk cId="2376958513" sldId="260"/>
            <ac:spMk id="2408" creationId="{18640547-827A-AFFA-6454-E46234F071F1}"/>
          </ac:spMkLst>
        </pc:spChg>
        <pc:spChg chg="mod">
          <ac:chgData name="White, Alex" userId="eff6cc8c-37d8-483b-9c6c-6b27e9afa9bc" providerId="ADAL" clId="{BF04C754-5BF4-4E83-9615-DB14FA25AF8A}" dt="2023-10-12T11:37:47.867" v="289"/>
          <ac:spMkLst>
            <pc:docMk/>
            <pc:sldMk cId="2376958513" sldId="260"/>
            <ac:spMk id="2409" creationId="{E997B8F4-8D24-4860-FFFF-53062C167980}"/>
          </ac:spMkLst>
        </pc:spChg>
        <pc:spChg chg="mod">
          <ac:chgData name="White, Alex" userId="eff6cc8c-37d8-483b-9c6c-6b27e9afa9bc" providerId="ADAL" clId="{BF04C754-5BF4-4E83-9615-DB14FA25AF8A}" dt="2023-10-12T11:37:47.867" v="289"/>
          <ac:spMkLst>
            <pc:docMk/>
            <pc:sldMk cId="2376958513" sldId="260"/>
            <ac:spMk id="2410" creationId="{0F4EDFE4-AD32-A3D0-1A0E-EB05D9D6636D}"/>
          </ac:spMkLst>
        </pc:spChg>
        <pc:spChg chg="mod">
          <ac:chgData name="White, Alex" userId="eff6cc8c-37d8-483b-9c6c-6b27e9afa9bc" providerId="ADAL" clId="{BF04C754-5BF4-4E83-9615-DB14FA25AF8A}" dt="2023-10-12T11:37:47.867" v="289"/>
          <ac:spMkLst>
            <pc:docMk/>
            <pc:sldMk cId="2376958513" sldId="260"/>
            <ac:spMk id="2411" creationId="{D9F062C9-9E86-5410-55AD-73424C13B258}"/>
          </ac:spMkLst>
        </pc:spChg>
        <pc:spChg chg="mod">
          <ac:chgData name="White, Alex" userId="eff6cc8c-37d8-483b-9c6c-6b27e9afa9bc" providerId="ADAL" clId="{BF04C754-5BF4-4E83-9615-DB14FA25AF8A}" dt="2023-10-12T11:37:47.867" v="289"/>
          <ac:spMkLst>
            <pc:docMk/>
            <pc:sldMk cId="2376958513" sldId="260"/>
            <ac:spMk id="2412" creationId="{7CAA5F58-6728-90CC-C96B-CF649001925E}"/>
          </ac:spMkLst>
        </pc:spChg>
        <pc:spChg chg="mod">
          <ac:chgData name="White, Alex" userId="eff6cc8c-37d8-483b-9c6c-6b27e9afa9bc" providerId="ADAL" clId="{BF04C754-5BF4-4E83-9615-DB14FA25AF8A}" dt="2023-10-12T11:37:47.867" v="289"/>
          <ac:spMkLst>
            <pc:docMk/>
            <pc:sldMk cId="2376958513" sldId="260"/>
            <ac:spMk id="2413" creationId="{EED64C05-4AA4-04F2-5BCC-137E2CD9F0FD}"/>
          </ac:spMkLst>
        </pc:spChg>
        <pc:spChg chg="mod">
          <ac:chgData name="White, Alex" userId="eff6cc8c-37d8-483b-9c6c-6b27e9afa9bc" providerId="ADAL" clId="{BF04C754-5BF4-4E83-9615-DB14FA25AF8A}" dt="2023-10-12T11:37:47.867" v="289"/>
          <ac:spMkLst>
            <pc:docMk/>
            <pc:sldMk cId="2376958513" sldId="260"/>
            <ac:spMk id="2414" creationId="{E1BCA993-6ACE-FA0D-F695-230B839395C1}"/>
          </ac:spMkLst>
        </pc:spChg>
        <pc:spChg chg="mod">
          <ac:chgData name="White, Alex" userId="eff6cc8c-37d8-483b-9c6c-6b27e9afa9bc" providerId="ADAL" clId="{BF04C754-5BF4-4E83-9615-DB14FA25AF8A}" dt="2023-10-12T11:37:47.867" v="289"/>
          <ac:spMkLst>
            <pc:docMk/>
            <pc:sldMk cId="2376958513" sldId="260"/>
            <ac:spMk id="2415" creationId="{AF96A18F-7918-13E7-9A2D-C4BB1D76F545}"/>
          </ac:spMkLst>
        </pc:spChg>
        <pc:spChg chg="mod">
          <ac:chgData name="White, Alex" userId="eff6cc8c-37d8-483b-9c6c-6b27e9afa9bc" providerId="ADAL" clId="{BF04C754-5BF4-4E83-9615-DB14FA25AF8A}" dt="2023-10-12T11:37:47.867" v="289"/>
          <ac:spMkLst>
            <pc:docMk/>
            <pc:sldMk cId="2376958513" sldId="260"/>
            <ac:spMk id="2416" creationId="{F7BF9B96-45D8-55FD-208B-BFF741F49470}"/>
          </ac:spMkLst>
        </pc:spChg>
        <pc:spChg chg="mod">
          <ac:chgData name="White, Alex" userId="eff6cc8c-37d8-483b-9c6c-6b27e9afa9bc" providerId="ADAL" clId="{BF04C754-5BF4-4E83-9615-DB14FA25AF8A}" dt="2023-10-12T11:37:47.867" v="289"/>
          <ac:spMkLst>
            <pc:docMk/>
            <pc:sldMk cId="2376958513" sldId="260"/>
            <ac:spMk id="2417" creationId="{4F4C0CD5-0E56-605A-81E8-3FD0736439C6}"/>
          </ac:spMkLst>
        </pc:spChg>
        <pc:spChg chg="mod">
          <ac:chgData name="White, Alex" userId="eff6cc8c-37d8-483b-9c6c-6b27e9afa9bc" providerId="ADAL" clId="{BF04C754-5BF4-4E83-9615-DB14FA25AF8A}" dt="2023-10-12T11:37:47.867" v="289"/>
          <ac:spMkLst>
            <pc:docMk/>
            <pc:sldMk cId="2376958513" sldId="260"/>
            <ac:spMk id="2418" creationId="{6604E516-05BC-826C-8F7C-BCCAC3869FF0}"/>
          </ac:spMkLst>
        </pc:spChg>
        <pc:spChg chg="mod">
          <ac:chgData name="White, Alex" userId="eff6cc8c-37d8-483b-9c6c-6b27e9afa9bc" providerId="ADAL" clId="{BF04C754-5BF4-4E83-9615-DB14FA25AF8A}" dt="2023-10-12T11:37:47.867" v="289"/>
          <ac:spMkLst>
            <pc:docMk/>
            <pc:sldMk cId="2376958513" sldId="260"/>
            <ac:spMk id="2419" creationId="{CF2CAE80-D768-D294-EE61-A3B6F5746C61}"/>
          </ac:spMkLst>
        </pc:spChg>
        <pc:spChg chg="mod">
          <ac:chgData name="White, Alex" userId="eff6cc8c-37d8-483b-9c6c-6b27e9afa9bc" providerId="ADAL" clId="{BF04C754-5BF4-4E83-9615-DB14FA25AF8A}" dt="2023-10-12T11:37:47.867" v="289"/>
          <ac:spMkLst>
            <pc:docMk/>
            <pc:sldMk cId="2376958513" sldId="260"/>
            <ac:spMk id="2420" creationId="{6D997B16-9AAC-30FE-9E3B-3F852B3C69D9}"/>
          </ac:spMkLst>
        </pc:spChg>
        <pc:spChg chg="mod">
          <ac:chgData name="White, Alex" userId="eff6cc8c-37d8-483b-9c6c-6b27e9afa9bc" providerId="ADAL" clId="{BF04C754-5BF4-4E83-9615-DB14FA25AF8A}" dt="2023-10-12T11:37:47.867" v="289"/>
          <ac:spMkLst>
            <pc:docMk/>
            <pc:sldMk cId="2376958513" sldId="260"/>
            <ac:spMk id="2421" creationId="{4D6836EF-4E81-61A3-BC73-3179C23E5A1D}"/>
          </ac:spMkLst>
        </pc:spChg>
        <pc:spChg chg="mod">
          <ac:chgData name="White, Alex" userId="eff6cc8c-37d8-483b-9c6c-6b27e9afa9bc" providerId="ADAL" clId="{BF04C754-5BF4-4E83-9615-DB14FA25AF8A}" dt="2023-10-12T11:37:47.867" v="289"/>
          <ac:spMkLst>
            <pc:docMk/>
            <pc:sldMk cId="2376958513" sldId="260"/>
            <ac:spMk id="2422" creationId="{A6B543B4-827C-663C-EB89-3686DEF8B695}"/>
          </ac:spMkLst>
        </pc:spChg>
        <pc:spChg chg="mod">
          <ac:chgData name="White, Alex" userId="eff6cc8c-37d8-483b-9c6c-6b27e9afa9bc" providerId="ADAL" clId="{BF04C754-5BF4-4E83-9615-DB14FA25AF8A}" dt="2023-10-12T11:37:47.867" v="289"/>
          <ac:spMkLst>
            <pc:docMk/>
            <pc:sldMk cId="2376958513" sldId="260"/>
            <ac:spMk id="2423" creationId="{0BF90556-26B0-1DCF-2D51-8E7311BA41A6}"/>
          </ac:spMkLst>
        </pc:spChg>
        <pc:spChg chg="mod">
          <ac:chgData name="White, Alex" userId="eff6cc8c-37d8-483b-9c6c-6b27e9afa9bc" providerId="ADAL" clId="{BF04C754-5BF4-4E83-9615-DB14FA25AF8A}" dt="2023-10-12T11:37:47.867" v="289"/>
          <ac:spMkLst>
            <pc:docMk/>
            <pc:sldMk cId="2376958513" sldId="260"/>
            <ac:spMk id="2424" creationId="{EE588598-39FA-E55F-3FC8-79B4E0B17466}"/>
          </ac:spMkLst>
        </pc:spChg>
        <pc:spChg chg="mod">
          <ac:chgData name="White, Alex" userId="eff6cc8c-37d8-483b-9c6c-6b27e9afa9bc" providerId="ADAL" clId="{BF04C754-5BF4-4E83-9615-DB14FA25AF8A}" dt="2023-10-12T11:37:47.867" v="289"/>
          <ac:spMkLst>
            <pc:docMk/>
            <pc:sldMk cId="2376958513" sldId="260"/>
            <ac:spMk id="2425" creationId="{CE66C32A-906F-44C1-B654-178FE9C558D7}"/>
          </ac:spMkLst>
        </pc:spChg>
        <pc:spChg chg="mod">
          <ac:chgData name="White, Alex" userId="eff6cc8c-37d8-483b-9c6c-6b27e9afa9bc" providerId="ADAL" clId="{BF04C754-5BF4-4E83-9615-DB14FA25AF8A}" dt="2023-10-12T11:37:47.867" v="289"/>
          <ac:spMkLst>
            <pc:docMk/>
            <pc:sldMk cId="2376958513" sldId="260"/>
            <ac:spMk id="2426" creationId="{A8ADF603-4DCF-24DA-EDC4-0208090397D2}"/>
          </ac:spMkLst>
        </pc:spChg>
        <pc:spChg chg="mod">
          <ac:chgData name="White, Alex" userId="eff6cc8c-37d8-483b-9c6c-6b27e9afa9bc" providerId="ADAL" clId="{BF04C754-5BF4-4E83-9615-DB14FA25AF8A}" dt="2023-10-12T11:37:47.867" v="289"/>
          <ac:spMkLst>
            <pc:docMk/>
            <pc:sldMk cId="2376958513" sldId="260"/>
            <ac:spMk id="2427" creationId="{68AB0B63-8641-235E-887E-E5A19AB03909}"/>
          </ac:spMkLst>
        </pc:spChg>
        <pc:spChg chg="mod">
          <ac:chgData name="White, Alex" userId="eff6cc8c-37d8-483b-9c6c-6b27e9afa9bc" providerId="ADAL" clId="{BF04C754-5BF4-4E83-9615-DB14FA25AF8A}" dt="2023-10-12T11:37:47.867" v="289"/>
          <ac:spMkLst>
            <pc:docMk/>
            <pc:sldMk cId="2376958513" sldId="260"/>
            <ac:spMk id="2428" creationId="{A61E5CC0-5AF9-26B7-F478-B48E6FA46713}"/>
          </ac:spMkLst>
        </pc:spChg>
        <pc:spChg chg="mod">
          <ac:chgData name="White, Alex" userId="eff6cc8c-37d8-483b-9c6c-6b27e9afa9bc" providerId="ADAL" clId="{BF04C754-5BF4-4E83-9615-DB14FA25AF8A}" dt="2023-10-12T11:37:47.867" v="289"/>
          <ac:spMkLst>
            <pc:docMk/>
            <pc:sldMk cId="2376958513" sldId="260"/>
            <ac:spMk id="2429" creationId="{45EF5FA8-28C2-512E-4CE6-2F905F5E9390}"/>
          </ac:spMkLst>
        </pc:spChg>
        <pc:spChg chg="mod">
          <ac:chgData name="White, Alex" userId="eff6cc8c-37d8-483b-9c6c-6b27e9afa9bc" providerId="ADAL" clId="{BF04C754-5BF4-4E83-9615-DB14FA25AF8A}" dt="2023-10-12T11:37:47.867" v="289"/>
          <ac:spMkLst>
            <pc:docMk/>
            <pc:sldMk cId="2376958513" sldId="260"/>
            <ac:spMk id="2430" creationId="{C7C17478-C206-F0D7-9219-A3507EC70227}"/>
          </ac:spMkLst>
        </pc:spChg>
        <pc:spChg chg="mod">
          <ac:chgData name="White, Alex" userId="eff6cc8c-37d8-483b-9c6c-6b27e9afa9bc" providerId="ADAL" clId="{BF04C754-5BF4-4E83-9615-DB14FA25AF8A}" dt="2023-10-12T11:37:47.867" v="289"/>
          <ac:spMkLst>
            <pc:docMk/>
            <pc:sldMk cId="2376958513" sldId="260"/>
            <ac:spMk id="2431" creationId="{2CD8DBAA-D678-6856-15AD-6F3EFCBBB198}"/>
          </ac:spMkLst>
        </pc:spChg>
        <pc:spChg chg="mod">
          <ac:chgData name="White, Alex" userId="eff6cc8c-37d8-483b-9c6c-6b27e9afa9bc" providerId="ADAL" clId="{BF04C754-5BF4-4E83-9615-DB14FA25AF8A}" dt="2023-10-12T11:37:47.867" v="289"/>
          <ac:spMkLst>
            <pc:docMk/>
            <pc:sldMk cId="2376958513" sldId="260"/>
            <ac:spMk id="2432" creationId="{02BB4F28-CE0D-0B5E-91BE-24927398B84F}"/>
          </ac:spMkLst>
        </pc:spChg>
        <pc:spChg chg="mod">
          <ac:chgData name="White, Alex" userId="eff6cc8c-37d8-483b-9c6c-6b27e9afa9bc" providerId="ADAL" clId="{BF04C754-5BF4-4E83-9615-DB14FA25AF8A}" dt="2023-10-12T11:37:47.867" v="289"/>
          <ac:spMkLst>
            <pc:docMk/>
            <pc:sldMk cId="2376958513" sldId="260"/>
            <ac:spMk id="2433" creationId="{0CE7EBAC-D546-C619-50F8-56A63C4A0224}"/>
          </ac:spMkLst>
        </pc:spChg>
        <pc:spChg chg="mod">
          <ac:chgData name="White, Alex" userId="eff6cc8c-37d8-483b-9c6c-6b27e9afa9bc" providerId="ADAL" clId="{BF04C754-5BF4-4E83-9615-DB14FA25AF8A}" dt="2023-10-12T11:37:47.867" v="289"/>
          <ac:spMkLst>
            <pc:docMk/>
            <pc:sldMk cId="2376958513" sldId="260"/>
            <ac:spMk id="2434" creationId="{43E1FC46-6350-3519-3DA4-590033A5D47B}"/>
          </ac:spMkLst>
        </pc:spChg>
        <pc:spChg chg="mod">
          <ac:chgData name="White, Alex" userId="eff6cc8c-37d8-483b-9c6c-6b27e9afa9bc" providerId="ADAL" clId="{BF04C754-5BF4-4E83-9615-DB14FA25AF8A}" dt="2023-10-12T11:37:47.867" v="289"/>
          <ac:spMkLst>
            <pc:docMk/>
            <pc:sldMk cId="2376958513" sldId="260"/>
            <ac:spMk id="2435" creationId="{0EDF58BA-02BD-85FD-8EC8-4153B460466C}"/>
          </ac:spMkLst>
        </pc:spChg>
        <pc:spChg chg="mod">
          <ac:chgData name="White, Alex" userId="eff6cc8c-37d8-483b-9c6c-6b27e9afa9bc" providerId="ADAL" clId="{BF04C754-5BF4-4E83-9615-DB14FA25AF8A}" dt="2023-10-12T11:37:47.867" v="289"/>
          <ac:spMkLst>
            <pc:docMk/>
            <pc:sldMk cId="2376958513" sldId="260"/>
            <ac:spMk id="2436" creationId="{0C046EF7-6ADD-64D5-34F2-64BCE6B547F7}"/>
          </ac:spMkLst>
        </pc:spChg>
        <pc:spChg chg="mod">
          <ac:chgData name="White, Alex" userId="eff6cc8c-37d8-483b-9c6c-6b27e9afa9bc" providerId="ADAL" clId="{BF04C754-5BF4-4E83-9615-DB14FA25AF8A}" dt="2023-10-12T11:37:47.867" v="289"/>
          <ac:spMkLst>
            <pc:docMk/>
            <pc:sldMk cId="2376958513" sldId="260"/>
            <ac:spMk id="2437" creationId="{22B669CE-7BD3-A453-82F6-C051021E4D8F}"/>
          </ac:spMkLst>
        </pc:spChg>
        <pc:spChg chg="mod">
          <ac:chgData name="White, Alex" userId="eff6cc8c-37d8-483b-9c6c-6b27e9afa9bc" providerId="ADAL" clId="{BF04C754-5BF4-4E83-9615-DB14FA25AF8A}" dt="2023-10-12T11:37:47.867" v="289"/>
          <ac:spMkLst>
            <pc:docMk/>
            <pc:sldMk cId="2376958513" sldId="260"/>
            <ac:spMk id="2438" creationId="{E8B5D0B0-A22E-115F-A822-4F1A7BC4EFE1}"/>
          </ac:spMkLst>
        </pc:spChg>
        <pc:spChg chg="mod">
          <ac:chgData name="White, Alex" userId="eff6cc8c-37d8-483b-9c6c-6b27e9afa9bc" providerId="ADAL" clId="{BF04C754-5BF4-4E83-9615-DB14FA25AF8A}" dt="2023-10-12T11:37:47.867" v="289"/>
          <ac:spMkLst>
            <pc:docMk/>
            <pc:sldMk cId="2376958513" sldId="260"/>
            <ac:spMk id="2439" creationId="{A2900BED-9277-2C81-ED85-0224BB50C4D2}"/>
          </ac:spMkLst>
        </pc:spChg>
        <pc:spChg chg="mod">
          <ac:chgData name="White, Alex" userId="eff6cc8c-37d8-483b-9c6c-6b27e9afa9bc" providerId="ADAL" clId="{BF04C754-5BF4-4E83-9615-DB14FA25AF8A}" dt="2023-10-12T11:37:47.867" v="289"/>
          <ac:spMkLst>
            <pc:docMk/>
            <pc:sldMk cId="2376958513" sldId="260"/>
            <ac:spMk id="2440" creationId="{05D2E64A-A5AA-E074-7CA2-33524692DC9F}"/>
          </ac:spMkLst>
        </pc:spChg>
        <pc:spChg chg="mod">
          <ac:chgData name="White, Alex" userId="eff6cc8c-37d8-483b-9c6c-6b27e9afa9bc" providerId="ADAL" clId="{BF04C754-5BF4-4E83-9615-DB14FA25AF8A}" dt="2023-10-12T11:37:47.867" v="289"/>
          <ac:spMkLst>
            <pc:docMk/>
            <pc:sldMk cId="2376958513" sldId="260"/>
            <ac:spMk id="2441" creationId="{FE85ECD8-1285-F1A6-CF14-EDC02BAC4387}"/>
          </ac:spMkLst>
        </pc:spChg>
        <pc:spChg chg="mod">
          <ac:chgData name="White, Alex" userId="eff6cc8c-37d8-483b-9c6c-6b27e9afa9bc" providerId="ADAL" clId="{BF04C754-5BF4-4E83-9615-DB14FA25AF8A}" dt="2023-10-12T11:37:47.867" v="289"/>
          <ac:spMkLst>
            <pc:docMk/>
            <pc:sldMk cId="2376958513" sldId="260"/>
            <ac:spMk id="2442" creationId="{80687DA9-6E52-E2A4-2424-BBB68D33AB8B}"/>
          </ac:spMkLst>
        </pc:spChg>
        <pc:spChg chg="mod">
          <ac:chgData name="White, Alex" userId="eff6cc8c-37d8-483b-9c6c-6b27e9afa9bc" providerId="ADAL" clId="{BF04C754-5BF4-4E83-9615-DB14FA25AF8A}" dt="2023-10-12T11:37:47.867" v="289"/>
          <ac:spMkLst>
            <pc:docMk/>
            <pc:sldMk cId="2376958513" sldId="260"/>
            <ac:spMk id="2443" creationId="{D3413C6A-423E-2400-3CBE-9BC324F320A4}"/>
          </ac:spMkLst>
        </pc:spChg>
        <pc:spChg chg="mod">
          <ac:chgData name="White, Alex" userId="eff6cc8c-37d8-483b-9c6c-6b27e9afa9bc" providerId="ADAL" clId="{BF04C754-5BF4-4E83-9615-DB14FA25AF8A}" dt="2023-10-12T11:37:47.867" v="289"/>
          <ac:spMkLst>
            <pc:docMk/>
            <pc:sldMk cId="2376958513" sldId="260"/>
            <ac:spMk id="2444" creationId="{2866E3A5-DCEE-A248-9020-054F0F25F972}"/>
          </ac:spMkLst>
        </pc:spChg>
        <pc:spChg chg="mod">
          <ac:chgData name="White, Alex" userId="eff6cc8c-37d8-483b-9c6c-6b27e9afa9bc" providerId="ADAL" clId="{BF04C754-5BF4-4E83-9615-DB14FA25AF8A}" dt="2023-10-12T11:37:47.867" v="289"/>
          <ac:spMkLst>
            <pc:docMk/>
            <pc:sldMk cId="2376958513" sldId="260"/>
            <ac:spMk id="2445" creationId="{3DE2EA2D-252F-D8B2-EE83-948C11C2DF47}"/>
          </ac:spMkLst>
        </pc:spChg>
        <pc:spChg chg="mod">
          <ac:chgData name="White, Alex" userId="eff6cc8c-37d8-483b-9c6c-6b27e9afa9bc" providerId="ADAL" clId="{BF04C754-5BF4-4E83-9615-DB14FA25AF8A}" dt="2023-10-12T11:37:47.867" v="289"/>
          <ac:spMkLst>
            <pc:docMk/>
            <pc:sldMk cId="2376958513" sldId="260"/>
            <ac:spMk id="2446" creationId="{1A82E26C-787C-8C83-0C7C-A63D3E644DAC}"/>
          </ac:spMkLst>
        </pc:spChg>
        <pc:spChg chg="mod">
          <ac:chgData name="White, Alex" userId="eff6cc8c-37d8-483b-9c6c-6b27e9afa9bc" providerId="ADAL" clId="{BF04C754-5BF4-4E83-9615-DB14FA25AF8A}" dt="2023-10-12T11:37:47.867" v="289"/>
          <ac:spMkLst>
            <pc:docMk/>
            <pc:sldMk cId="2376958513" sldId="260"/>
            <ac:spMk id="2447" creationId="{4EC12E58-3081-4183-ECFE-3D4640831888}"/>
          </ac:spMkLst>
        </pc:spChg>
        <pc:spChg chg="mod">
          <ac:chgData name="White, Alex" userId="eff6cc8c-37d8-483b-9c6c-6b27e9afa9bc" providerId="ADAL" clId="{BF04C754-5BF4-4E83-9615-DB14FA25AF8A}" dt="2023-10-12T11:37:47.867" v="289"/>
          <ac:spMkLst>
            <pc:docMk/>
            <pc:sldMk cId="2376958513" sldId="260"/>
            <ac:spMk id="2448" creationId="{D20DFBBF-2AA5-6275-A3FB-9DB8F411AA80}"/>
          </ac:spMkLst>
        </pc:spChg>
        <pc:spChg chg="mod">
          <ac:chgData name="White, Alex" userId="eff6cc8c-37d8-483b-9c6c-6b27e9afa9bc" providerId="ADAL" clId="{BF04C754-5BF4-4E83-9615-DB14FA25AF8A}" dt="2023-10-12T11:37:47.867" v="289"/>
          <ac:spMkLst>
            <pc:docMk/>
            <pc:sldMk cId="2376958513" sldId="260"/>
            <ac:spMk id="2449" creationId="{3A9B4391-074C-D7C6-D816-1E58308C3266}"/>
          </ac:spMkLst>
        </pc:spChg>
        <pc:spChg chg="mod">
          <ac:chgData name="White, Alex" userId="eff6cc8c-37d8-483b-9c6c-6b27e9afa9bc" providerId="ADAL" clId="{BF04C754-5BF4-4E83-9615-DB14FA25AF8A}" dt="2023-10-12T11:37:47.867" v="289"/>
          <ac:spMkLst>
            <pc:docMk/>
            <pc:sldMk cId="2376958513" sldId="260"/>
            <ac:spMk id="2450" creationId="{C6AE6705-0192-7FC2-A136-60F8A8B175CB}"/>
          </ac:spMkLst>
        </pc:spChg>
        <pc:spChg chg="mod">
          <ac:chgData name="White, Alex" userId="eff6cc8c-37d8-483b-9c6c-6b27e9afa9bc" providerId="ADAL" clId="{BF04C754-5BF4-4E83-9615-DB14FA25AF8A}" dt="2023-10-12T11:37:47.867" v="289"/>
          <ac:spMkLst>
            <pc:docMk/>
            <pc:sldMk cId="2376958513" sldId="260"/>
            <ac:spMk id="2451" creationId="{9FF39B6D-6B34-8713-C66F-6A8A003CE00C}"/>
          </ac:spMkLst>
        </pc:spChg>
        <pc:spChg chg="mod">
          <ac:chgData name="White, Alex" userId="eff6cc8c-37d8-483b-9c6c-6b27e9afa9bc" providerId="ADAL" clId="{BF04C754-5BF4-4E83-9615-DB14FA25AF8A}" dt="2023-10-12T11:37:47.867" v="289"/>
          <ac:spMkLst>
            <pc:docMk/>
            <pc:sldMk cId="2376958513" sldId="260"/>
            <ac:spMk id="2452" creationId="{571E2278-8C75-FCF8-EA6F-2492ECF35FF3}"/>
          </ac:spMkLst>
        </pc:spChg>
        <pc:spChg chg="mod">
          <ac:chgData name="White, Alex" userId="eff6cc8c-37d8-483b-9c6c-6b27e9afa9bc" providerId="ADAL" clId="{BF04C754-5BF4-4E83-9615-DB14FA25AF8A}" dt="2023-10-12T11:37:47.867" v="289"/>
          <ac:spMkLst>
            <pc:docMk/>
            <pc:sldMk cId="2376958513" sldId="260"/>
            <ac:spMk id="2453" creationId="{A56A0E07-7F85-E434-22F0-AE00E67D9F18}"/>
          </ac:spMkLst>
        </pc:spChg>
        <pc:spChg chg="mod">
          <ac:chgData name="White, Alex" userId="eff6cc8c-37d8-483b-9c6c-6b27e9afa9bc" providerId="ADAL" clId="{BF04C754-5BF4-4E83-9615-DB14FA25AF8A}" dt="2023-10-12T11:37:47.867" v="289"/>
          <ac:spMkLst>
            <pc:docMk/>
            <pc:sldMk cId="2376958513" sldId="260"/>
            <ac:spMk id="2454" creationId="{25060901-07E6-A00C-187F-E491F3A19657}"/>
          </ac:spMkLst>
        </pc:spChg>
        <pc:spChg chg="mod">
          <ac:chgData name="White, Alex" userId="eff6cc8c-37d8-483b-9c6c-6b27e9afa9bc" providerId="ADAL" clId="{BF04C754-5BF4-4E83-9615-DB14FA25AF8A}" dt="2023-10-12T11:37:47.867" v="289"/>
          <ac:spMkLst>
            <pc:docMk/>
            <pc:sldMk cId="2376958513" sldId="260"/>
            <ac:spMk id="2455" creationId="{AA3AE77A-F569-1EB7-E832-24B026990DCE}"/>
          </ac:spMkLst>
        </pc:spChg>
        <pc:spChg chg="mod">
          <ac:chgData name="White, Alex" userId="eff6cc8c-37d8-483b-9c6c-6b27e9afa9bc" providerId="ADAL" clId="{BF04C754-5BF4-4E83-9615-DB14FA25AF8A}" dt="2023-10-12T11:37:47.867" v="289"/>
          <ac:spMkLst>
            <pc:docMk/>
            <pc:sldMk cId="2376958513" sldId="260"/>
            <ac:spMk id="2456" creationId="{C75E2F19-65C3-72DF-F4FC-65B285632B10}"/>
          </ac:spMkLst>
        </pc:spChg>
        <pc:spChg chg="mod">
          <ac:chgData name="White, Alex" userId="eff6cc8c-37d8-483b-9c6c-6b27e9afa9bc" providerId="ADAL" clId="{BF04C754-5BF4-4E83-9615-DB14FA25AF8A}" dt="2023-10-12T11:37:47.867" v="289"/>
          <ac:spMkLst>
            <pc:docMk/>
            <pc:sldMk cId="2376958513" sldId="260"/>
            <ac:spMk id="2457" creationId="{80279EDB-0131-0384-2B29-AAD1AE1B45A3}"/>
          </ac:spMkLst>
        </pc:spChg>
        <pc:spChg chg="mod">
          <ac:chgData name="White, Alex" userId="eff6cc8c-37d8-483b-9c6c-6b27e9afa9bc" providerId="ADAL" clId="{BF04C754-5BF4-4E83-9615-DB14FA25AF8A}" dt="2023-10-12T11:37:47.867" v="289"/>
          <ac:spMkLst>
            <pc:docMk/>
            <pc:sldMk cId="2376958513" sldId="260"/>
            <ac:spMk id="2458" creationId="{031B32D8-A504-F4BB-6546-786975C89B2D}"/>
          </ac:spMkLst>
        </pc:spChg>
        <pc:spChg chg="mod">
          <ac:chgData name="White, Alex" userId="eff6cc8c-37d8-483b-9c6c-6b27e9afa9bc" providerId="ADAL" clId="{BF04C754-5BF4-4E83-9615-DB14FA25AF8A}" dt="2023-10-12T11:37:47.867" v="289"/>
          <ac:spMkLst>
            <pc:docMk/>
            <pc:sldMk cId="2376958513" sldId="260"/>
            <ac:spMk id="2459" creationId="{6D8D4EDD-8B7A-E86D-2842-D596C9D1F784}"/>
          </ac:spMkLst>
        </pc:spChg>
        <pc:spChg chg="mod">
          <ac:chgData name="White, Alex" userId="eff6cc8c-37d8-483b-9c6c-6b27e9afa9bc" providerId="ADAL" clId="{BF04C754-5BF4-4E83-9615-DB14FA25AF8A}" dt="2023-10-12T11:37:47.867" v="289"/>
          <ac:spMkLst>
            <pc:docMk/>
            <pc:sldMk cId="2376958513" sldId="260"/>
            <ac:spMk id="2460" creationId="{46081070-E907-E350-D408-588C0E775CFD}"/>
          </ac:spMkLst>
        </pc:spChg>
        <pc:spChg chg="mod">
          <ac:chgData name="White, Alex" userId="eff6cc8c-37d8-483b-9c6c-6b27e9afa9bc" providerId="ADAL" clId="{BF04C754-5BF4-4E83-9615-DB14FA25AF8A}" dt="2023-10-12T11:37:47.867" v="289"/>
          <ac:spMkLst>
            <pc:docMk/>
            <pc:sldMk cId="2376958513" sldId="260"/>
            <ac:spMk id="2461" creationId="{9B35E903-6F85-DED5-1F0C-5E3E2DB2A691}"/>
          </ac:spMkLst>
        </pc:spChg>
        <pc:spChg chg="mod">
          <ac:chgData name="White, Alex" userId="eff6cc8c-37d8-483b-9c6c-6b27e9afa9bc" providerId="ADAL" clId="{BF04C754-5BF4-4E83-9615-DB14FA25AF8A}" dt="2023-10-12T11:37:47.867" v="289"/>
          <ac:spMkLst>
            <pc:docMk/>
            <pc:sldMk cId="2376958513" sldId="260"/>
            <ac:spMk id="2462" creationId="{CF396F39-6F5A-4C49-DCB4-F7EAD21AE1F9}"/>
          </ac:spMkLst>
        </pc:spChg>
        <pc:spChg chg="mod">
          <ac:chgData name="White, Alex" userId="eff6cc8c-37d8-483b-9c6c-6b27e9afa9bc" providerId="ADAL" clId="{BF04C754-5BF4-4E83-9615-DB14FA25AF8A}" dt="2023-10-12T11:37:47.867" v="289"/>
          <ac:spMkLst>
            <pc:docMk/>
            <pc:sldMk cId="2376958513" sldId="260"/>
            <ac:spMk id="2463" creationId="{66272B22-FD08-3A58-1922-36778999E7AA}"/>
          </ac:spMkLst>
        </pc:spChg>
        <pc:spChg chg="mod">
          <ac:chgData name="White, Alex" userId="eff6cc8c-37d8-483b-9c6c-6b27e9afa9bc" providerId="ADAL" clId="{BF04C754-5BF4-4E83-9615-DB14FA25AF8A}" dt="2023-10-12T11:37:47.867" v="289"/>
          <ac:spMkLst>
            <pc:docMk/>
            <pc:sldMk cId="2376958513" sldId="260"/>
            <ac:spMk id="2464" creationId="{09AF166F-AC01-862B-3AFC-126DADFA4D93}"/>
          </ac:spMkLst>
        </pc:spChg>
        <pc:spChg chg="mod">
          <ac:chgData name="White, Alex" userId="eff6cc8c-37d8-483b-9c6c-6b27e9afa9bc" providerId="ADAL" clId="{BF04C754-5BF4-4E83-9615-DB14FA25AF8A}" dt="2023-10-12T11:37:47.867" v="289"/>
          <ac:spMkLst>
            <pc:docMk/>
            <pc:sldMk cId="2376958513" sldId="260"/>
            <ac:spMk id="2465" creationId="{B156C21F-24C8-A55A-82BE-AFF1AF3CB58C}"/>
          </ac:spMkLst>
        </pc:spChg>
        <pc:spChg chg="mod">
          <ac:chgData name="White, Alex" userId="eff6cc8c-37d8-483b-9c6c-6b27e9afa9bc" providerId="ADAL" clId="{BF04C754-5BF4-4E83-9615-DB14FA25AF8A}" dt="2023-10-12T11:37:47.867" v="289"/>
          <ac:spMkLst>
            <pc:docMk/>
            <pc:sldMk cId="2376958513" sldId="260"/>
            <ac:spMk id="2466" creationId="{CD5AFDE7-8CCC-16E3-1C25-F2523DBC1BE9}"/>
          </ac:spMkLst>
        </pc:spChg>
        <pc:spChg chg="mod">
          <ac:chgData name="White, Alex" userId="eff6cc8c-37d8-483b-9c6c-6b27e9afa9bc" providerId="ADAL" clId="{BF04C754-5BF4-4E83-9615-DB14FA25AF8A}" dt="2023-10-12T11:37:47.867" v="289"/>
          <ac:spMkLst>
            <pc:docMk/>
            <pc:sldMk cId="2376958513" sldId="260"/>
            <ac:spMk id="2467" creationId="{4DC8D90C-3ECB-D44F-9DED-5F0AE07E54D8}"/>
          </ac:spMkLst>
        </pc:spChg>
        <pc:spChg chg="mod">
          <ac:chgData name="White, Alex" userId="eff6cc8c-37d8-483b-9c6c-6b27e9afa9bc" providerId="ADAL" clId="{BF04C754-5BF4-4E83-9615-DB14FA25AF8A}" dt="2023-10-12T11:37:47.867" v="289"/>
          <ac:spMkLst>
            <pc:docMk/>
            <pc:sldMk cId="2376958513" sldId="260"/>
            <ac:spMk id="2468" creationId="{B0A99569-954A-5AFF-3696-99F1710355A0}"/>
          </ac:spMkLst>
        </pc:spChg>
        <pc:spChg chg="mod">
          <ac:chgData name="White, Alex" userId="eff6cc8c-37d8-483b-9c6c-6b27e9afa9bc" providerId="ADAL" clId="{BF04C754-5BF4-4E83-9615-DB14FA25AF8A}" dt="2023-10-12T11:37:47.867" v="289"/>
          <ac:spMkLst>
            <pc:docMk/>
            <pc:sldMk cId="2376958513" sldId="260"/>
            <ac:spMk id="2469" creationId="{1A825750-383F-9AF7-D259-FD204A3E1D7B}"/>
          </ac:spMkLst>
        </pc:spChg>
        <pc:spChg chg="mod">
          <ac:chgData name="White, Alex" userId="eff6cc8c-37d8-483b-9c6c-6b27e9afa9bc" providerId="ADAL" clId="{BF04C754-5BF4-4E83-9615-DB14FA25AF8A}" dt="2023-10-12T11:37:47.867" v="289"/>
          <ac:spMkLst>
            <pc:docMk/>
            <pc:sldMk cId="2376958513" sldId="260"/>
            <ac:spMk id="2470" creationId="{2CE779E9-1578-7A9C-6684-51E2D2D66CE6}"/>
          </ac:spMkLst>
        </pc:spChg>
        <pc:spChg chg="mod">
          <ac:chgData name="White, Alex" userId="eff6cc8c-37d8-483b-9c6c-6b27e9afa9bc" providerId="ADAL" clId="{BF04C754-5BF4-4E83-9615-DB14FA25AF8A}" dt="2023-10-12T11:37:47.867" v="289"/>
          <ac:spMkLst>
            <pc:docMk/>
            <pc:sldMk cId="2376958513" sldId="260"/>
            <ac:spMk id="2471" creationId="{5199B3F4-F663-D27F-CFD0-7EC230A20161}"/>
          </ac:spMkLst>
        </pc:spChg>
        <pc:spChg chg="mod">
          <ac:chgData name="White, Alex" userId="eff6cc8c-37d8-483b-9c6c-6b27e9afa9bc" providerId="ADAL" clId="{BF04C754-5BF4-4E83-9615-DB14FA25AF8A}" dt="2023-10-12T11:37:47.867" v="289"/>
          <ac:spMkLst>
            <pc:docMk/>
            <pc:sldMk cId="2376958513" sldId="260"/>
            <ac:spMk id="2472" creationId="{AE985096-6C2B-15A4-AE74-B77F9CB83822}"/>
          </ac:spMkLst>
        </pc:spChg>
        <pc:spChg chg="mod">
          <ac:chgData name="White, Alex" userId="eff6cc8c-37d8-483b-9c6c-6b27e9afa9bc" providerId="ADAL" clId="{BF04C754-5BF4-4E83-9615-DB14FA25AF8A}" dt="2023-10-12T11:37:47.867" v="289"/>
          <ac:spMkLst>
            <pc:docMk/>
            <pc:sldMk cId="2376958513" sldId="260"/>
            <ac:spMk id="2473" creationId="{EF911A87-B392-02AC-EF05-63739F22D425}"/>
          </ac:spMkLst>
        </pc:spChg>
        <pc:spChg chg="mod">
          <ac:chgData name="White, Alex" userId="eff6cc8c-37d8-483b-9c6c-6b27e9afa9bc" providerId="ADAL" clId="{BF04C754-5BF4-4E83-9615-DB14FA25AF8A}" dt="2023-10-12T11:37:47.867" v="289"/>
          <ac:spMkLst>
            <pc:docMk/>
            <pc:sldMk cId="2376958513" sldId="260"/>
            <ac:spMk id="2474" creationId="{597B8EAD-AC25-E4B5-2BE2-11DC593ECED0}"/>
          </ac:spMkLst>
        </pc:spChg>
        <pc:spChg chg="mod">
          <ac:chgData name="White, Alex" userId="eff6cc8c-37d8-483b-9c6c-6b27e9afa9bc" providerId="ADAL" clId="{BF04C754-5BF4-4E83-9615-DB14FA25AF8A}" dt="2023-10-12T11:37:47.867" v="289"/>
          <ac:spMkLst>
            <pc:docMk/>
            <pc:sldMk cId="2376958513" sldId="260"/>
            <ac:spMk id="2475" creationId="{86D9180B-D9E1-17DE-C3EF-12DC3AFEBF29}"/>
          </ac:spMkLst>
        </pc:spChg>
        <pc:spChg chg="mod">
          <ac:chgData name="White, Alex" userId="eff6cc8c-37d8-483b-9c6c-6b27e9afa9bc" providerId="ADAL" clId="{BF04C754-5BF4-4E83-9615-DB14FA25AF8A}" dt="2023-10-12T11:37:47.867" v="289"/>
          <ac:spMkLst>
            <pc:docMk/>
            <pc:sldMk cId="2376958513" sldId="260"/>
            <ac:spMk id="2476" creationId="{73D4E782-2D4F-2995-CA46-039FFF9D600F}"/>
          </ac:spMkLst>
        </pc:spChg>
        <pc:spChg chg="mod">
          <ac:chgData name="White, Alex" userId="eff6cc8c-37d8-483b-9c6c-6b27e9afa9bc" providerId="ADAL" clId="{BF04C754-5BF4-4E83-9615-DB14FA25AF8A}" dt="2023-10-12T11:37:47.867" v="289"/>
          <ac:spMkLst>
            <pc:docMk/>
            <pc:sldMk cId="2376958513" sldId="260"/>
            <ac:spMk id="2477" creationId="{B0705B54-46A1-035A-F588-41C85216E0A9}"/>
          </ac:spMkLst>
        </pc:spChg>
        <pc:spChg chg="mod">
          <ac:chgData name="White, Alex" userId="eff6cc8c-37d8-483b-9c6c-6b27e9afa9bc" providerId="ADAL" clId="{BF04C754-5BF4-4E83-9615-DB14FA25AF8A}" dt="2023-10-12T11:37:47.867" v="289"/>
          <ac:spMkLst>
            <pc:docMk/>
            <pc:sldMk cId="2376958513" sldId="260"/>
            <ac:spMk id="2478" creationId="{E23BB660-EF20-F59D-BA7D-A9825E498683}"/>
          </ac:spMkLst>
        </pc:spChg>
        <pc:spChg chg="mod">
          <ac:chgData name="White, Alex" userId="eff6cc8c-37d8-483b-9c6c-6b27e9afa9bc" providerId="ADAL" clId="{BF04C754-5BF4-4E83-9615-DB14FA25AF8A}" dt="2023-10-12T11:37:47.867" v="289"/>
          <ac:spMkLst>
            <pc:docMk/>
            <pc:sldMk cId="2376958513" sldId="260"/>
            <ac:spMk id="2479" creationId="{CFE468A7-F6CC-9A46-D9BF-C065746C891F}"/>
          </ac:spMkLst>
        </pc:spChg>
        <pc:spChg chg="mod">
          <ac:chgData name="White, Alex" userId="eff6cc8c-37d8-483b-9c6c-6b27e9afa9bc" providerId="ADAL" clId="{BF04C754-5BF4-4E83-9615-DB14FA25AF8A}" dt="2023-10-12T11:37:47.867" v="289"/>
          <ac:spMkLst>
            <pc:docMk/>
            <pc:sldMk cId="2376958513" sldId="260"/>
            <ac:spMk id="2480" creationId="{52E9C1CC-9CEC-4DE6-6C41-A7325BBB665C}"/>
          </ac:spMkLst>
        </pc:spChg>
        <pc:spChg chg="mod">
          <ac:chgData name="White, Alex" userId="eff6cc8c-37d8-483b-9c6c-6b27e9afa9bc" providerId="ADAL" clId="{BF04C754-5BF4-4E83-9615-DB14FA25AF8A}" dt="2023-10-12T11:37:47.867" v="289"/>
          <ac:spMkLst>
            <pc:docMk/>
            <pc:sldMk cId="2376958513" sldId="260"/>
            <ac:spMk id="2481" creationId="{3CBC09AC-2107-D3BD-4A40-AAB2C8250AD3}"/>
          </ac:spMkLst>
        </pc:spChg>
        <pc:spChg chg="mod">
          <ac:chgData name="White, Alex" userId="eff6cc8c-37d8-483b-9c6c-6b27e9afa9bc" providerId="ADAL" clId="{BF04C754-5BF4-4E83-9615-DB14FA25AF8A}" dt="2023-10-12T11:37:47.867" v="289"/>
          <ac:spMkLst>
            <pc:docMk/>
            <pc:sldMk cId="2376958513" sldId="260"/>
            <ac:spMk id="2482" creationId="{8379B800-B134-2A19-0989-E02C144DB63A}"/>
          </ac:spMkLst>
        </pc:spChg>
        <pc:spChg chg="mod">
          <ac:chgData name="White, Alex" userId="eff6cc8c-37d8-483b-9c6c-6b27e9afa9bc" providerId="ADAL" clId="{BF04C754-5BF4-4E83-9615-DB14FA25AF8A}" dt="2023-10-12T11:37:47.867" v="289"/>
          <ac:spMkLst>
            <pc:docMk/>
            <pc:sldMk cId="2376958513" sldId="260"/>
            <ac:spMk id="2483" creationId="{7692325B-C0A8-E18C-15D4-CEE56413C757}"/>
          </ac:spMkLst>
        </pc:spChg>
        <pc:spChg chg="mod">
          <ac:chgData name="White, Alex" userId="eff6cc8c-37d8-483b-9c6c-6b27e9afa9bc" providerId="ADAL" clId="{BF04C754-5BF4-4E83-9615-DB14FA25AF8A}" dt="2023-10-12T11:37:47.867" v="289"/>
          <ac:spMkLst>
            <pc:docMk/>
            <pc:sldMk cId="2376958513" sldId="260"/>
            <ac:spMk id="2484" creationId="{02A97E91-1271-CC12-D281-B7108A54D413}"/>
          </ac:spMkLst>
        </pc:spChg>
        <pc:spChg chg="mod">
          <ac:chgData name="White, Alex" userId="eff6cc8c-37d8-483b-9c6c-6b27e9afa9bc" providerId="ADAL" clId="{BF04C754-5BF4-4E83-9615-DB14FA25AF8A}" dt="2023-10-12T11:37:47.867" v="289"/>
          <ac:spMkLst>
            <pc:docMk/>
            <pc:sldMk cId="2376958513" sldId="260"/>
            <ac:spMk id="2485" creationId="{67B5DEAB-4781-5836-C6D2-4ED748F7C827}"/>
          </ac:spMkLst>
        </pc:spChg>
        <pc:spChg chg="mod">
          <ac:chgData name="White, Alex" userId="eff6cc8c-37d8-483b-9c6c-6b27e9afa9bc" providerId="ADAL" clId="{BF04C754-5BF4-4E83-9615-DB14FA25AF8A}" dt="2023-10-12T11:37:47.867" v="289"/>
          <ac:spMkLst>
            <pc:docMk/>
            <pc:sldMk cId="2376958513" sldId="260"/>
            <ac:spMk id="2486" creationId="{C5379F8C-4826-A8F1-CA66-11BEC3679D2E}"/>
          </ac:spMkLst>
        </pc:spChg>
        <pc:spChg chg="mod">
          <ac:chgData name="White, Alex" userId="eff6cc8c-37d8-483b-9c6c-6b27e9afa9bc" providerId="ADAL" clId="{BF04C754-5BF4-4E83-9615-DB14FA25AF8A}" dt="2023-10-12T11:37:47.867" v="289"/>
          <ac:spMkLst>
            <pc:docMk/>
            <pc:sldMk cId="2376958513" sldId="260"/>
            <ac:spMk id="2487" creationId="{68911EFA-2775-B5EC-87E2-1D3776FBF840}"/>
          </ac:spMkLst>
        </pc:spChg>
        <pc:spChg chg="mod">
          <ac:chgData name="White, Alex" userId="eff6cc8c-37d8-483b-9c6c-6b27e9afa9bc" providerId="ADAL" clId="{BF04C754-5BF4-4E83-9615-DB14FA25AF8A}" dt="2023-10-12T11:37:47.867" v="289"/>
          <ac:spMkLst>
            <pc:docMk/>
            <pc:sldMk cId="2376958513" sldId="260"/>
            <ac:spMk id="2488" creationId="{29A46419-E13E-CA18-C652-CC6FFD3A5860}"/>
          </ac:spMkLst>
        </pc:spChg>
        <pc:spChg chg="mod">
          <ac:chgData name="White, Alex" userId="eff6cc8c-37d8-483b-9c6c-6b27e9afa9bc" providerId="ADAL" clId="{BF04C754-5BF4-4E83-9615-DB14FA25AF8A}" dt="2023-10-12T11:37:47.867" v="289"/>
          <ac:spMkLst>
            <pc:docMk/>
            <pc:sldMk cId="2376958513" sldId="260"/>
            <ac:spMk id="2489" creationId="{1FC9C3EC-5A6B-FBAD-1AA2-9B4F20A30CF8}"/>
          </ac:spMkLst>
        </pc:spChg>
        <pc:spChg chg="mod">
          <ac:chgData name="White, Alex" userId="eff6cc8c-37d8-483b-9c6c-6b27e9afa9bc" providerId="ADAL" clId="{BF04C754-5BF4-4E83-9615-DB14FA25AF8A}" dt="2023-10-12T11:37:47.867" v="289"/>
          <ac:spMkLst>
            <pc:docMk/>
            <pc:sldMk cId="2376958513" sldId="260"/>
            <ac:spMk id="2490" creationId="{F6963B03-2F3F-AAD6-275D-0BC53E94F37B}"/>
          </ac:spMkLst>
        </pc:spChg>
        <pc:spChg chg="mod">
          <ac:chgData name="White, Alex" userId="eff6cc8c-37d8-483b-9c6c-6b27e9afa9bc" providerId="ADAL" clId="{BF04C754-5BF4-4E83-9615-DB14FA25AF8A}" dt="2023-10-12T11:37:47.867" v="289"/>
          <ac:spMkLst>
            <pc:docMk/>
            <pc:sldMk cId="2376958513" sldId="260"/>
            <ac:spMk id="2491" creationId="{7BA7CBDA-0B05-D777-3540-561E581E0C4C}"/>
          </ac:spMkLst>
        </pc:spChg>
        <pc:spChg chg="mod">
          <ac:chgData name="White, Alex" userId="eff6cc8c-37d8-483b-9c6c-6b27e9afa9bc" providerId="ADAL" clId="{BF04C754-5BF4-4E83-9615-DB14FA25AF8A}" dt="2023-10-12T11:37:47.867" v="289"/>
          <ac:spMkLst>
            <pc:docMk/>
            <pc:sldMk cId="2376958513" sldId="260"/>
            <ac:spMk id="2492" creationId="{70897B4D-3227-1E34-6A31-89CF4D9AB7DD}"/>
          </ac:spMkLst>
        </pc:spChg>
        <pc:spChg chg="mod">
          <ac:chgData name="White, Alex" userId="eff6cc8c-37d8-483b-9c6c-6b27e9afa9bc" providerId="ADAL" clId="{BF04C754-5BF4-4E83-9615-DB14FA25AF8A}" dt="2023-10-12T11:37:47.867" v="289"/>
          <ac:spMkLst>
            <pc:docMk/>
            <pc:sldMk cId="2376958513" sldId="260"/>
            <ac:spMk id="2493" creationId="{F79356E3-8C9A-18DB-A63F-30FE49155615}"/>
          </ac:spMkLst>
        </pc:spChg>
        <pc:spChg chg="mod">
          <ac:chgData name="White, Alex" userId="eff6cc8c-37d8-483b-9c6c-6b27e9afa9bc" providerId="ADAL" clId="{BF04C754-5BF4-4E83-9615-DB14FA25AF8A}" dt="2023-10-12T11:37:47.867" v="289"/>
          <ac:spMkLst>
            <pc:docMk/>
            <pc:sldMk cId="2376958513" sldId="260"/>
            <ac:spMk id="2494" creationId="{4529630F-591C-15DD-C9A5-8C8DE0544865}"/>
          </ac:spMkLst>
        </pc:spChg>
        <pc:spChg chg="mod">
          <ac:chgData name="White, Alex" userId="eff6cc8c-37d8-483b-9c6c-6b27e9afa9bc" providerId="ADAL" clId="{BF04C754-5BF4-4E83-9615-DB14FA25AF8A}" dt="2023-10-12T11:37:47.867" v="289"/>
          <ac:spMkLst>
            <pc:docMk/>
            <pc:sldMk cId="2376958513" sldId="260"/>
            <ac:spMk id="2495" creationId="{BE1C8969-9268-9BEB-B0DC-3DD492069DB3}"/>
          </ac:spMkLst>
        </pc:spChg>
        <pc:spChg chg="mod">
          <ac:chgData name="White, Alex" userId="eff6cc8c-37d8-483b-9c6c-6b27e9afa9bc" providerId="ADAL" clId="{BF04C754-5BF4-4E83-9615-DB14FA25AF8A}" dt="2023-10-12T11:37:47.867" v="289"/>
          <ac:spMkLst>
            <pc:docMk/>
            <pc:sldMk cId="2376958513" sldId="260"/>
            <ac:spMk id="2496" creationId="{E38F4BA6-B971-9241-F5F4-901119660B2D}"/>
          </ac:spMkLst>
        </pc:spChg>
        <pc:spChg chg="mod">
          <ac:chgData name="White, Alex" userId="eff6cc8c-37d8-483b-9c6c-6b27e9afa9bc" providerId="ADAL" clId="{BF04C754-5BF4-4E83-9615-DB14FA25AF8A}" dt="2023-10-12T11:37:47.867" v="289"/>
          <ac:spMkLst>
            <pc:docMk/>
            <pc:sldMk cId="2376958513" sldId="260"/>
            <ac:spMk id="2497" creationId="{E5B0346F-0E64-C1EF-B17A-209BA52CA31B}"/>
          </ac:spMkLst>
        </pc:spChg>
        <pc:spChg chg="mod">
          <ac:chgData name="White, Alex" userId="eff6cc8c-37d8-483b-9c6c-6b27e9afa9bc" providerId="ADAL" clId="{BF04C754-5BF4-4E83-9615-DB14FA25AF8A}" dt="2023-10-12T11:37:47.867" v="289"/>
          <ac:spMkLst>
            <pc:docMk/>
            <pc:sldMk cId="2376958513" sldId="260"/>
            <ac:spMk id="2498" creationId="{7A5776FA-A3FC-9F03-9460-B21F0A8250C8}"/>
          </ac:spMkLst>
        </pc:spChg>
        <pc:spChg chg="mod">
          <ac:chgData name="White, Alex" userId="eff6cc8c-37d8-483b-9c6c-6b27e9afa9bc" providerId="ADAL" clId="{BF04C754-5BF4-4E83-9615-DB14FA25AF8A}" dt="2023-10-12T11:37:47.867" v="289"/>
          <ac:spMkLst>
            <pc:docMk/>
            <pc:sldMk cId="2376958513" sldId="260"/>
            <ac:spMk id="2499" creationId="{92444046-2FBA-96B6-4F42-EA54570630BF}"/>
          </ac:spMkLst>
        </pc:spChg>
        <pc:spChg chg="mod">
          <ac:chgData name="White, Alex" userId="eff6cc8c-37d8-483b-9c6c-6b27e9afa9bc" providerId="ADAL" clId="{BF04C754-5BF4-4E83-9615-DB14FA25AF8A}" dt="2023-10-12T11:37:47.867" v="289"/>
          <ac:spMkLst>
            <pc:docMk/>
            <pc:sldMk cId="2376958513" sldId="260"/>
            <ac:spMk id="2500" creationId="{74FEDE96-CE38-0ABA-6449-4FE923DF4A56}"/>
          </ac:spMkLst>
        </pc:spChg>
        <pc:spChg chg="mod">
          <ac:chgData name="White, Alex" userId="eff6cc8c-37d8-483b-9c6c-6b27e9afa9bc" providerId="ADAL" clId="{BF04C754-5BF4-4E83-9615-DB14FA25AF8A}" dt="2023-10-12T11:37:47.867" v="289"/>
          <ac:spMkLst>
            <pc:docMk/>
            <pc:sldMk cId="2376958513" sldId="260"/>
            <ac:spMk id="2501" creationId="{66C58561-3131-94B6-3E19-BE8501ECB54D}"/>
          </ac:spMkLst>
        </pc:spChg>
        <pc:spChg chg="mod">
          <ac:chgData name="White, Alex" userId="eff6cc8c-37d8-483b-9c6c-6b27e9afa9bc" providerId="ADAL" clId="{BF04C754-5BF4-4E83-9615-DB14FA25AF8A}" dt="2023-10-12T11:37:47.867" v="289"/>
          <ac:spMkLst>
            <pc:docMk/>
            <pc:sldMk cId="2376958513" sldId="260"/>
            <ac:spMk id="2502" creationId="{BA3F3359-2B4B-B29F-D791-EF49FE613E69}"/>
          </ac:spMkLst>
        </pc:spChg>
        <pc:spChg chg="mod">
          <ac:chgData name="White, Alex" userId="eff6cc8c-37d8-483b-9c6c-6b27e9afa9bc" providerId="ADAL" clId="{BF04C754-5BF4-4E83-9615-DB14FA25AF8A}" dt="2023-10-12T11:37:47.867" v="289"/>
          <ac:spMkLst>
            <pc:docMk/>
            <pc:sldMk cId="2376958513" sldId="260"/>
            <ac:spMk id="2503" creationId="{302FEDA2-CD1A-E50C-CD31-503447D81991}"/>
          </ac:spMkLst>
        </pc:spChg>
        <pc:spChg chg="mod">
          <ac:chgData name="White, Alex" userId="eff6cc8c-37d8-483b-9c6c-6b27e9afa9bc" providerId="ADAL" clId="{BF04C754-5BF4-4E83-9615-DB14FA25AF8A}" dt="2023-10-12T11:37:47.867" v="289"/>
          <ac:spMkLst>
            <pc:docMk/>
            <pc:sldMk cId="2376958513" sldId="260"/>
            <ac:spMk id="2504" creationId="{40329A3C-BF24-F22E-A4B7-E9D003BC3506}"/>
          </ac:spMkLst>
        </pc:spChg>
        <pc:spChg chg="mod">
          <ac:chgData name="White, Alex" userId="eff6cc8c-37d8-483b-9c6c-6b27e9afa9bc" providerId="ADAL" clId="{BF04C754-5BF4-4E83-9615-DB14FA25AF8A}" dt="2023-10-12T11:37:47.867" v="289"/>
          <ac:spMkLst>
            <pc:docMk/>
            <pc:sldMk cId="2376958513" sldId="260"/>
            <ac:spMk id="2505" creationId="{6F089F1C-63E3-53EC-A596-DD721F57C773}"/>
          </ac:spMkLst>
        </pc:spChg>
        <pc:spChg chg="mod">
          <ac:chgData name="White, Alex" userId="eff6cc8c-37d8-483b-9c6c-6b27e9afa9bc" providerId="ADAL" clId="{BF04C754-5BF4-4E83-9615-DB14FA25AF8A}" dt="2023-10-12T11:37:47.867" v="289"/>
          <ac:spMkLst>
            <pc:docMk/>
            <pc:sldMk cId="2376958513" sldId="260"/>
            <ac:spMk id="2506" creationId="{15931283-905F-E596-36B4-486485450303}"/>
          </ac:spMkLst>
        </pc:spChg>
        <pc:spChg chg="mod">
          <ac:chgData name="White, Alex" userId="eff6cc8c-37d8-483b-9c6c-6b27e9afa9bc" providerId="ADAL" clId="{BF04C754-5BF4-4E83-9615-DB14FA25AF8A}" dt="2023-10-12T11:37:47.867" v="289"/>
          <ac:spMkLst>
            <pc:docMk/>
            <pc:sldMk cId="2376958513" sldId="260"/>
            <ac:spMk id="2507" creationId="{7F1F32F2-805C-A55D-366E-5C63570EED32}"/>
          </ac:spMkLst>
        </pc:spChg>
        <pc:spChg chg="mod">
          <ac:chgData name="White, Alex" userId="eff6cc8c-37d8-483b-9c6c-6b27e9afa9bc" providerId="ADAL" clId="{BF04C754-5BF4-4E83-9615-DB14FA25AF8A}" dt="2023-10-12T11:37:47.867" v="289"/>
          <ac:spMkLst>
            <pc:docMk/>
            <pc:sldMk cId="2376958513" sldId="260"/>
            <ac:spMk id="2508" creationId="{1FAAE1B4-7B04-0966-91FA-0F1F0A8D1E97}"/>
          </ac:spMkLst>
        </pc:spChg>
        <pc:spChg chg="mod">
          <ac:chgData name="White, Alex" userId="eff6cc8c-37d8-483b-9c6c-6b27e9afa9bc" providerId="ADAL" clId="{BF04C754-5BF4-4E83-9615-DB14FA25AF8A}" dt="2023-10-12T11:37:47.867" v="289"/>
          <ac:spMkLst>
            <pc:docMk/>
            <pc:sldMk cId="2376958513" sldId="260"/>
            <ac:spMk id="2509" creationId="{189D46CC-7F72-69EC-F299-71FA0A7BE4E7}"/>
          </ac:spMkLst>
        </pc:spChg>
        <pc:spChg chg="mod">
          <ac:chgData name="White, Alex" userId="eff6cc8c-37d8-483b-9c6c-6b27e9afa9bc" providerId="ADAL" clId="{BF04C754-5BF4-4E83-9615-DB14FA25AF8A}" dt="2023-10-12T11:37:47.867" v="289"/>
          <ac:spMkLst>
            <pc:docMk/>
            <pc:sldMk cId="2376958513" sldId="260"/>
            <ac:spMk id="2510" creationId="{2FC64BAF-FE3D-D95D-F3D0-E286DCD90901}"/>
          </ac:spMkLst>
        </pc:spChg>
        <pc:spChg chg="mod">
          <ac:chgData name="White, Alex" userId="eff6cc8c-37d8-483b-9c6c-6b27e9afa9bc" providerId="ADAL" clId="{BF04C754-5BF4-4E83-9615-DB14FA25AF8A}" dt="2023-10-12T11:37:47.867" v="289"/>
          <ac:spMkLst>
            <pc:docMk/>
            <pc:sldMk cId="2376958513" sldId="260"/>
            <ac:spMk id="2511" creationId="{477C240E-A683-25E8-9E28-F12E6DA64248}"/>
          </ac:spMkLst>
        </pc:spChg>
        <pc:spChg chg="mod">
          <ac:chgData name="White, Alex" userId="eff6cc8c-37d8-483b-9c6c-6b27e9afa9bc" providerId="ADAL" clId="{BF04C754-5BF4-4E83-9615-DB14FA25AF8A}" dt="2023-10-12T11:37:47.867" v="289"/>
          <ac:spMkLst>
            <pc:docMk/>
            <pc:sldMk cId="2376958513" sldId="260"/>
            <ac:spMk id="2512" creationId="{94AC6AAA-8145-A0D2-E955-CBF2005474F9}"/>
          </ac:spMkLst>
        </pc:spChg>
        <pc:spChg chg="mod">
          <ac:chgData name="White, Alex" userId="eff6cc8c-37d8-483b-9c6c-6b27e9afa9bc" providerId="ADAL" clId="{BF04C754-5BF4-4E83-9615-DB14FA25AF8A}" dt="2023-10-12T11:37:47.867" v="289"/>
          <ac:spMkLst>
            <pc:docMk/>
            <pc:sldMk cId="2376958513" sldId="260"/>
            <ac:spMk id="2513" creationId="{443F5196-641B-7A74-FC60-7BCDC38E5265}"/>
          </ac:spMkLst>
        </pc:spChg>
        <pc:spChg chg="mod">
          <ac:chgData name="White, Alex" userId="eff6cc8c-37d8-483b-9c6c-6b27e9afa9bc" providerId="ADAL" clId="{BF04C754-5BF4-4E83-9615-DB14FA25AF8A}" dt="2023-10-12T11:37:47.867" v="289"/>
          <ac:spMkLst>
            <pc:docMk/>
            <pc:sldMk cId="2376958513" sldId="260"/>
            <ac:spMk id="2514" creationId="{712FBA3B-BC5C-E5F0-4DAD-F7609B2ED4FF}"/>
          </ac:spMkLst>
        </pc:spChg>
        <pc:spChg chg="mod">
          <ac:chgData name="White, Alex" userId="eff6cc8c-37d8-483b-9c6c-6b27e9afa9bc" providerId="ADAL" clId="{BF04C754-5BF4-4E83-9615-DB14FA25AF8A}" dt="2023-10-12T11:37:47.867" v="289"/>
          <ac:spMkLst>
            <pc:docMk/>
            <pc:sldMk cId="2376958513" sldId="260"/>
            <ac:spMk id="2515" creationId="{62A0DD83-9AE6-F422-A5D6-A6C12A803E3B}"/>
          </ac:spMkLst>
        </pc:spChg>
        <pc:spChg chg="mod">
          <ac:chgData name="White, Alex" userId="eff6cc8c-37d8-483b-9c6c-6b27e9afa9bc" providerId="ADAL" clId="{BF04C754-5BF4-4E83-9615-DB14FA25AF8A}" dt="2023-10-12T11:37:47.867" v="289"/>
          <ac:spMkLst>
            <pc:docMk/>
            <pc:sldMk cId="2376958513" sldId="260"/>
            <ac:spMk id="2516" creationId="{C3316AC4-ED2A-8513-AF58-C49C175AFFED}"/>
          </ac:spMkLst>
        </pc:spChg>
        <pc:spChg chg="mod">
          <ac:chgData name="White, Alex" userId="eff6cc8c-37d8-483b-9c6c-6b27e9afa9bc" providerId="ADAL" clId="{BF04C754-5BF4-4E83-9615-DB14FA25AF8A}" dt="2023-10-12T11:37:47.867" v="289"/>
          <ac:spMkLst>
            <pc:docMk/>
            <pc:sldMk cId="2376958513" sldId="260"/>
            <ac:spMk id="2517" creationId="{DF25AAA4-32FE-B498-05F9-0E5666AC1023}"/>
          </ac:spMkLst>
        </pc:spChg>
        <pc:spChg chg="mod">
          <ac:chgData name="White, Alex" userId="eff6cc8c-37d8-483b-9c6c-6b27e9afa9bc" providerId="ADAL" clId="{BF04C754-5BF4-4E83-9615-DB14FA25AF8A}" dt="2023-10-12T11:37:47.867" v="289"/>
          <ac:spMkLst>
            <pc:docMk/>
            <pc:sldMk cId="2376958513" sldId="260"/>
            <ac:spMk id="2518" creationId="{E4521EB6-4BF8-BA9C-A1F4-9DF4922C014C}"/>
          </ac:spMkLst>
        </pc:spChg>
        <pc:spChg chg="mod">
          <ac:chgData name="White, Alex" userId="eff6cc8c-37d8-483b-9c6c-6b27e9afa9bc" providerId="ADAL" clId="{BF04C754-5BF4-4E83-9615-DB14FA25AF8A}" dt="2023-10-12T11:37:47.867" v="289"/>
          <ac:spMkLst>
            <pc:docMk/>
            <pc:sldMk cId="2376958513" sldId="260"/>
            <ac:spMk id="2519" creationId="{AFEB541D-358B-13AD-9125-214459C37401}"/>
          </ac:spMkLst>
        </pc:spChg>
        <pc:spChg chg="mod">
          <ac:chgData name="White, Alex" userId="eff6cc8c-37d8-483b-9c6c-6b27e9afa9bc" providerId="ADAL" clId="{BF04C754-5BF4-4E83-9615-DB14FA25AF8A}" dt="2023-10-12T11:37:47.867" v="289"/>
          <ac:spMkLst>
            <pc:docMk/>
            <pc:sldMk cId="2376958513" sldId="260"/>
            <ac:spMk id="2520" creationId="{A8A64E04-3479-B9B9-B647-A50BC3F57804}"/>
          </ac:spMkLst>
        </pc:spChg>
        <pc:spChg chg="mod">
          <ac:chgData name="White, Alex" userId="eff6cc8c-37d8-483b-9c6c-6b27e9afa9bc" providerId="ADAL" clId="{BF04C754-5BF4-4E83-9615-DB14FA25AF8A}" dt="2023-10-12T11:37:47.867" v="289"/>
          <ac:spMkLst>
            <pc:docMk/>
            <pc:sldMk cId="2376958513" sldId="260"/>
            <ac:spMk id="2521" creationId="{C25CFDDA-8873-0A7C-D0F0-140F1781E1B4}"/>
          </ac:spMkLst>
        </pc:spChg>
        <pc:spChg chg="mod">
          <ac:chgData name="White, Alex" userId="eff6cc8c-37d8-483b-9c6c-6b27e9afa9bc" providerId="ADAL" clId="{BF04C754-5BF4-4E83-9615-DB14FA25AF8A}" dt="2023-10-12T11:37:47.867" v="289"/>
          <ac:spMkLst>
            <pc:docMk/>
            <pc:sldMk cId="2376958513" sldId="260"/>
            <ac:spMk id="2522" creationId="{3F600178-3ACE-3F1C-9D65-1C94512C6946}"/>
          </ac:spMkLst>
        </pc:spChg>
        <pc:spChg chg="mod">
          <ac:chgData name="White, Alex" userId="eff6cc8c-37d8-483b-9c6c-6b27e9afa9bc" providerId="ADAL" clId="{BF04C754-5BF4-4E83-9615-DB14FA25AF8A}" dt="2023-10-12T11:37:47.867" v="289"/>
          <ac:spMkLst>
            <pc:docMk/>
            <pc:sldMk cId="2376958513" sldId="260"/>
            <ac:spMk id="2523" creationId="{6A6F84BE-ED4F-058A-3F47-79AC01059ED5}"/>
          </ac:spMkLst>
        </pc:spChg>
        <pc:spChg chg="mod">
          <ac:chgData name="White, Alex" userId="eff6cc8c-37d8-483b-9c6c-6b27e9afa9bc" providerId="ADAL" clId="{BF04C754-5BF4-4E83-9615-DB14FA25AF8A}" dt="2023-10-12T11:37:47.867" v="289"/>
          <ac:spMkLst>
            <pc:docMk/>
            <pc:sldMk cId="2376958513" sldId="260"/>
            <ac:spMk id="2524" creationId="{60EEF85E-A249-3B97-F360-49F2FAE9CAC9}"/>
          </ac:spMkLst>
        </pc:spChg>
        <pc:spChg chg="mod">
          <ac:chgData name="White, Alex" userId="eff6cc8c-37d8-483b-9c6c-6b27e9afa9bc" providerId="ADAL" clId="{BF04C754-5BF4-4E83-9615-DB14FA25AF8A}" dt="2023-10-12T11:37:47.867" v="289"/>
          <ac:spMkLst>
            <pc:docMk/>
            <pc:sldMk cId="2376958513" sldId="260"/>
            <ac:spMk id="2525" creationId="{2F26AB9F-6D20-5B3E-7D8E-31E2F2548B4E}"/>
          </ac:spMkLst>
        </pc:spChg>
        <pc:spChg chg="mod">
          <ac:chgData name="White, Alex" userId="eff6cc8c-37d8-483b-9c6c-6b27e9afa9bc" providerId="ADAL" clId="{BF04C754-5BF4-4E83-9615-DB14FA25AF8A}" dt="2023-10-12T11:37:47.867" v="289"/>
          <ac:spMkLst>
            <pc:docMk/>
            <pc:sldMk cId="2376958513" sldId="260"/>
            <ac:spMk id="2526" creationId="{09AAB79F-7DD7-BD79-8C8B-D36E4B271B1A}"/>
          </ac:spMkLst>
        </pc:spChg>
        <pc:spChg chg="mod">
          <ac:chgData name="White, Alex" userId="eff6cc8c-37d8-483b-9c6c-6b27e9afa9bc" providerId="ADAL" clId="{BF04C754-5BF4-4E83-9615-DB14FA25AF8A}" dt="2023-10-12T11:37:47.867" v="289"/>
          <ac:spMkLst>
            <pc:docMk/>
            <pc:sldMk cId="2376958513" sldId="260"/>
            <ac:spMk id="2527" creationId="{3E4DDE01-5C8F-765C-A4F0-75D22540C4B4}"/>
          </ac:spMkLst>
        </pc:spChg>
        <pc:spChg chg="mod">
          <ac:chgData name="White, Alex" userId="eff6cc8c-37d8-483b-9c6c-6b27e9afa9bc" providerId="ADAL" clId="{BF04C754-5BF4-4E83-9615-DB14FA25AF8A}" dt="2023-10-12T11:37:47.867" v="289"/>
          <ac:spMkLst>
            <pc:docMk/>
            <pc:sldMk cId="2376958513" sldId="260"/>
            <ac:spMk id="2528" creationId="{C02E1E0D-DA06-75D5-ACFF-585D2C56F225}"/>
          </ac:spMkLst>
        </pc:spChg>
        <pc:spChg chg="mod">
          <ac:chgData name="White, Alex" userId="eff6cc8c-37d8-483b-9c6c-6b27e9afa9bc" providerId="ADAL" clId="{BF04C754-5BF4-4E83-9615-DB14FA25AF8A}" dt="2023-10-12T11:37:47.867" v="289"/>
          <ac:spMkLst>
            <pc:docMk/>
            <pc:sldMk cId="2376958513" sldId="260"/>
            <ac:spMk id="2529" creationId="{E8DEB15E-A4E2-5855-4785-2C9FB98F5C39}"/>
          </ac:spMkLst>
        </pc:spChg>
        <pc:spChg chg="mod">
          <ac:chgData name="White, Alex" userId="eff6cc8c-37d8-483b-9c6c-6b27e9afa9bc" providerId="ADAL" clId="{BF04C754-5BF4-4E83-9615-DB14FA25AF8A}" dt="2023-10-12T11:37:47.867" v="289"/>
          <ac:spMkLst>
            <pc:docMk/>
            <pc:sldMk cId="2376958513" sldId="260"/>
            <ac:spMk id="2530" creationId="{71D1672D-5E4E-1C4A-FC55-21D616A60F9D}"/>
          </ac:spMkLst>
        </pc:spChg>
        <pc:spChg chg="mod">
          <ac:chgData name="White, Alex" userId="eff6cc8c-37d8-483b-9c6c-6b27e9afa9bc" providerId="ADAL" clId="{BF04C754-5BF4-4E83-9615-DB14FA25AF8A}" dt="2023-10-12T11:37:47.867" v="289"/>
          <ac:spMkLst>
            <pc:docMk/>
            <pc:sldMk cId="2376958513" sldId="260"/>
            <ac:spMk id="2531" creationId="{D8FE8E90-24CC-076B-AFDA-C6EC3A5130A4}"/>
          </ac:spMkLst>
        </pc:spChg>
        <pc:spChg chg="mod">
          <ac:chgData name="White, Alex" userId="eff6cc8c-37d8-483b-9c6c-6b27e9afa9bc" providerId="ADAL" clId="{BF04C754-5BF4-4E83-9615-DB14FA25AF8A}" dt="2023-10-12T11:37:47.867" v="289"/>
          <ac:spMkLst>
            <pc:docMk/>
            <pc:sldMk cId="2376958513" sldId="260"/>
            <ac:spMk id="2532" creationId="{9F683773-F892-0DE2-C20B-8932EA01F18A}"/>
          </ac:spMkLst>
        </pc:spChg>
        <pc:spChg chg="mod">
          <ac:chgData name="White, Alex" userId="eff6cc8c-37d8-483b-9c6c-6b27e9afa9bc" providerId="ADAL" clId="{BF04C754-5BF4-4E83-9615-DB14FA25AF8A}" dt="2023-10-12T11:37:47.867" v="289"/>
          <ac:spMkLst>
            <pc:docMk/>
            <pc:sldMk cId="2376958513" sldId="260"/>
            <ac:spMk id="2533" creationId="{24F3B840-946A-F9DD-BF7D-6FE1E8E8F7B1}"/>
          </ac:spMkLst>
        </pc:spChg>
        <pc:spChg chg="mod">
          <ac:chgData name="White, Alex" userId="eff6cc8c-37d8-483b-9c6c-6b27e9afa9bc" providerId="ADAL" clId="{BF04C754-5BF4-4E83-9615-DB14FA25AF8A}" dt="2023-10-12T11:37:47.867" v="289"/>
          <ac:spMkLst>
            <pc:docMk/>
            <pc:sldMk cId="2376958513" sldId="260"/>
            <ac:spMk id="2534" creationId="{27234823-B76F-627E-3F04-853D5407FBDC}"/>
          </ac:spMkLst>
        </pc:spChg>
        <pc:spChg chg="mod">
          <ac:chgData name="White, Alex" userId="eff6cc8c-37d8-483b-9c6c-6b27e9afa9bc" providerId="ADAL" clId="{BF04C754-5BF4-4E83-9615-DB14FA25AF8A}" dt="2023-10-12T11:37:47.867" v="289"/>
          <ac:spMkLst>
            <pc:docMk/>
            <pc:sldMk cId="2376958513" sldId="260"/>
            <ac:spMk id="2535" creationId="{8A5C9636-F7B8-6008-A8D7-3E6242273C73}"/>
          </ac:spMkLst>
        </pc:spChg>
        <pc:spChg chg="mod">
          <ac:chgData name="White, Alex" userId="eff6cc8c-37d8-483b-9c6c-6b27e9afa9bc" providerId="ADAL" clId="{BF04C754-5BF4-4E83-9615-DB14FA25AF8A}" dt="2023-10-12T11:37:47.867" v="289"/>
          <ac:spMkLst>
            <pc:docMk/>
            <pc:sldMk cId="2376958513" sldId="260"/>
            <ac:spMk id="2536" creationId="{F0803390-87A4-4753-12B0-9C4A0E8E0042}"/>
          </ac:spMkLst>
        </pc:spChg>
        <pc:spChg chg="mod">
          <ac:chgData name="White, Alex" userId="eff6cc8c-37d8-483b-9c6c-6b27e9afa9bc" providerId="ADAL" clId="{BF04C754-5BF4-4E83-9615-DB14FA25AF8A}" dt="2023-10-12T11:37:47.867" v="289"/>
          <ac:spMkLst>
            <pc:docMk/>
            <pc:sldMk cId="2376958513" sldId="260"/>
            <ac:spMk id="2537" creationId="{AB962262-A3F7-4633-4450-9BAF19409BFE}"/>
          </ac:spMkLst>
        </pc:spChg>
        <pc:spChg chg="mod">
          <ac:chgData name="White, Alex" userId="eff6cc8c-37d8-483b-9c6c-6b27e9afa9bc" providerId="ADAL" clId="{BF04C754-5BF4-4E83-9615-DB14FA25AF8A}" dt="2023-10-12T11:37:47.867" v="289"/>
          <ac:spMkLst>
            <pc:docMk/>
            <pc:sldMk cId="2376958513" sldId="260"/>
            <ac:spMk id="2538" creationId="{B0EFDEBF-B661-A609-6DDB-9ADFF2DD794A}"/>
          </ac:spMkLst>
        </pc:spChg>
        <pc:spChg chg="mod">
          <ac:chgData name="White, Alex" userId="eff6cc8c-37d8-483b-9c6c-6b27e9afa9bc" providerId="ADAL" clId="{BF04C754-5BF4-4E83-9615-DB14FA25AF8A}" dt="2023-10-12T11:37:47.867" v="289"/>
          <ac:spMkLst>
            <pc:docMk/>
            <pc:sldMk cId="2376958513" sldId="260"/>
            <ac:spMk id="2539" creationId="{27A1F5CA-0663-EB91-D127-D321328DC1DF}"/>
          </ac:spMkLst>
        </pc:spChg>
        <pc:spChg chg="mod">
          <ac:chgData name="White, Alex" userId="eff6cc8c-37d8-483b-9c6c-6b27e9afa9bc" providerId="ADAL" clId="{BF04C754-5BF4-4E83-9615-DB14FA25AF8A}" dt="2023-10-12T11:37:47.867" v="289"/>
          <ac:spMkLst>
            <pc:docMk/>
            <pc:sldMk cId="2376958513" sldId="260"/>
            <ac:spMk id="2540" creationId="{744C42B9-00B5-A1E1-CC4A-82CDF06DF283}"/>
          </ac:spMkLst>
        </pc:spChg>
        <pc:spChg chg="mod">
          <ac:chgData name="White, Alex" userId="eff6cc8c-37d8-483b-9c6c-6b27e9afa9bc" providerId="ADAL" clId="{BF04C754-5BF4-4E83-9615-DB14FA25AF8A}" dt="2023-10-12T11:37:47.867" v="289"/>
          <ac:spMkLst>
            <pc:docMk/>
            <pc:sldMk cId="2376958513" sldId="260"/>
            <ac:spMk id="2541" creationId="{738FB1F0-D2A8-9ED1-0C20-684ED9FF102C}"/>
          </ac:spMkLst>
        </pc:spChg>
        <pc:spChg chg="mod">
          <ac:chgData name="White, Alex" userId="eff6cc8c-37d8-483b-9c6c-6b27e9afa9bc" providerId="ADAL" clId="{BF04C754-5BF4-4E83-9615-DB14FA25AF8A}" dt="2023-10-12T11:37:47.867" v="289"/>
          <ac:spMkLst>
            <pc:docMk/>
            <pc:sldMk cId="2376958513" sldId="260"/>
            <ac:spMk id="2542" creationId="{9B95404D-77EB-A1E9-B536-587859DA700F}"/>
          </ac:spMkLst>
        </pc:spChg>
        <pc:spChg chg="mod">
          <ac:chgData name="White, Alex" userId="eff6cc8c-37d8-483b-9c6c-6b27e9afa9bc" providerId="ADAL" clId="{BF04C754-5BF4-4E83-9615-DB14FA25AF8A}" dt="2023-10-12T11:37:47.867" v="289"/>
          <ac:spMkLst>
            <pc:docMk/>
            <pc:sldMk cId="2376958513" sldId="260"/>
            <ac:spMk id="2543" creationId="{DF263229-42B0-E9EB-906C-A1A424CCC8E2}"/>
          </ac:spMkLst>
        </pc:spChg>
        <pc:spChg chg="mod">
          <ac:chgData name="White, Alex" userId="eff6cc8c-37d8-483b-9c6c-6b27e9afa9bc" providerId="ADAL" clId="{BF04C754-5BF4-4E83-9615-DB14FA25AF8A}" dt="2023-10-12T11:37:47.867" v="289"/>
          <ac:spMkLst>
            <pc:docMk/>
            <pc:sldMk cId="2376958513" sldId="260"/>
            <ac:spMk id="2544" creationId="{E159D1DC-FCCE-9818-96F3-7856784B84AC}"/>
          </ac:spMkLst>
        </pc:spChg>
        <pc:spChg chg="mod">
          <ac:chgData name="White, Alex" userId="eff6cc8c-37d8-483b-9c6c-6b27e9afa9bc" providerId="ADAL" clId="{BF04C754-5BF4-4E83-9615-DB14FA25AF8A}" dt="2023-10-12T11:37:47.867" v="289"/>
          <ac:spMkLst>
            <pc:docMk/>
            <pc:sldMk cId="2376958513" sldId="260"/>
            <ac:spMk id="2545" creationId="{F56DA8DB-0B7D-53E4-BB1A-4BCC99844557}"/>
          </ac:spMkLst>
        </pc:spChg>
        <pc:spChg chg="mod">
          <ac:chgData name="White, Alex" userId="eff6cc8c-37d8-483b-9c6c-6b27e9afa9bc" providerId="ADAL" clId="{BF04C754-5BF4-4E83-9615-DB14FA25AF8A}" dt="2023-10-12T11:37:47.867" v="289"/>
          <ac:spMkLst>
            <pc:docMk/>
            <pc:sldMk cId="2376958513" sldId="260"/>
            <ac:spMk id="2546" creationId="{CF5705C2-2BCC-6882-9094-360C8AEA6D1C}"/>
          </ac:spMkLst>
        </pc:spChg>
        <pc:spChg chg="mod">
          <ac:chgData name="White, Alex" userId="eff6cc8c-37d8-483b-9c6c-6b27e9afa9bc" providerId="ADAL" clId="{BF04C754-5BF4-4E83-9615-DB14FA25AF8A}" dt="2023-10-12T11:37:47.867" v="289"/>
          <ac:spMkLst>
            <pc:docMk/>
            <pc:sldMk cId="2376958513" sldId="260"/>
            <ac:spMk id="2547" creationId="{5B2037AF-A129-7402-AEF1-51A2316545CC}"/>
          </ac:spMkLst>
        </pc:spChg>
        <pc:spChg chg="mod">
          <ac:chgData name="White, Alex" userId="eff6cc8c-37d8-483b-9c6c-6b27e9afa9bc" providerId="ADAL" clId="{BF04C754-5BF4-4E83-9615-DB14FA25AF8A}" dt="2023-10-12T11:37:47.867" v="289"/>
          <ac:spMkLst>
            <pc:docMk/>
            <pc:sldMk cId="2376958513" sldId="260"/>
            <ac:spMk id="2548" creationId="{B30450AA-3E71-FABE-2A94-404A573BD669}"/>
          </ac:spMkLst>
        </pc:spChg>
        <pc:spChg chg="mod">
          <ac:chgData name="White, Alex" userId="eff6cc8c-37d8-483b-9c6c-6b27e9afa9bc" providerId="ADAL" clId="{BF04C754-5BF4-4E83-9615-DB14FA25AF8A}" dt="2023-10-12T11:37:47.867" v="289"/>
          <ac:spMkLst>
            <pc:docMk/>
            <pc:sldMk cId="2376958513" sldId="260"/>
            <ac:spMk id="2549" creationId="{019BEFC9-B73A-EFBA-D61B-9892BC2F0942}"/>
          </ac:spMkLst>
        </pc:spChg>
        <pc:spChg chg="mod">
          <ac:chgData name="White, Alex" userId="eff6cc8c-37d8-483b-9c6c-6b27e9afa9bc" providerId="ADAL" clId="{BF04C754-5BF4-4E83-9615-DB14FA25AF8A}" dt="2023-10-12T11:37:47.867" v="289"/>
          <ac:spMkLst>
            <pc:docMk/>
            <pc:sldMk cId="2376958513" sldId="260"/>
            <ac:spMk id="2550" creationId="{A7B840CD-FB30-506A-6F1A-235291ECD2B4}"/>
          </ac:spMkLst>
        </pc:spChg>
        <pc:spChg chg="mod">
          <ac:chgData name="White, Alex" userId="eff6cc8c-37d8-483b-9c6c-6b27e9afa9bc" providerId="ADAL" clId="{BF04C754-5BF4-4E83-9615-DB14FA25AF8A}" dt="2023-10-12T11:37:47.867" v="289"/>
          <ac:spMkLst>
            <pc:docMk/>
            <pc:sldMk cId="2376958513" sldId="260"/>
            <ac:spMk id="2551" creationId="{15763E57-7744-2DC7-6CA4-133572954167}"/>
          </ac:spMkLst>
        </pc:spChg>
        <pc:spChg chg="mod">
          <ac:chgData name="White, Alex" userId="eff6cc8c-37d8-483b-9c6c-6b27e9afa9bc" providerId="ADAL" clId="{BF04C754-5BF4-4E83-9615-DB14FA25AF8A}" dt="2023-10-12T11:37:47.867" v="289"/>
          <ac:spMkLst>
            <pc:docMk/>
            <pc:sldMk cId="2376958513" sldId="260"/>
            <ac:spMk id="2552" creationId="{4B8BE1B3-123A-D14E-39BB-95D7AD45C395}"/>
          </ac:spMkLst>
        </pc:spChg>
        <pc:spChg chg="mod">
          <ac:chgData name="White, Alex" userId="eff6cc8c-37d8-483b-9c6c-6b27e9afa9bc" providerId="ADAL" clId="{BF04C754-5BF4-4E83-9615-DB14FA25AF8A}" dt="2023-10-12T11:37:47.867" v="289"/>
          <ac:spMkLst>
            <pc:docMk/>
            <pc:sldMk cId="2376958513" sldId="260"/>
            <ac:spMk id="2553" creationId="{9D16948B-F2A9-CB72-348F-39ACA9141231}"/>
          </ac:spMkLst>
        </pc:spChg>
        <pc:spChg chg="mod">
          <ac:chgData name="White, Alex" userId="eff6cc8c-37d8-483b-9c6c-6b27e9afa9bc" providerId="ADAL" clId="{BF04C754-5BF4-4E83-9615-DB14FA25AF8A}" dt="2023-10-12T11:37:47.867" v="289"/>
          <ac:spMkLst>
            <pc:docMk/>
            <pc:sldMk cId="2376958513" sldId="260"/>
            <ac:spMk id="2554" creationId="{3363970D-E979-4D4D-EC0C-4322285EEC6E}"/>
          </ac:spMkLst>
        </pc:spChg>
        <pc:spChg chg="mod">
          <ac:chgData name="White, Alex" userId="eff6cc8c-37d8-483b-9c6c-6b27e9afa9bc" providerId="ADAL" clId="{BF04C754-5BF4-4E83-9615-DB14FA25AF8A}" dt="2023-10-12T11:37:47.867" v="289"/>
          <ac:spMkLst>
            <pc:docMk/>
            <pc:sldMk cId="2376958513" sldId="260"/>
            <ac:spMk id="2555" creationId="{932C15D2-C791-E643-32F3-F54D72AF24EB}"/>
          </ac:spMkLst>
        </pc:spChg>
        <pc:spChg chg="mod">
          <ac:chgData name="White, Alex" userId="eff6cc8c-37d8-483b-9c6c-6b27e9afa9bc" providerId="ADAL" clId="{BF04C754-5BF4-4E83-9615-DB14FA25AF8A}" dt="2023-10-12T11:37:47.867" v="289"/>
          <ac:spMkLst>
            <pc:docMk/>
            <pc:sldMk cId="2376958513" sldId="260"/>
            <ac:spMk id="2556" creationId="{7FDF9F15-B6FF-D3C0-BE8B-B2167F2BA67C}"/>
          </ac:spMkLst>
        </pc:spChg>
        <pc:spChg chg="mod">
          <ac:chgData name="White, Alex" userId="eff6cc8c-37d8-483b-9c6c-6b27e9afa9bc" providerId="ADAL" clId="{BF04C754-5BF4-4E83-9615-DB14FA25AF8A}" dt="2023-10-12T11:37:47.867" v="289"/>
          <ac:spMkLst>
            <pc:docMk/>
            <pc:sldMk cId="2376958513" sldId="260"/>
            <ac:spMk id="2557" creationId="{72B01239-F28F-94FC-A4DD-86FF8439BAD9}"/>
          </ac:spMkLst>
        </pc:spChg>
        <pc:spChg chg="mod">
          <ac:chgData name="White, Alex" userId="eff6cc8c-37d8-483b-9c6c-6b27e9afa9bc" providerId="ADAL" clId="{BF04C754-5BF4-4E83-9615-DB14FA25AF8A}" dt="2023-10-12T11:37:47.867" v="289"/>
          <ac:spMkLst>
            <pc:docMk/>
            <pc:sldMk cId="2376958513" sldId="260"/>
            <ac:spMk id="2558" creationId="{935F6550-F148-CCF2-F300-F328B24089F9}"/>
          </ac:spMkLst>
        </pc:spChg>
        <pc:spChg chg="mod">
          <ac:chgData name="White, Alex" userId="eff6cc8c-37d8-483b-9c6c-6b27e9afa9bc" providerId="ADAL" clId="{BF04C754-5BF4-4E83-9615-DB14FA25AF8A}" dt="2023-10-12T11:37:47.867" v="289"/>
          <ac:spMkLst>
            <pc:docMk/>
            <pc:sldMk cId="2376958513" sldId="260"/>
            <ac:spMk id="2559" creationId="{EAF0A5B1-00C0-4142-38BA-95658173E5FA}"/>
          </ac:spMkLst>
        </pc:spChg>
        <pc:spChg chg="mod">
          <ac:chgData name="White, Alex" userId="eff6cc8c-37d8-483b-9c6c-6b27e9afa9bc" providerId="ADAL" clId="{BF04C754-5BF4-4E83-9615-DB14FA25AF8A}" dt="2023-10-12T11:37:47.867" v="289"/>
          <ac:spMkLst>
            <pc:docMk/>
            <pc:sldMk cId="2376958513" sldId="260"/>
            <ac:spMk id="2560" creationId="{8AACE163-32D9-4974-2FD9-7C1620255E2A}"/>
          </ac:spMkLst>
        </pc:spChg>
        <pc:spChg chg="mod">
          <ac:chgData name="White, Alex" userId="eff6cc8c-37d8-483b-9c6c-6b27e9afa9bc" providerId="ADAL" clId="{BF04C754-5BF4-4E83-9615-DB14FA25AF8A}" dt="2023-10-12T11:37:47.867" v="289"/>
          <ac:spMkLst>
            <pc:docMk/>
            <pc:sldMk cId="2376958513" sldId="260"/>
            <ac:spMk id="2561" creationId="{3508CB6E-D569-B76B-36C5-7762574CEFEB}"/>
          </ac:spMkLst>
        </pc:spChg>
        <pc:spChg chg="mod">
          <ac:chgData name="White, Alex" userId="eff6cc8c-37d8-483b-9c6c-6b27e9afa9bc" providerId="ADAL" clId="{BF04C754-5BF4-4E83-9615-DB14FA25AF8A}" dt="2023-10-12T11:37:47.867" v="289"/>
          <ac:spMkLst>
            <pc:docMk/>
            <pc:sldMk cId="2376958513" sldId="260"/>
            <ac:spMk id="2562" creationId="{35B743C3-E531-7248-F9E6-5322496CFE29}"/>
          </ac:spMkLst>
        </pc:spChg>
        <pc:spChg chg="mod">
          <ac:chgData name="White, Alex" userId="eff6cc8c-37d8-483b-9c6c-6b27e9afa9bc" providerId="ADAL" clId="{BF04C754-5BF4-4E83-9615-DB14FA25AF8A}" dt="2023-10-12T11:37:47.867" v="289"/>
          <ac:spMkLst>
            <pc:docMk/>
            <pc:sldMk cId="2376958513" sldId="260"/>
            <ac:spMk id="2563" creationId="{5F510D4D-6704-A0CB-982C-794EFC9A73AB}"/>
          </ac:spMkLst>
        </pc:spChg>
        <pc:spChg chg="mod">
          <ac:chgData name="White, Alex" userId="eff6cc8c-37d8-483b-9c6c-6b27e9afa9bc" providerId="ADAL" clId="{BF04C754-5BF4-4E83-9615-DB14FA25AF8A}" dt="2023-10-12T11:37:47.867" v="289"/>
          <ac:spMkLst>
            <pc:docMk/>
            <pc:sldMk cId="2376958513" sldId="260"/>
            <ac:spMk id="2564" creationId="{85D21894-9AA8-3910-A2EE-0DCB70CF06FB}"/>
          </ac:spMkLst>
        </pc:spChg>
        <pc:spChg chg="mod">
          <ac:chgData name="White, Alex" userId="eff6cc8c-37d8-483b-9c6c-6b27e9afa9bc" providerId="ADAL" clId="{BF04C754-5BF4-4E83-9615-DB14FA25AF8A}" dt="2023-10-12T11:37:47.867" v="289"/>
          <ac:spMkLst>
            <pc:docMk/>
            <pc:sldMk cId="2376958513" sldId="260"/>
            <ac:spMk id="2565" creationId="{09B51D11-4B41-EB25-2F5E-C7290B97BA2A}"/>
          </ac:spMkLst>
        </pc:spChg>
        <pc:spChg chg="mod">
          <ac:chgData name="White, Alex" userId="eff6cc8c-37d8-483b-9c6c-6b27e9afa9bc" providerId="ADAL" clId="{BF04C754-5BF4-4E83-9615-DB14FA25AF8A}" dt="2023-10-12T11:37:47.867" v="289"/>
          <ac:spMkLst>
            <pc:docMk/>
            <pc:sldMk cId="2376958513" sldId="260"/>
            <ac:spMk id="2566" creationId="{753AEF1A-FB5C-5B43-BC65-FAB989C8182E}"/>
          </ac:spMkLst>
        </pc:spChg>
        <pc:spChg chg="mod">
          <ac:chgData name="White, Alex" userId="eff6cc8c-37d8-483b-9c6c-6b27e9afa9bc" providerId="ADAL" clId="{BF04C754-5BF4-4E83-9615-DB14FA25AF8A}" dt="2023-10-12T11:37:47.867" v="289"/>
          <ac:spMkLst>
            <pc:docMk/>
            <pc:sldMk cId="2376958513" sldId="260"/>
            <ac:spMk id="2567" creationId="{F45F9FAD-AF6A-A0CE-2C09-E4029D0BAFB3}"/>
          </ac:spMkLst>
        </pc:spChg>
        <pc:spChg chg="mod">
          <ac:chgData name="White, Alex" userId="eff6cc8c-37d8-483b-9c6c-6b27e9afa9bc" providerId="ADAL" clId="{BF04C754-5BF4-4E83-9615-DB14FA25AF8A}" dt="2023-10-12T11:37:47.867" v="289"/>
          <ac:spMkLst>
            <pc:docMk/>
            <pc:sldMk cId="2376958513" sldId="260"/>
            <ac:spMk id="2568" creationId="{81B0026C-78E8-0247-5474-875E9D6B452C}"/>
          </ac:spMkLst>
        </pc:spChg>
        <pc:spChg chg="mod">
          <ac:chgData name="White, Alex" userId="eff6cc8c-37d8-483b-9c6c-6b27e9afa9bc" providerId="ADAL" clId="{BF04C754-5BF4-4E83-9615-DB14FA25AF8A}" dt="2023-10-12T11:37:47.867" v="289"/>
          <ac:spMkLst>
            <pc:docMk/>
            <pc:sldMk cId="2376958513" sldId="260"/>
            <ac:spMk id="2569" creationId="{75942107-671A-198F-2D4C-68D5ED3250A6}"/>
          </ac:spMkLst>
        </pc:spChg>
        <pc:spChg chg="mod">
          <ac:chgData name="White, Alex" userId="eff6cc8c-37d8-483b-9c6c-6b27e9afa9bc" providerId="ADAL" clId="{BF04C754-5BF4-4E83-9615-DB14FA25AF8A}" dt="2023-10-12T11:37:47.867" v="289"/>
          <ac:spMkLst>
            <pc:docMk/>
            <pc:sldMk cId="2376958513" sldId="260"/>
            <ac:spMk id="2570" creationId="{013AB1DF-EC9F-8F14-FC13-301182527E50}"/>
          </ac:spMkLst>
        </pc:spChg>
        <pc:spChg chg="mod">
          <ac:chgData name="White, Alex" userId="eff6cc8c-37d8-483b-9c6c-6b27e9afa9bc" providerId="ADAL" clId="{BF04C754-5BF4-4E83-9615-DB14FA25AF8A}" dt="2023-10-12T11:37:47.867" v="289"/>
          <ac:spMkLst>
            <pc:docMk/>
            <pc:sldMk cId="2376958513" sldId="260"/>
            <ac:spMk id="2571" creationId="{489A8EC0-954D-1F8C-7F75-52CB459A5BE6}"/>
          </ac:spMkLst>
        </pc:spChg>
        <pc:spChg chg="mod">
          <ac:chgData name="White, Alex" userId="eff6cc8c-37d8-483b-9c6c-6b27e9afa9bc" providerId="ADAL" clId="{BF04C754-5BF4-4E83-9615-DB14FA25AF8A}" dt="2023-10-12T11:37:47.867" v="289"/>
          <ac:spMkLst>
            <pc:docMk/>
            <pc:sldMk cId="2376958513" sldId="260"/>
            <ac:spMk id="2572" creationId="{76AE9794-75E5-7533-8883-3AEBC8007132}"/>
          </ac:spMkLst>
        </pc:spChg>
        <pc:spChg chg="mod">
          <ac:chgData name="White, Alex" userId="eff6cc8c-37d8-483b-9c6c-6b27e9afa9bc" providerId="ADAL" clId="{BF04C754-5BF4-4E83-9615-DB14FA25AF8A}" dt="2023-10-12T11:37:47.867" v="289"/>
          <ac:spMkLst>
            <pc:docMk/>
            <pc:sldMk cId="2376958513" sldId="260"/>
            <ac:spMk id="2573" creationId="{3DFBFA6F-FB83-92CF-348C-5A798E88FE98}"/>
          </ac:spMkLst>
        </pc:spChg>
        <pc:spChg chg="mod">
          <ac:chgData name="White, Alex" userId="eff6cc8c-37d8-483b-9c6c-6b27e9afa9bc" providerId="ADAL" clId="{BF04C754-5BF4-4E83-9615-DB14FA25AF8A}" dt="2023-10-12T11:37:47.867" v="289"/>
          <ac:spMkLst>
            <pc:docMk/>
            <pc:sldMk cId="2376958513" sldId="260"/>
            <ac:spMk id="2574" creationId="{60BCE73A-5E44-72CA-3B6B-6A78F6C93A83}"/>
          </ac:spMkLst>
        </pc:spChg>
        <pc:spChg chg="mod">
          <ac:chgData name="White, Alex" userId="eff6cc8c-37d8-483b-9c6c-6b27e9afa9bc" providerId="ADAL" clId="{BF04C754-5BF4-4E83-9615-DB14FA25AF8A}" dt="2023-10-12T11:37:47.867" v="289"/>
          <ac:spMkLst>
            <pc:docMk/>
            <pc:sldMk cId="2376958513" sldId="260"/>
            <ac:spMk id="2575" creationId="{E369ACE3-DA53-5615-04FD-358641925CEE}"/>
          </ac:spMkLst>
        </pc:spChg>
        <pc:spChg chg="mod">
          <ac:chgData name="White, Alex" userId="eff6cc8c-37d8-483b-9c6c-6b27e9afa9bc" providerId="ADAL" clId="{BF04C754-5BF4-4E83-9615-DB14FA25AF8A}" dt="2023-10-12T11:37:47.867" v="289"/>
          <ac:spMkLst>
            <pc:docMk/>
            <pc:sldMk cId="2376958513" sldId="260"/>
            <ac:spMk id="2576" creationId="{B2E31289-D8F3-80F5-CCBC-BE07E840395C}"/>
          </ac:spMkLst>
        </pc:spChg>
        <pc:spChg chg="mod">
          <ac:chgData name="White, Alex" userId="eff6cc8c-37d8-483b-9c6c-6b27e9afa9bc" providerId="ADAL" clId="{BF04C754-5BF4-4E83-9615-DB14FA25AF8A}" dt="2023-10-12T11:37:47.867" v="289"/>
          <ac:spMkLst>
            <pc:docMk/>
            <pc:sldMk cId="2376958513" sldId="260"/>
            <ac:spMk id="2577" creationId="{53645F29-2B0C-F1C7-5A0F-F6AFBF499E80}"/>
          </ac:spMkLst>
        </pc:spChg>
        <pc:spChg chg="mod">
          <ac:chgData name="White, Alex" userId="eff6cc8c-37d8-483b-9c6c-6b27e9afa9bc" providerId="ADAL" clId="{BF04C754-5BF4-4E83-9615-DB14FA25AF8A}" dt="2023-10-12T11:37:47.867" v="289"/>
          <ac:spMkLst>
            <pc:docMk/>
            <pc:sldMk cId="2376958513" sldId="260"/>
            <ac:spMk id="2578" creationId="{7EE82405-60C0-0E2A-36E0-61F529F54B31}"/>
          </ac:spMkLst>
        </pc:spChg>
        <pc:spChg chg="mod">
          <ac:chgData name="White, Alex" userId="eff6cc8c-37d8-483b-9c6c-6b27e9afa9bc" providerId="ADAL" clId="{BF04C754-5BF4-4E83-9615-DB14FA25AF8A}" dt="2023-10-12T11:37:47.867" v="289"/>
          <ac:spMkLst>
            <pc:docMk/>
            <pc:sldMk cId="2376958513" sldId="260"/>
            <ac:spMk id="2579" creationId="{1B36C38D-AD4F-0AA4-EF47-697762C5FEE8}"/>
          </ac:spMkLst>
        </pc:spChg>
        <pc:spChg chg="mod">
          <ac:chgData name="White, Alex" userId="eff6cc8c-37d8-483b-9c6c-6b27e9afa9bc" providerId="ADAL" clId="{BF04C754-5BF4-4E83-9615-DB14FA25AF8A}" dt="2023-10-12T11:37:47.867" v="289"/>
          <ac:spMkLst>
            <pc:docMk/>
            <pc:sldMk cId="2376958513" sldId="260"/>
            <ac:spMk id="2580" creationId="{6A421618-907C-EA6D-2AAF-B5A2144837B5}"/>
          </ac:spMkLst>
        </pc:spChg>
        <pc:spChg chg="mod">
          <ac:chgData name="White, Alex" userId="eff6cc8c-37d8-483b-9c6c-6b27e9afa9bc" providerId="ADAL" clId="{BF04C754-5BF4-4E83-9615-DB14FA25AF8A}" dt="2023-10-12T11:37:47.867" v="289"/>
          <ac:spMkLst>
            <pc:docMk/>
            <pc:sldMk cId="2376958513" sldId="260"/>
            <ac:spMk id="2581" creationId="{4F78BA92-83F3-B0B4-1799-0A9A52C2C772}"/>
          </ac:spMkLst>
        </pc:spChg>
        <pc:spChg chg="mod">
          <ac:chgData name="White, Alex" userId="eff6cc8c-37d8-483b-9c6c-6b27e9afa9bc" providerId="ADAL" clId="{BF04C754-5BF4-4E83-9615-DB14FA25AF8A}" dt="2023-10-12T11:37:47.867" v="289"/>
          <ac:spMkLst>
            <pc:docMk/>
            <pc:sldMk cId="2376958513" sldId="260"/>
            <ac:spMk id="2582" creationId="{4979F4BB-25AA-1D5B-75B3-71153C41520A}"/>
          </ac:spMkLst>
        </pc:spChg>
        <pc:spChg chg="mod">
          <ac:chgData name="White, Alex" userId="eff6cc8c-37d8-483b-9c6c-6b27e9afa9bc" providerId="ADAL" clId="{BF04C754-5BF4-4E83-9615-DB14FA25AF8A}" dt="2023-10-12T11:37:47.867" v="289"/>
          <ac:spMkLst>
            <pc:docMk/>
            <pc:sldMk cId="2376958513" sldId="260"/>
            <ac:spMk id="2583" creationId="{D1750E9C-E592-1ADF-BA31-C8F0F5AE21CB}"/>
          </ac:spMkLst>
        </pc:spChg>
        <pc:spChg chg="mod">
          <ac:chgData name="White, Alex" userId="eff6cc8c-37d8-483b-9c6c-6b27e9afa9bc" providerId="ADAL" clId="{BF04C754-5BF4-4E83-9615-DB14FA25AF8A}" dt="2023-10-12T11:37:47.867" v="289"/>
          <ac:spMkLst>
            <pc:docMk/>
            <pc:sldMk cId="2376958513" sldId="260"/>
            <ac:spMk id="2584" creationId="{2208208C-5313-7E1D-2F4C-8BDAA7B46ADD}"/>
          </ac:spMkLst>
        </pc:spChg>
        <pc:spChg chg="mod">
          <ac:chgData name="White, Alex" userId="eff6cc8c-37d8-483b-9c6c-6b27e9afa9bc" providerId="ADAL" clId="{BF04C754-5BF4-4E83-9615-DB14FA25AF8A}" dt="2023-10-12T11:37:47.867" v="289"/>
          <ac:spMkLst>
            <pc:docMk/>
            <pc:sldMk cId="2376958513" sldId="260"/>
            <ac:spMk id="2585" creationId="{F4B8DF18-48B6-EE4D-4635-85B820F40DDE}"/>
          </ac:spMkLst>
        </pc:spChg>
        <pc:spChg chg="mod">
          <ac:chgData name="White, Alex" userId="eff6cc8c-37d8-483b-9c6c-6b27e9afa9bc" providerId="ADAL" clId="{BF04C754-5BF4-4E83-9615-DB14FA25AF8A}" dt="2023-10-12T11:37:47.867" v="289"/>
          <ac:spMkLst>
            <pc:docMk/>
            <pc:sldMk cId="2376958513" sldId="260"/>
            <ac:spMk id="2586" creationId="{6209A39E-6001-9C95-3F7A-1736AA60A68F}"/>
          </ac:spMkLst>
        </pc:spChg>
        <pc:spChg chg="mod">
          <ac:chgData name="White, Alex" userId="eff6cc8c-37d8-483b-9c6c-6b27e9afa9bc" providerId="ADAL" clId="{BF04C754-5BF4-4E83-9615-DB14FA25AF8A}" dt="2023-10-12T11:37:47.867" v="289"/>
          <ac:spMkLst>
            <pc:docMk/>
            <pc:sldMk cId="2376958513" sldId="260"/>
            <ac:spMk id="2587" creationId="{4B2A6CB7-971E-9A3F-1FF3-7C60E6BB5DB0}"/>
          </ac:spMkLst>
        </pc:spChg>
        <pc:spChg chg="mod">
          <ac:chgData name="White, Alex" userId="eff6cc8c-37d8-483b-9c6c-6b27e9afa9bc" providerId="ADAL" clId="{BF04C754-5BF4-4E83-9615-DB14FA25AF8A}" dt="2023-10-12T11:37:47.867" v="289"/>
          <ac:spMkLst>
            <pc:docMk/>
            <pc:sldMk cId="2376958513" sldId="260"/>
            <ac:spMk id="2588" creationId="{086A00BC-78AC-E3F8-25C7-AF4B4C92DF29}"/>
          </ac:spMkLst>
        </pc:spChg>
        <pc:spChg chg="mod">
          <ac:chgData name="White, Alex" userId="eff6cc8c-37d8-483b-9c6c-6b27e9afa9bc" providerId="ADAL" clId="{BF04C754-5BF4-4E83-9615-DB14FA25AF8A}" dt="2023-10-12T11:37:53" v="291"/>
          <ac:spMkLst>
            <pc:docMk/>
            <pc:sldMk cId="2376958513" sldId="260"/>
            <ac:spMk id="2600" creationId="{2B4FDBFF-FB86-F2E2-AA55-DE8053FE5532}"/>
          </ac:spMkLst>
        </pc:spChg>
        <pc:spChg chg="mod">
          <ac:chgData name="White, Alex" userId="eff6cc8c-37d8-483b-9c6c-6b27e9afa9bc" providerId="ADAL" clId="{BF04C754-5BF4-4E83-9615-DB14FA25AF8A}" dt="2023-10-12T11:37:53" v="291"/>
          <ac:spMkLst>
            <pc:docMk/>
            <pc:sldMk cId="2376958513" sldId="260"/>
            <ac:spMk id="2601" creationId="{32D0B792-FC44-C6CD-92F5-443FF2E6BF4C}"/>
          </ac:spMkLst>
        </pc:spChg>
        <pc:spChg chg="mod">
          <ac:chgData name="White, Alex" userId="eff6cc8c-37d8-483b-9c6c-6b27e9afa9bc" providerId="ADAL" clId="{BF04C754-5BF4-4E83-9615-DB14FA25AF8A}" dt="2023-10-12T11:37:53" v="291"/>
          <ac:spMkLst>
            <pc:docMk/>
            <pc:sldMk cId="2376958513" sldId="260"/>
            <ac:spMk id="2602" creationId="{6A69DCDF-1CBE-E160-10E9-AF847E341F1E}"/>
          </ac:spMkLst>
        </pc:spChg>
        <pc:spChg chg="mod">
          <ac:chgData name="White, Alex" userId="eff6cc8c-37d8-483b-9c6c-6b27e9afa9bc" providerId="ADAL" clId="{BF04C754-5BF4-4E83-9615-DB14FA25AF8A}" dt="2023-10-12T11:37:53" v="291"/>
          <ac:spMkLst>
            <pc:docMk/>
            <pc:sldMk cId="2376958513" sldId="260"/>
            <ac:spMk id="2603" creationId="{2DD4D015-E7DE-A17F-570F-8560A9DA671F}"/>
          </ac:spMkLst>
        </pc:spChg>
        <pc:spChg chg="mod">
          <ac:chgData name="White, Alex" userId="eff6cc8c-37d8-483b-9c6c-6b27e9afa9bc" providerId="ADAL" clId="{BF04C754-5BF4-4E83-9615-DB14FA25AF8A}" dt="2023-10-12T11:37:53" v="291"/>
          <ac:spMkLst>
            <pc:docMk/>
            <pc:sldMk cId="2376958513" sldId="260"/>
            <ac:spMk id="2604" creationId="{020D9619-15C5-57B1-5E92-F82F56AAEAAC}"/>
          </ac:spMkLst>
        </pc:spChg>
        <pc:spChg chg="mod">
          <ac:chgData name="White, Alex" userId="eff6cc8c-37d8-483b-9c6c-6b27e9afa9bc" providerId="ADAL" clId="{BF04C754-5BF4-4E83-9615-DB14FA25AF8A}" dt="2023-10-12T11:37:53" v="291"/>
          <ac:spMkLst>
            <pc:docMk/>
            <pc:sldMk cId="2376958513" sldId="260"/>
            <ac:spMk id="2605" creationId="{3C9E6CA4-356C-7549-3DE8-408B8A21EB99}"/>
          </ac:spMkLst>
        </pc:spChg>
        <pc:spChg chg="mod">
          <ac:chgData name="White, Alex" userId="eff6cc8c-37d8-483b-9c6c-6b27e9afa9bc" providerId="ADAL" clId="{BF04C754-5BF4-4E83-9615-DB14FA25AF8A}" dt="2023-10-12T11:37:53" v="291"/>
          <ac:spMkLst>
            <pc:docMk/>
            <pc:sldMk cId="2376958513" sldId="260"/>
            <ac:spMk id="2606" creationId="{7DFDF28F-8F3A-B795-AC24-C0897BD4C136}"/>
          </ac:spMkLst>
        </pc:spChg>
        <pc:spChg chg="mod">
          <ac:chgData name="White, Alex" userId="eff6cc8c-37d8-483b-9c6c-6b27e9afa9bc" providerId="ADAL" clId="{BF04C754-5BF4-4E83-9615-DB14FA25AF8A}" dt="2023-10-12T11:37:53" v="291"/>
          <ac:spMkLst>
            <pc:docMk/>
            <pc:sldMk cId="2376958513" sldId="260"/>
            <ac:spMk id="2607" creationId="{D658F5EF-6ED9-A022-57AD-9AE8C31E0B4E}"/>
          </ac:spMkLst>
        </pc:spChg>
        <pc:spChg chg="mod">
          <ac:chgData name="White, Alex" userId="eff6cc8c-37d8-483b-9c6c-6b27e9afa9bc" providerId="ADAL" clId="{BF04C754-5BF4-4E83-9615-DB14FA25AF8A}" dt="2023-10-12T11:37:53" v="291"/>
          <ac:spMkLst>
            <pc:docMk/>
            <pc:sldMk cId="2376958513" sldId="260"/>
            <ac:spMk id="2608" creationId="{D267DC56-9DFB-1B6C-0BE0-8D6559680754}"/>
          </ac:spMkLst>
        </pc:spChg>
        <pc:spChg chg="mod">
          <ac:chgData name="White, Alex" userId="eff6cc8c-37d8-483b-9c6c-6b27e9afa9bc" providerId="ADAL" clId="{BF04C754-5BF4-4E83-9615-DB14FA25AF8A}" dt="2023-10-12T11:37:53" v="291"/>
          <ac:spMkLst>
            <pc:docMk/>
            <pc:sldMk cId="2376958513" sldId="260"/>
            <ac:spMk id="2609" creationId="{E95D28AC-1417-1487-542D-AC1A16A9C2D8}"/>
          </ac:spMkLst>
        </pc:spChg>
        <pc:spChg chg="mod">
          <ac:chgData name="White, Alex" userId="eff6cc8c-37d8-483b-9c6c-6b27e9afa9bc" providerId="ADAL" clId="{BF04C754-5BF4-4E83-9615-DB14FA25AF8A}" dt="2023-10-12T11:37:53" v="291"/>
          <ac:spMkLst>
            <pc:docMk/>
            <pc:sldMk cId="2376958513" sldId="260"/>
            <ac:spMk id="2610" creationId="{281D4EDE-E987-8452-00B5-19EEB9BCDE7A}"/>
          </ac:spMkLst>
        </pc:spChg>
        <pc:spChg chg="mod">
          <ac:chgData name="White, Alex" userId="eff6cc8c-37d8-483b-9c6c-6b27e9afa9bc" providerId="ADAL" clId="{BF04C754-5BF4-4E83-9615-DB14FA25AF8A}" dt="2023-10-12T11:37:53" v="291"/>
          <ac:spMkLst>
            <pc:docMk/>
            <pc:sldMk cId="2376958513" sldId="260"/>
            <ac:spMk id="2611" creationId="{B1872A1F-CDF9-D868-9F30-B3A5047E33D9}"/>
          </ac:spMkLst>
        </pc:spChg>
        <pc:spChg chg="mod">
          <ac:chgData name="White, Alex" userId="eff6cc8c-37d8-483b-9c6c-6b27e9afa9bc" providerId="ADAL" clId="{BF04C754-5BF4-4E83-9615-DB14FA25AF8A}" dt="2023-10-12T11:37:53" v="291"/>
          <ac:spMkLst>
            <pc:docMk/>
            <pc:sldMk cId="2376958513" sldId="260"/>
            <ac:spMk id="2612" creationId="{262CC5A3-A3BC-3E81-BB71-8DD63F7BBE4F}"/>
          </ac:spMkLst>
        </pc:spChg>
        <pc:spChg chg="mod">
          <ac:chgData name="White, Alex" userId="eff6cc8c-37d8-483b-9c6c-6b27e9afa9bc" providerId="ADAL" clId="{BF04C754-5BF4-4E83-9615-DB14FA25AF8A}" dt="2023-10-12T11:37:53" v="291"/>
          <ac:spMkLst>
            <pc:docMk/>
            <pc:sldMk cId="2376958513" sldId="260"/>
            <ac:spMk id="2613" creationId="{2D5A792D-4B2A-4F5D-A7B6-5BB7D90F2730}"/>
          </ac:spMkLst>
        </pc:spChg>
        <pc:spChg chg="mod">
          <ac:chgData name="White, Alex" userId="eff6cc8c-37d8-483b-9c6c-6b27e9afa9bc" providerId="ADAL" clId="{BF04C754-5BF4-4E83-9615-DB14FA25AF8A}" dt="2023-10-12T11:37:53" v="291"/>
          <ac:spMkLst>
            <pc:docMk/>
            <pc:sldMk cId="2376958513" sldId="260"/>
            <ac:spMk id="2614" creationId="{B14F6F54-7A5D-D7CA-B193-AE760C0E66FB}"/>
          </ac:spMkLst>
        </pc:spChg>
        <pc:spChg chg="mod">
          <ac:chgData name="White, Alex" userId="eff6cc8c-37d8-483b-9c6c-6b27e9afa9bc" providerId="ADAL" clId="{BF04C754-5BF4-4E83-9615-DB14FA25AF8A}" dt="2023-10-12T11:37:53" v="291"/>
          <ac:spMkLst>
            <pc:docMk/>
            <pc:sldMk cId="2376958513" sldId="260"/>
            <ac:spMk id="2615" creationId="{60CF3FEA-D552-818F-8426-1BDFAE84F9A2}"/>
          </ac:spMkLst>
        </pc:spChg>
        <pc:spChg chg="mod">
          <ac:chgData name="White, Alex" userId="eff6cc8c-37d8-483b-9c6c-6b27e9afa9bc" providerId="ADAL" clId="{BF04C754-5BF4-4E83-9615-DB14FA25AF8A}" dt="2023-10-12T11:37:53" v="291"/>
          <ac:spMkLst>
            <pc:docMk/>
            <pc:sldMk cId="2376958513" sldId="260"/>
            <ac:spMk id="2616" creationId="{552A056A-D4E5-F4F2-FC57-87411B85156B}"/>
          </ac:spMkLst>
        </pc:spChg>
        <pc:spChg chg="mod">
          <ac:chgData name="White, Alex" userId="eff6cc8c-37d8-483b-9c6c-6b27e9afa9bc" providerId="ADAL" clId="{BF04C754-5BF4-4E83-9615-DB14FA25AF8A}" dt="2023-10-12T11:37:53" v="291"/>
          <ac:spMkLst>
            <pc:docMk/>
            <pc:sldMk cId="2376958513" sldId="260"/>
            <ac:spMk id="2617" creationId="{234B0408-7465-4F5C-5F4E-A3995B15DE77}"/>
          </ac:spMkLst>
        </pc:spChg>
        <pc:spChg chg="mod">
          <ac:chgData name="White, Alex" userId="eff6cc8c-37d8-483b-9c6c-6b27e9afa9bc" providerId="ADAL" clId="{BF04C754-5BF4-4E83-9615-DB14FA25AF8A}" dt="2023-10-12T11:37:53" v="291"/>
          <ac:spMkLst>
            <pc:docMk/>
            <pc:sldMk cId="2376958513" sldId="260"/>
            <ac:spMk id="2618" creationId="{6D76192B-FF5F-7CC1-54B1-143B2BD2CA81}"/>
          </ac:spMkLst>
        </pc:spChg>
        <pc:spChg chg="mod">
          <ac:chgData name="White, Alex" userId="eff6cc8c-37d8-483b-9c6c-6b27e9afa9bc" providerId="ADAL" clId="{BF04C754-5BF4-4E83-9615-DB14FA25AF8A}" dt="2023-10-12T11:37:53" v="291"/>
          <ac:spMkLst>
            <pc:docMk/>
            <pc:sldMk cId="2376958513" sldId="260"/>
            <ac:spMk id="2619" creationId="{5735165C-0887-73D9-4A27-ACA7F30F2538}"/>
          </ac:spMkLst>
        </pc:spChg>
        <pc:spChg chg="mod">
          <ac:chgData name="White, Alex" userId="eff6cc8c-37d8-483b-9c6c-6b27e9afa9bc" providerId="ADAL" clId="{BF04C754-5BF4-4E83-9615-DB14FA25AF8A}" dt="2023-10-12T11:37:53" v="291"/>
          <ac:spMkLst>
            <pc:docMk/>
            <pc:sldMk cId="2376958513" sldId="260"/>
            <ac:spMk id="2620" creationId="{F9F0C3E8-6E43-C4FC-2E2E-02A94D0938C0}"/>
          </ac:spMkLst>
        </pc:spChg>
        <pc:spChg chg="mod">
          <ac:chgData name="White, Alex" userId="eff6cc8c-37d8-483b-9c6c-6b27e9afa9bc" providerId="ADAL" clId="{BF04C754-5BF4-4E83-9615-DB14FA25AF8A}" dt="2023-10-12T11:37:53" v="291"/>
          <ac:spMkLst>
            <pc:docMk/>
            <pc:sldMk cId="2376958513" sldId="260"/>
            <ac:spMk id="2621" creationId="{D9157432-3F86-FB25-7E42-1204F2502F5E}"/>
          </ac:spMkLst>
        </pc:spChg>
        <pc:spChg chg="mod">
          <ac:chgData name="White, Alex" userId="eff6cc8c-37d8-483b-9c6c-6b27e9afa9bc" providerId="ADAL" clId="{BF04C754-5BF4-4E83-9615-DB14FA25AF8A}" dt="2023-10-12T11:37:53" v="291"/>
          <ac:spMkLst>
            <pc:docMk/>
            <pc:sldMk cId="2376958513" sldId="260"/>
            <ac:spMk id="2622" creationId="{9B18C5E2-9434-1389-A8FD-211B9D0CDA5F}"/>
          </ac:spMkLst>
        </pc:spChg>
        <pc:spChg chg="mod">
          <ac:chgData name="White, Alex" userId="eff6cc8c-37d8-483b-9c6c-6b27e9afa9bc" providerId="ADAL" clId="{BF04C754-5BF4-4E83-9615-DB14FA25AF8A}" dt="2023-10-12T11:37:53" v="291"/>
          <ac:spMkLst>
            <pc:docMk/>
            <pc:sldMk cId="2376958513" sldId="260"/>
            <ac:spMk id="2623" creationId="{58DACA46-B5D6-D8F5-6776-95E54008BCC5}"/>
          </ac:spMkLst>
        </pc:spChg>
        <pc:spChg chg="mod">
          <ac:chgData name="White, Alex" userId="eff6cc8c-37d8-483b-9c6c-6b27e9afa9bc" providerId="ADAL" clId="{BF04C754-5BF4-4E83-9615-DB14FA25AF8A}" dt="2023-10-12T11:37:53" v="291"/>
          <ac:spMkLst>
            <pc:docMk/>
            <pc:sldMk cId="2376958513" sldId="260"/>
            <ac:spMk id="2624" creationId="{B795E888-202F-DF4A-98E1-E95348A4D50D}"/>
          </ac:spMkLst>
        </pc:spChg>
        <pc:spChg chg="mod">
          <ac:chgData name="White, Alex" userId="eff6cc8c-37d8-483b-9c6c-6b27e9afa9bc" providerId="ADAL" clId="{BF04C754-5BF4-4E83-9615-DB14FA25AF8A}" dt="2023-10-12T11:37:53" v="291"/>
          <ac:spMkLst>
            <pc:docMk/>
            <pc:sldMk cId="2376958513" sldId="260"/>
            <ac:spMk id="2625" creationId="{B996B0E5-C823-EFFB-79CF-607F7537AA20}"/>
          </ac:spMkLst>
        </pc:spChg>
        <pc:spChg chg="mod">
          <ac:chgData name="White, Alex" userId="eff6cc8c-37d8-483b-9c6c-6b27e9afa9bc" providerId="ADAL" clId="{BF04C754-5BF4-4E83-9615-DB14FA25AF8A}" dt="2023-10-12T11:37:53" v="291"/>
          <ac:spMkLst>
            <pc:docMk/>
            <pc:sldMk cId="2376958513" sldId="260"/>
            <ac:spMk id="2626" creationId="{FC6B020A-9652-8346-0282-948F5C79CF32}"/>
          </ac:spMkLst>
        </pc:spChg>
        <pc:spChg chg="mod">
          <ac:chgData name="White, Alex" userId="eff6cc8c-37d8-483b-9c6c-6b27e9afa9bc" providerId="ADAL" clId="{BF04C754-5BF4-4E83-9615-DB14FA25AF8A}" dt="2023-10-12T11:37:53" v="291"/>
          <ac:spMkLst>
            <pc:docMk/>
            <pc:sldMk cId="2376958513" sldId="260"/>
            <ac:spMk id="2627" creationId="{28CD7193-3E16-A65F-6EE9-023B257EDA59}"/>
          </ac:spMkLst>
        </pc:spChg>
        <pc:spChg chg="mod">
          <ac:chgData name="White, Alex" userId="eff6cc8c-37d8-483b-9c6c-6b27e9afa9bc" providerId="ADAL" clId="{BF04C754-5BF4-4E83-9615-DB14FA25AF8A}" dt="2023-10-12T11:37:53" v="291"/>
          <ac:spMkLst>
            <pc:docMk/>
            <pc:sldMk cId="2376958513" sldId="260"/>
            <ac:spMk id="2628" creationId="{60354A64-2786-19C4-1B24-E14E284BE8DB}"/>
          </ac:spMkLst>
        </pc:spChg>
        <pc:spChg chg="mod">
          <ac:chgData name="White, Alex" userId="eff6cc8c-37d8-483b-9c6c-6b27e9afa9bc" providerId="ADAL" clId="{BF04C754-5BF4-4E83-9615-DB14FA25AF8A}" dt="2023-10-12T11:37:53" v="291"/>
          <ac:spMkLst>
            <pc:docMk/>
            <pc:sldMk cId="2376958513" sldId="260"/>
            <ac:spMk id="2629" creationId="{0D040763-D43D-DF8B-D37B-9F6C01B37786}"/>
          </ac:spMkLst>
        </pc:spChg>
        <pc:spChg chg="mod">
          <ac:chgData name="White, Alex" userId="eff6cc8c-37d8-483b-9c6c-6b27e9afa9bc" providerId="ADAL" clId="{BF04C754-5BF4-4E83-9615-DB14FA25AF8A}" dt="2023-10-12T11:37:53" v="291"/>
          <ac:spMkLst>
            <pc:docMk/>
            <pc:sldMk cId="2376958513" sldId="260"/>
            <ac:spMk id="2630" creationId="{E50F4001-740D-C376-A277-7F5AB5FA3123}"/>
          </ac:spMkLst>
        </pc:spChg>
        <pc:spChg chg="mod">
          <ac:chgData name="White, Alex" userId="eff6cc8c-37d8-483b-9c6c-6b27e9afa9bc" providerId="ADAL" clId="{BF04C754-5BF4-4E83-9615-DB14FA25AF8A}" dt="2023-10-12T11:37:53" v="291"/>
          <ac:spMkLst>
            <pc:docMk/>
            <pc:sldMk cId="2376958513" sldId="260"/>
            <ac:spMk id="2631" creationId="{BD4E4F01-F8BC-DE60-7708-ABEDCC1EECB0}"/>
          </ac:spMkLst>
        </pc:spChg>
        <pc:spChg chg="mod">
          <ac:chgData name="White, Alex" userId="eff6cc8c-37d8-483b-9c6c-6b27e9afa9bc" providerId="ADAL" clId="{BF04C754-5BF4-4E83-9615-DB14FA25AF8A}" dt="2023-10-12T11:37:53" v="291"/>
          <ac:spMkLst>
            <pc:docMk/>
            <pc:sldMk cId="2376958513" sldId="260"/>
            <ac:spMk id="2632" creationId="{D707308F-35B4-0199-0383-657E95260E27}"/>
          </ac:spMkLst>
        </pc:spChg>
        <pc:spChg chg="mod">
          <ac:chgData name="White, Alex" userId="eff6cc8c-37d8-483b-9c6c-6b27e9afa9bc" providerId="ADAL" clId="{BF04C754-5BF4-4E83-9615-DB14FA25AF8A}" dt="2023-10-12T11:37:53" v="291"/>
          <ac:spMkLst>
            <pc:docMk/>
            <pc:sldMk cId="2376958513" sldId="260"/>
            <ac:spMk id="2633" creationId="{70925985-B9ED-5695-A51C-3E25A67F03BA}"/>
          </ac:spMkLst>
        </pc:spChg>
        <pc:spChg chg="mod">
          <ac:chgData name="White, Alex" userId="eff6cc8c-37d8-483b-9c6c-6b27e9afa9bc" providerId="ADAL" clId="{BF04C754-5BF4-4E83-9615-DB14FA25AF8A}" dt="2023-10-12T11:37:53" v="291"/>
          <ac:spMkLst>
            <pc:docMk/>
            <pc:sldMk cId="2376958513" sldId="260"/>
            <ac:spMk id="2634" creationId="{2D879A43-B06A-16B9-DEB6-B90968F1D431}"/>
          </ac:spMkLst>
        </pc:spChg>
        <pc:spChg chg="mod">
          <ac:chgData name="White, Alex" userId="eff6cc8c-37d8-483b-9c6c-6b27e9afa9bc" providerId="ADAL" clId="{BF04C754-5BF4-4E83-9615-DB14FA25AF8A}" dt="2023-10-12T11:37:53" v="291"/>
          <ac:spMkLst>
            <pc:docMk/>
            <pc:sldMk cId="2376958513" sldId="260"/>
            <ac:spMk id="2635" creationId="{9958C0D0-C89A-C3E6-7FBE-6D5572DE6AB1}"/>
          </ac:spMkLst>
        </pc:spChg>
        <pc:spChg chg="mod">
          <ac:chgData name="White, Alex" userId="eff6cc8c-37d8-483b-9c6c-6b27e9afa9bc" providerId="ADAL" clId="{BF04C754-5BF4-4E83-9615-DB14FA25AF8A}" dt="2023-10-12T11:37:53" v="291"/>
          <ac:spMkLst>
            <pc:docMk/>
            <pc:sldMk cId="2376958513" sldId="260"/>
            <ac:spMk id="2636" creationId="{B080ACBC-214B-F42F-3CBE-64D360721AEB}"/>
          </ac:spMkLst>
        </pc:spChg>
        <pc:spChg chg="mod">
          <ac:chgData name="White, Alex" userId="eff6cc8c-37d8-483b-9c6c-6b27e9afa9bc" providerId="ADAL" clId="{BF04C754-5BF4-4E83-9615-DB14FA25AF8A}" dt="2023-10-12T11:37:53" v="291"/>
          <ac:spMkLst>
            <pc:docMk/>
            <pc:sldMk cId="2376958513" sldId="260"/>
            <ac:spMk id="2637" creationId="{02BFB6C2-84D5-6ABC-9FD6-F100DB5EFEDE}"/>
          </ac:spMkLst>
        </pc:spChg>
        <pc:spChg chg="mod">
          <ac:chgData name="White, Alex" userId="eff6cc8c-37d8-483b-9c6c-6b27e9afa9bc" providerId="ADAL" clId="{BF04C754-5BF4-4E83-9615-DB14FA25AF8A}" dt="2023-10-12T11:37:53" v="291"/>
          <ac:spMkLst>
            <pc:docMk/>
            <pc:sldMk cId="2376958513" sldId="260"/>
            <ac:spMk id="2638" creationId="{319C0C4B-4646-0A41-5F71-26B7EB188B4D}"/>
          </ac:spMkLst>
        </pc:spChg>
        <pc:spChg chg="mod">
          <ac:chgData name="White, Alex" userId="eff6cc8c-37d8-483b-9c6c-6b27e9afa9bc" providerId="ADAL" clId="{BF04C754-5BF4-4E83-9615-DB14FA25AF8A}" dt="2023-10-12T11:37:53" v="291"/>
          <ac:spMkLst>
            <pc:docMk/>
            <pc:sldMk cId="2376958513" sldId="260"/>
            <ac:spMk id="2639" creationId="{94B874A4-0C70-4ABB-9A5A-7795BCA7C138}"/>
          </ac:spMkLst>
        </pc:spChg>
        <pc:spChg chg="mod">
          <ac:chgData name="White, Alex" userId="eff6cc8c-37d8-483b-9c6c-6b27e9afa9bc" providerId="ADAL" clId="{BF04C754-5BF4-4E83-9615-DB14FA25AF8A}" dt="2023-10-12T11:37:53" v="291"/>
          <ac:spMkLst>
            <pc:docMk/>
            <pc:sldMk cId="2376958513" sldId="260"/>
            <ac:spMk id="2640" creationId="{78775526-9B51-215C-E3AB-CB48E0DA8AB8}"/>
          </ac:spMkLst>
        </pc:spChg>
        <pc:spChg chg="mod">
          <ac:chgData name="White, Alex" userId="eff6cc8c-37d8-483b-9c6c-6b27e9afa9bc" providerId="ADAL" clId="{BF04C754-5BF4-4E83-9615-DB14FA25AF8A}" dt="2023-10-12T11:37:53" v="291"/>
          <ac:spMkLst>
            <pc:docMk/>
            <pc:sldMk cId="2376958513" sldId="260"/>
            <ac:spMk id="2641" creationId="{FF3A7566-58C8-D01F-482B-202483E6F633}"/>
          </ac:spMkLst>
        </pc:spChg>
        <pc:spChg chg="mod">
          <ac:chgData name="White, Alex" userId="eff6cc8c-37d8-483b-9c6c-6b27e9afa9bc" providerId="ADAL" clId="{BF04C754-5BF4-4E83-9615-DB14FA25AF8A}" dt="2023-10-12T11:37:53" v="291"/>
          <ac:spMkLst>
            <pc:docMk/>
            <pc:sldMk cId="2376958513" sldId="260"/>
            <ac:spMk id="2642" creationId="{604E863B-A1AF-2DF8-ED1F-95613E3B0B67}"/>
          </ac:spMkLst>
        </pc:spChg>
        <pc:spChg chg="mod">
          <ac:chgData name="White, Alex" userId="eff6cc8c-37d8-483b-9c6c-6b27e9afa9bc" providerId="ADAL" clId="{BF04C754-5BF4-4E83-9615-DB14FA25AF8A}" dt="2023-10-12T11:37:53" v="291"/>
          <ac:spMkLst>
            <pc:docMk/>
            <pc:sldMk cId="2376958513" sldId="260"/>
            <ac:spMk id="2643" creationId="{B5A38A1F-4546-3FBD-E71E-228DE75A976C}"/>
          </ac:spMkLst>
        </pc:spChg>
        <pc:spChg chg="mod">
          <ac:chgData name="White, Alex" userId="eff6cc8c-37d8-483b-9c6c-6b27e9afa9bc" providerId="ADAL" clId="{BF04C754-5BF4-4E83-9615-DB14FA25AF8A}" dt="2023-10-12T11:37:53" v="291"/>
          <ac:spMkLst>
            <pc:docMk/>
            <pc:sldMk cId="2376958513" sldId="260"/>
            <ac:spMk id="2644" creationId="{B848517B-6415-4361-9638-3BC3CF6E71D7}"/>
          </ac:spMkLst>
        </pc:spChg>
        <pc:spChg chg="mod">
          <ac:chgData name="White, Alex" userId="eff6cc8c-37d8-483b-9c6c-6b27e9afa9bc" providerId="ADAL" clId="{BF04C754-5BF4-4E83-9615-DB14FA25AF8A}" dt="2023-10-12T11:37:53" v="291"/>
          <ac:spMkLst>
            <pc:docMk/>
            <pc:sldMk cId="2376958513" sldId="260"/>
            <ac:spMk id="2645" creationId="{1E53478C-A604-6EF6-A08C-B37C8C3AB7F1}"/>
          </ac:spMkLst>
        </pc:spChg>
        <pc:spChg chg="mod">
          <ac:chgData name="White, Alex" userId="eff6cc8c-37d8-483b-9c6c-6b27e9afa9bc" providerId="ADAL" clId="{BF04C754-5BF4-4E83-9615-DB14FA25AF8A}" dt="2023-10-12T11:37:53" v="291"/>
          <ac:spMkLst>
            <pc:docMk/>
            <pc:sldMk cId="2376958513" sldId="260"/>
            <ac:spMk id="2646" creationId="{21DB3641-94DE-3F51-5258-881249D23397}"/>
          </ac:spMkLst>
        </pc:spChg>
        <pc:spChg chg="mod">
          <ac:chgData name="White, Alex" userId="eff6cc8c-37d8-483b-9c6c-6b27e9afa9bc" providerId="ADAL" clId="{BF04C754-5BF4-4E83-9615-DB14FA25AF8A}" dt="2023-10-12T11:37:53" v="291"/>
          <ac:spMkLst>
            <pc:docMk/>
            <pc:sldMk cId="2376958513" sldId="260"/>
            <ac:spMk id="2647" creationId="{56F2861F-FF99-6455-A5E4-9A51DBF56AB7}"/>
          </ac:spMkLst>
        </pc:spChg>
        <pc:spChg chg="mod">
          <ac:chgData name="White, Alex" userId="eff6cc8c-37d8-483b-9c6c-6b27e9afa9bc" providerId="ADAL" clId="{BF04C754-5BF4-4E83-9615-DB14FA25AF8A}" dt="2023-10-12T11:37:53" v="291"/>
          <ac:spMkLst>
            <pc:docMk/>
            <pc:sldMk cId="2376958513" sldId="260"/>
            <ac:spMk id="2648" creationId="{A48730DD-F23C-94A6-22FE-9DE4A4B107CB}"/>
          </ac:spMkLst>
        </pc:spChg>
        <pc:spChg chg="mod">
          <ac:chgData name="White, Alex" userId="eff6cc8c-37d8-483b-9c6c-6b27e9afa9bc" providerId="ADAL" clId="{BF04C754-5BF4-4E83-9615-DB14FA25AF8A}" dt="2023-10-12T11:37:53" v="291"/>
          <ac:spMkLst>
            <pc:docMk/>
            <pc:sldMk cId="2376958513" sldId="260"/>
            <ac:spMk id="2649" creationId="{976899B7-BA9D-0745-837F-45F3BE51A6DD}"/>
          </ac:spMkLst>
        </pc:spChg>
        <pc:spChg chg="mod">
          <ac:chgData name="White, Alex" userId="eff6cc8c-37d8-483b-9c6c-6b27e9afa9bc" providerId="ADAL" clId="{BF04C754-5BF4-4E83-9615-DB14FA25AF8A}" dt="2023-10-12T11:37:53" v="291"/>
          <ac:spMkLst>
            <pc:docMk/>
            <pc:sldMk cId="2376958513" sldId="260"/>
            <ac:spMk id="2650" creationId="{8FA6FBB0-8897-FA28-EEC2-FA87460B0D16}"/>
          </ac:spMkLst>
        </pc:spChg>
        <pc:spChg chg="mod">
          <ac:chgData name="White, Alex" userId="eff6cc8c-37d8-483b-9c6c-6b27e9afa9bc" providerId="ADAL" clId="{BF04C754-5BF4-4E83-9615-DB14FA25AF8A}" dt="2023-10-12T11:37:53" v="291"/>
          <ac:spMkLst>
            <pc:docMk/>
            <pc:sldMk cId="2376958513" sldId="260"/>
            <ac:spMk id="2651" creationId="{65DF10FA-F971-E1AF-3780-8293905FBFD3}"/>
          </ac:spMkLst>
        </pc:spChg>
        <pc:spChg chg="mod">
          <ac:chgData name="White, Alex" userId="eff6cc8c-37d8-483b-9c6c-6b27e9afa9bc" providerId="ADAL" clId="{BF04C754-5BF4-4E83-9615-DB14FA25AF8A}" dt="2023-10-12T11:37:53" v="291"/>
          <ac:spMkLst>
            <pc:docMk/>
            <pc:sldMk cId="2376958513" sldId="260"/>
            <ac:spMk id="2652" creationId="{63D701E3-4E9A-5968-1651-B98E20234B6A}"/>
          </ac:spMkLst>
        </pc:spChg>
        <pc:spChg chg="mod">
          <ac:chgData name="White, Alex" userId="eff6cc8c-37d8-483b-9c6c-6b27e9afa9bc" providerId="ADAL" clId="{BF04C754-5BF4-4E83-9615-DB14FA25AF8A}" dt="2023-10-12T11:37:53" v="291"/>
          <ac:spMkLst>
            <pc:docMk/>
            <pc:sldMk cId="2376958513" sldId="260"/>
            <ac:spMk id="2653" creationId="{04FB6F4A-7541-9602-E56C-62E50ACE2264}"/>
          </ac:spMkLst>
        </pc:spChg>
        <pc:spChg chg="mod">
          <ac:chgData name="White, Alex" userId="eff6cc8c-37d8-483b-9c6c-6b27e9afa9bc" providerId="ADAL" clId="{BF04C754-5BF4-4E83-9615-DB14FA25AF8A}" dt="2023-10-12T11:37:53" v="291"/>
          <ac:spMkLst>
            <pc:docMk/>
            <pc:sldMk cId="2376958513" sldId="260"/>
            <ac:spMk id="2654" creationId="{4C0F886F-FA65-5A93-2EA5-EE3C17ADC82E}"/>
          </ac:spMkLst>
        </pc:spChg>
        <pc:spChg chg="mod">
          <ac:chgData name="White, Alex" userId="eff6cc8c-37d8-483b-9c6c-6b27e9afa9bc" providerId="ADAL" clId="{BF04C754-5BF4-4E83-9615-DB14FA25AF8A}" dt="2023-10-12T11:37:53" v="291"/>
          <ac:spMkLst>
            <pc:docMk/>
            <pc:sldMk cId="2376958513" sldId="260"/>
            <ac:spMk id="2655" creationId="{0CDC1F4C-C4E1-E661-D09A-79B1D96A3014}"/>
          </ac:spMkLst>
        </pc:spChg>
        <pc:spChg chg="mod">
          <ac:chgData name="White, Alex" userId="eff6cc8c-37d8-483b-9c6c-6b27e9afa9bc" providerId="ADAL" clId="{BF04C754-5BF4-4E83-9615-DB14FA25AF8A}" dt="2023-10-12T11:37:53" v="291"/>
          <ac:spMkLst>
            <pc:docMk/>
            <pc:sldMk cId="2376958513" sldId="260"/>
            <ac:spMk id="2656" creationId="{71600DED-2BA0-FB39-3192-31EF3D53C605}"/>
          </ac:spMkLst>
        </pc:spChg>
        <pc:spChg chg="mod">
          <ac:chgData name="White, Alex" userId="eff6cc8c-37d8-483b-9c6c-6b27e9afa9bc" providerId="ADAL" clId="{BF04C754-5BF4-4E83-9615-DB14FA25AF8A}" dt="2023-10-12T11:37:53" v="291"/>
          <ac:spMkLst>
            <pc:docMk/>
            <pc:sldMk cId="2376958513" sldId="260"/>
            <ac:spMk id="2657" creationId="{F3FDAE28-9E12-31FB-4EC6-9DD4316BA70D}"/>
          </ac:spMkLst>
        </pc:spChg>
        <pc:spChg chg="mod">
          <ac:chgData name="White, Alex" userId="eff6cc8c-37d8-483b-9c6c-6b27e9afa9bc" providerId="ADAL" clId="{BF04C754-5BF4-4E83-9615-DB14FA25AF8A}" dt="2023-10-12T11:37:53" v="291"/>
          <ac:spMkLst>
            <pc:docMk/>
            <pc:sldMk cId="2376958513" sldId="260"/>
            <ac:spMk id="2658" creationId="{DC5EDB14-C667-7EAE-53E6-F74BCFF17129}"/>
          </ac:spMkLst>
        </pc:spChg>
        <pc:spChg chg="mod">
          <ac:chgData name="White, Alex" userId="eff6cc8c-37d8-483b-9c6c-6b27e9afa9bc" providerId="ADAL" clId="{BF04C754-5BF4-4E83-9615-DB14FA25AF8A}" dt="2023-10-12T11:37:53" v="291"/>
          <ac:spMkLst>
            <pc:docMk/>
            <pc:sldMk cId="2376958513" sldId="260"/>
            <ac:spMk id="2659" creationId="{8B6EC9C2-FCAC-49C4-FDC4-4243DD5E013E}"/>
          </ac:spMkLst>
        </pc:spChg>
        <pc:spChg chg="mod">
          <ac:chgData name="White, Alex" userId="eff6cc8c-37d8-483b-9c6c-6b27e9afa9bc" providerId="ADAL" clId="{BF04C754-5BF4-4E83-9615-DB14FA25AF8A}" dt="2023-10-12T11:37:53" v="291"/>
          <ac:spMkLst>
            <pc:docMk/>
            <pc:sldMk cId="2376958513" sldId="260"/>
            <ac:spMk id="2660" creationId="{F7899C9F-DDE2-FDD6-30C4-9716C8BD687B}"/>
          </ac:spMkLst>
        </pc:spChg>
        <pc:spChg chg="mod">
          <ac:chgData name="White, Alex" userId="eff6cc8c-37d8-483b-9c6c-6b27e9afa9bc" providerId="ADAL" clId="{BF04C754-5BF4-4E83-9615-DB14FA25AF8A}" dt="2023-10-12T11:37:53" v="291"/>
          <ac:spMkLst>
            <pc:docMk/>
            <pc:sldMk cId="2376958513" sldId="260"/>
            <ac:spMk id="2661" creationId="{43C62AB0-4A8F-8133-E46B-2780CCD6C34E}"/>
          </ac:spMkLst>
        </pc:spChg>
        <pc:spChg chg="mod">
          <ac:chgData name="White, Alex" userId="eff6cc8c-37d8-483b-9c6c-6b27e9afa9bc" providerId="ADAL" clId="{BF04C754-5BF4-4E83-9615-DB14FA25AF8A}" dt="2023-10-12T11:37:53" v="291"/>
          <ac:spMkLst>
            <pc:docMk/>
            <pc:sldMk cId="2376958513" sldId="260"/>
            <ac:spMk id="2662" creationId="{997B3B51-B5B4-E3D1-686A-8E7B153F7AE4}"/>
          </ac:spMkLst>
        </pc:spChg>
        <pc:spChg chg="mod">
          <ac:chgData name="White, Alex" userId="eff6cc8c-37d8-483b-9c6c-6b27e9afa9bc" providerId="ADAL" clId="{BF04C754-5BF4-4E83-9615-DB14FA25AF8A}" dt="2023-10-12T11:37:53" v="291"/>
          <ac:spMkLst>
            <pc:docMk/>
            <pc:sldMk cId="2376958513" sldId="260"/>
            <ac:spMk id="2663" creationId="{0C77013C-3FFB-0783-108C-C34141C8B926}"/>
          </ac:spMkLst>
        </pc:spChg>
        <pc:spChg chg="mod">
          <ac:chgData name="White, Alex" userId="eff6cc8c-37d8-483b-9c6c-6b27e9afa9bc" providerId="ADAL" clId="{BF04C754-5BF4-4E83-9615-DB14FA25AF8A}" dt="2023-10-12T11:37:53" v="291"/>
          <ac:spMkLst>
            <pc:docMk/>
            <pc:sldMk cId="2376958513" sldId="260"/>
            <ac:spMk id="2664" creationId="{84E91103-0BB1-11A6-8AD1-84EF9C7E7E53}"/>
          </ac:spMkLst>
        </pc:spChg>
        <pc:spChg chg="mod">
          <ac:chgData name="White, Alex" userId="eff6cc8c-37d8-483b-9c6c-6b27e9afa9bc" providerId="ADAL" clId="{BF04C754-5BF4-4E83-9615-DB14FA25AF8A}" dt="2023-10-12T11:37:53" v="291"/>
          <ac:spMkLst>
            <pc:docMk/>
            <pc:sldMk cId="2376958513" sldId="260"/>
            <ac:spMk id="2665" creationId="{182A2B27-A330-68BC-47B3-1A2841C9B8F7}"/>
          </ac:spMkLst>
        </pc:spChg>
        <pc:spChg chg="mod">
          <ac:chgData name="White, Alex" userId="eff6cc8c-37d8-483b-9c6c-6b27e9afa9bc" providerId="ADAL" clId="{BF04C754-5BF4-4E83-9615-DB14FA25AF8A}" dt="2023-10-12T11:37:53" v="291"/>
          <ac:spMkLst>
            <pc:docMk/>
            <pc:sldMk cId="2376958513" sldId="260"/>
            <ac:spMk id="2666" creationId="{EF1AD147-2DD1-79C5-FDE8-F324BBBB78BA}"/>
          </ac:spMkLst>
        </pc:spChg>
        <pc:spChg chg="mod">
          <ac:chgData name="White, Alex" userId="eff6cc8c-37d8-483b-9c6c-6b27e9afa9bc" providerId="ADAL" clId="{BF04C754-5BF4-4E83-9615-DB14FA25AF8A}" dt="2023-10-12T11:37:53" v="291"/>
          <ac:spMkLst>
            <pc:docMk/>
            <pc:sldMk cId="2376958513" sldId="260"/>
            <ac:spMk id="2667" creationId="{8E7E3268-7939-056A-28A2-A2910D201F8A}"/>
          </ac:spMkLst>
        </pc:spChg>
        <pc:spChg chg="mod">
          <ac:chgData name="White, Alex" userId="eff6cc8c-37d8-483b-9c6c-6b27e9afa9bc" providerId="ADAL" clId="{BF04C754-5BF4-4E83-9615-DB14FA25AF8A}" dt="2023-10-12T11:37:53" v="291"/>
          <ac:spMkLst>
            <pc:docMk/>
            <pc:sldMk cId="2376958513" sldId="260"/>
            <ac:spMk id="2668" creationId="{DEAE0C7D-6503-92D1-F81F-B4A2326404AE}"/>
          </ac:spMkLst>
        </pc:spChg>
        <pc:spChg chg="mod">
          <ac:chgData name="White, Alex" userId="eff6cc8c-37d8-483b-9c6c-6b27e9afa9bc" providerId="ADAL" clId="{BF04C754-5BF4-4E83-9615-DB14FA25AF8A}" dt="2023-10-12T11:37:53" v="291"/>
          <ac:spMkLst>
            <pc:docMk/>
            <pc:sldMk cId="2376958513" sldId="260"/>
            <ac:spMk id="2669" creationId="{D1BAD334-9F4E-F9F6-67A8-DADE987A19BA}"/>
          </ac:spMkLst>
        </pc:spChg>
        <pc:spChg chg="mod">
          <ac:chgData name="White, Alex" userId="eff6cc8c-37d8-483b-9c6c-6b27e9afa9bc" providerId="ADAL" clId="{BF04C754-5BF4-4E83-9615-DB14FA25AF8A}" dt="2023-10-12T11:37:53" v="291"/>
          <ac:spMkLst>
            <pc:docMk/>
            <pc:sldMk cId="2376958513" sldId="260"/>
            <ac:spMk id="2670" creationId="{88823160-03C9-844F-F96A-77293D0D3B24}"/>
          </ac:spMkLst>
        </pc:spChg>
        <pc:spChg chg="mod">
          <ac:chgData name="White, Alex" userId="eff6cc8c-37d8-483b-9c6c-6b27e9afa9bc" providerId="ADAL" clId="{BF04C754-5BF4-4E83-9615-DB14FA25AF8A}" dt="2023-10-12T11:37:53" v="291"/>
          <ac:spMkLst>
            <pc:docMk/>
            <pc:sldMk cId="2376958513" sldId="260"/>
            <ac:spMk id="2671" creationId="{252EE742-2D80-92E5-9D0C-B45649BA5850}"/>
          </ac:spMkLst>
        </pc:spChg>
        <pc:spChg chg="mod">
          <ac:chgData name="White, Alex" userId="eff6cc8c-37d8-483b-9c6c-6b27e9afa9bc" providerId="ADAL" clId="{BF04C754-5BF4-4E83-9615-DB14FA25AF8A}" dt="2023-10-12T11:37:53" v="291"/>
          <ac:spMkLst>
            <pc:docMk/>
            <pc:sldMk cId="2376958513" sldId="260"/>
            <ac:spMk id="2672" creationId="{AE642FA7-136C-BD88-05D1-D04A36BA41D7}"/>
          </ac:spMkLst>
        </pc:spChg>
        <pc:spChg chg="mod">
          <ac:chgData name="White, Alex" userId="eff6cc8c-37d8-483b-9c6c-6b27e9afa9bc" providerId="ADAL" clId="{BF04C754-5BF4-4E83-9615-DB14FA25AF8A}" dt="2023-10-12T11:37:53" v="291"/>
          <ac:spMkLst>
            <pc:docMk/>
            <pc:sldMk cId="2376958513" sldId="260"/>
            <ac:spMk id="2673" creationId="{F9EBA174-57D0-A923-F8E1-EE1692B7DB36}"/>
          </ac:spMkLst>
        </pc:spChg>
        <pc:spChg chg="mod">
          <ac:chgData name="White, Alex" userId="eff6cc8c-37d8-483b-9c6c-6b27e9afa9bc" providerId="ADAL" clId="{BF04C754-5BF4-4E83-9615-DB14FA25AF8A}" dt="2023-10-12T11:37:53" v="291"/>
          <ac:spMkLst>
            <pc:docMk/>
            <pc:sldMk cId="2376958513" sldId="260"/>
            <ac:spMk id="2674" creationId="{A2A35320-62A4-7BF7-176C-D1114AE91A49}"/>
          </ac:spMkLst>
        </pc:spChg>
        <pc:spChg chg="mod">
          <ac:chgData name="White, Alex" userId="eff6cc8c-37d8-483b-9c6c-6b27e9afa9bc" providerId="ADAL" clId="{BF04C754-5BF4-4E83-9615-DB14FA25AF8A}" dt="2023-10-12T11:37:53" v="291"/>
          <ac:spMkLst>
            <pc:docMk/>
            <pc:sldMk cId="2376958513" sldId="260"/>
            <ac:spMk id="2675" creationId="{D358E2B9-BD0C-11F4-67FD-8072F31F8200}"/>
          </ac:spMkLst>
        </pc:spChg>
        <pc:spChg chg="mod">
          <ac:chgData name="White, Alex" userId="eff6cc8c-37d8-483b-9c6c-6b27e9afa9bc" providerId="ADAL" clId="{BF04C754-5BF4-4E83-9615-DB14FA25AF8A}" dt="2023-10-12T11:37:53" v="291"/>
          <ac:spMkLst>
            <pc:docMk/>
            <pc:sldMk cId="2376958513" sldId="260"/>
            <ac:spMk id="2676" creationId="{B49E3558-54B4-DB0C-E478-647C9BED6DDB}"/>
          </ac:spMkLst>
        </pc:spChg>
        <pc:spChg chg="mod">
          <ac:chgData name="White, Alex" userId="eff6cc8c-37d8-483b-9c6c-6b27e9afa9bc" providerId="ADAL" clId="{BF04C754-5BF4-4E83-9615-DB14FA25AF8A}" dt="2023-10-12T11:37:53" v="291"/>
          <ac:spMkLst>
            <pc:docMk/>
            <pc:sldMk cId="2376958513" sldId="260"/>
            <ac:spMk id="2677" creationId="{AD391F21-70F4-000A-FEFA-4D1544D8AFDE}"/>
          </ac:spMkLst>
        </pc:spChg>
        <pc:spChg chg="mod">
          <ac:chgData name="White, Alex" userId="eff6cc8c-37d8-483b-9c6c-6b27e9afa9bc" providerId="ADAL" clId="{BF04C754-5BF4-4E83-9615-DB14FA25AF8A}" dt="2023-10-12T11:37:53" v="291"/>
          <ac:spMkLst>
            <pc:docMk/>
            <pc:sldMk cId="2376958513" sldId="260"/>
            <ac:spMk id="2678" creationId="{2E9FC70D-F984-2E6E-8016-0A0836BF80FB}"/>
          </ac:spMkLst>
        </pc:spChg>
        <pc:spChg chg="mod">
          <ac:chgData name="White, Alex" userId="eff6cc8c-37d8-483b-9c6c-6b27e9afa9bc" providerId="ADAL" clId="{BF04C754-5BF4-4E83-9615-DB14FA25AF8A}" dt="2023-10-12T11:37:53" v="291"/>
          <ac:spMkLst>
            <pc:docMk/>
            <pc:sldMk cId="2376958513" sldId="260"/>
            <ac:spMk id="2679" creationId="{BCABCD09-7E0F-8EBC-57D4-5FC8F18E7FB7}"/>
          </ac:spMkLst>
        </pc:spChg>
        <pc:spChg chg="mod">
          <ac:chgData name="White, Alex" userId="eff6cc8c-37d8-483b-9c6c-6b27e9afa9bc" providerId="ADAL" clId="{BF04C754-5BF4-4E83-9615-DB14FA25AF8A}" dt="2023-10-12T11:37:53" v="291"/>
          <ac:spMkLst>
            <pc:docMk/>
            <pc:sldMk cId="2376958513" sldId="260"/>
            <ac:spMk id="2680" creationId="{B201EAC6-EFBE-4CAB-C0AB-7991FE893B81}"/>
          </ac:spMkLst>
        </pc:spChg>
        <pc:spChg chg="mod">
          <ac:chgData name="White, Alex" userId="eff6cc8c-37d8-483b-9c6c-6b27e9afa9bc" providerId="ADAL" clId="{BF04C754-5BF4-4E83-9615-DB14FA25AF8A}" dt="2023-10-12T11:37:53" v="291"/>
          <ac:spMkLst>
            <pc:docMk/>
            <pc:sldMk cId="2376958513" sldId="260"/>
            <ac:spMk id="2681" creationId="{2C53D071-BB65-9F87-4395-BB9050C614CE}"/>
          </ac:spMkLst>
        </pc:spChg>
        <pc:spChg chg="mod">
          <ac:chgData name="White, Alex" userId="eff6cc8c-37d8-483b-9c6c-6b27e9afa9bc" providerId="ADAL" clId="{BF04C754-5BF4-4E83-9615-DB14FA25AF8A}" dt="2023-10-12T11:37:53" v="291"/>
          <ac:spMkLst>
            <pc:docMk/>
            <pc:sldMk cId="2376958513" sldId="260"/>
            <ac:spMk id="2682" creationId="{E9CF26F7-E1AC-D2B5-9463-7D3E78ED043E}"/>
          </ac:spMkLst>
        </pc:spChg>
        <pc:spChg chg="mod">
          <ac:chgData name="White, Alex" userId="eff6cc8c-37d8-483b-9c6c-6b27e9afa9bc" providerId="ADAL" clId="{BF04C754-5BF4-4E83-9615-DB14FA25AF8A}" dt="2023-10-12T11:37:53" v="291"/>
          <ac:spMkLst>
            <pc:docMk/>
            <pc:sldMk cId="2376958513" sldId="260"/>
            <ac:spMk id="2683" creationId="{14CF81AC-3E77-C2C5-21FF-0D360650B4F9}"/>
          </ac:spMkLst>
        </pc:spChg>
        <pc:spChg chg="mod">
          <ac:chgData name="White, Alex" userId="eff6cc8c-37d8-483b-9c6c-6b27e9afa9bc" providerId="ADAL" clId="{BF04C754-5BF4-4E83-9615-DB14FA25AF8A}" dt="2023-10-12T11:37:53" v="291"/>
          <ac:spMkLst>
            <pc:docMk/>
            <pc:sldMk cId="2376958513" sldId="260"/>
            <ac:spMk id="2684" creationId="{E5763BDF-4162-BFE7-ED43-9C42D6CBE9A3}"/>
          </ac:spMkLst>
        </pc:spChg>
        <pc:spChg chg="mod">
          <ac:chgData name="White, Alex" userId="eff6cc8c-37d8-483b-9c6c-6b27e9afa9bc" providerId="ADAL" clId="{BF04C754-5BF4-4E83-9615-DB14FA25AF8A}" dt="2023-10-12T11:37:53" v="291"/>
          <ac:spMkLst>
            <pc:docMk/>
            <pc:sldMk cId="2376958513" sldId="260"/>
            <ac:spMk id="2685" creationId="{C3AB6AB3-CC55-A6D3-A297-CD9F682DC7F6}"/>
          </ac:spMkLst>
        </pc:spChg>
        <pc:spChg chg="mod">
          <ac:chgData name="White, Alex" userId="eff6cc8c-37d8-483b-9c6c-6b27e9afa9bc" providerId="ADAL" clId="{BF04C754-5BF4-4E83-9615-DB14FA25AF8A}" dt="2023-10-12T11:37:53" v="291"/>
          <ac:spMkLst>
            <pc:docMk/>
            <pc:sldMk cId="2376958513" sldId="260"/>
            <ac:spMk id="2686" creationId="{DFB4ABA1-8EFB-2BD7-7731-E3F29E5330DA}"/>
          </ac:spMkLst>
        </pc:spChg>
        <pc:spChg chg="mod">
          <ac:chgData name="White, Alex" userId="eff6cc8c-37d8-483b-9c6c-6b27e9afa9bc" providerId="ADAL" clId="{BF04C754-5BF4-4E83-9615-DB14FA25AF8A}" dt="2023-10-12T11:37:53" v="291"/>
          <ac:spMkLst>
            <pc:docMk/>
            <pc:sldMk cId="2376958513" sldId="260"/>
            <ac:spMk id="2687" creationId="{420330AF-A370-18AB-7D0A-2A5D5B242BDE}"/>
          </ac:spMkLst>
        </pc:spChg>
        <pc:spChg chg="mod">
          <ac:chgData name="White, Alex" userId="eff6cc8c-37d8-483b-9c6c-6b27e9afa9bc" providerId="ADAL" clId="{BF04C754-5BF4-4E83-9615-DB14FA25AF8A}" dt="2023-10-12T11:37:53" v="291"/>
          <ac:spMkLst>
            <pc:docMk/>
            <pc:sldMk cId="2376958513" sldId="260"/>
            <ac:spMk id="2688" creationId="{E2E33A64-6321-A863-EF17-BB32F30342C4}"/>
          </ac:spMkLst>
        </pc:spChg>
        <pc:spChg chg="mod">
          <ac:chgData name="White, Alex" userId="eff6cc8c-37d8-483b-9c6c-6b27e9afa9bc" providerId="ADAL" clId="{BF04C754-5BF4-4E83-9615-DB14FA25AF8A}" dt="2023-10-12T11:37:53" v="291"/>
          <ac:spMkLst>
            <pc:docMk/>
            <pc:sldMk cId="2376958513" sldId="260"/>
            <ac:spMk id="2689" creationId="{CA571279-CF18-5EA3-142A-3C699B08434C}"/>
          </ac:spMkLst>
        </pc:spChg>
        <pc:spChg chg="mod">
          <ac:chgData name="White, Alex" userId="eff6cc8c-37d8-483b-9c6c-6b27e9afa9bc" providerId="ADAL" clId="{BF04C754-5BF4-4E83-9615-DB14FA25AF8A}" dt="2023-10-12T11:37:53" v="291"/>
          <ac:spMkLst>
            <pc:docMk/>
            <pc:sldMk cId="2376958513" sldId="260"/>
            <ac:spMk id="2690" creationId="{DFD821BB-FCF8-0ACB-5578-FC310F25405E}"/>
          </ac:spMkLst>
        </pc:spChg>
        <pc:spChg chg="mod">
          <ac:chgData name="White, Alex" userId="eff6cc8c-37d8-483b-9c6c-6b27e9afa9bc" providerId="ADAL" clId="{BF04C754-5BF4-4E83-9615-DB14FA25AF8A}" dt="2023-10-12T11:37:53" v="291"/>
          <ac:spMkLst>
            <pc:docMk/>
            <pc:sldMk cId="2376958513" sldId="260"/>
            <ac:spMk id="2691" creationId="{4A5EB36B-7BE6-1606-911B-0E59B2A42234}"/>
          </ac:spMkLst>
        </pc:spChg>
        <pc:spChg chg="mod">
          <ac:chgData name="White, Alex" userId="eff6cc8c-37d8-483b-9c6c-6b27e9afa9bc" providerId="ADAL" clId="{BF04C754-5BF4-4E83-9615-DB14FA25AF8A}" dt="2023-10-12T11:37:53" v="291"/>
          <ac:spMkLst>
            <pc:docMk/>
            <pc:sldMk cId="2376958513" sldId="260"/>
            <ac:spMk id="2692" creationId="{C4AE5FA8-866E-36DB-1A19-EBD6E836A20C}"/>
          </ac:spMkLst>
        </pc:spChg>
        <pc:spChg chg="mod">
          <ac:chgData name="White, Alex" userId="eff6cc8c-37d8-483b-9c6c-6b27e9afa9bc" providerId="ADAL" clId="{BF04C754-5BF4-4E83-9615-DB14FA25AF8A}" dt="2023-10-12T11:37:53" v="291"/>
          <ac:spMkLst>
            <pc:docMk/>
            <pc:sldMk cId="2376958513" sldId="260"/>
            <ac:spMk id="2693" creationId="{236D2783-10F3-63EC-C9DF-E205C03CCF2F}"/>
          </ac:spMkLst>
        </pc:spChg>
        <pc:spChg chg="mod">
          <ac:chgData name="White, Alex" userId="eff6cc8c-37d8-483b-9c6c-6b27e9afa9bc" providerId="ADAL" clId="{BF04C754-5BF4-4E83-9615-DB14FA25AF8A}" dt="2023-10-12T11:37:53" v="291"/>
          <ac:spMkLst>
            <pc:docMk/>
            <pc:sldMk cId="2376958513" sldId="260"/>
            <ac:spMk id="2694" creationId="{E8DA9BAC-4E3F-C10D-84B4-878761EAD226}"/>
          </ac:spMkLst>
        </pc:spChg>
        <pc:spChg chg="mod">
          <ac:chgData name="White, Alex" userId="eff6cc8c-37d8-483b-9c6c-6b27e9afa9bc" providerId="ADAL" clId="{BF04C754-5BF4-4E83-9615-DB14FA25AF8A}" dt="2023-10-12T11:37:53" v="291"/>
          <ac:spMkLst>
            <pc:docMk/>
            <pc:sldMk cId="2376958513" sldId="260"/>
            <ac:spMk id="2695" creationId="{C316603D-E710-BFC9-D474-38E39DE4B279}"/>
          </ac:spMkLst>
        </pc:spChg>
        <pc:spChg chg="mod">
          <ac:chgData name="White, Alex" userId="eff6cc8c-37d8-483b-9c6c-6b27e9afa9bc" providerId="ADAL" clId="{BF04C754-5BF4-4E83-9615-DB14FA25AF8A}" dt="2023-10-12T11:37:53" v="291"/>
          <ac:spMkLst>
            <pc:docMk/>
            <pc:sldMk cId="2376958513" sldId="260"/>
            <ac:spMk id="2696" creationId="{4CB87813-0F11-F179-B803-8C40F9602459}"/>
          </ac:spMkLst>
        </pc:spChg>
        <pc:spChg chg="mod">
          <ac:chgData name="White, Alex" userId="eff6cc8c-37d8-483b-9c6c-6b27e9afa9bc" providerId="ADAL" clId="{BF04C754-5BF4-4E83-9615-DB14FA25AF8A}" dt="2023-10-12T11:37:53" v="291"/>
          <ac:spMkLst>
            <pc:docMk/>
            <pc:sldMk cId="2376958513" sldId="260"/>
            <ac:spMk id="2697" creationId="{B27F4E6C-B806-FBB6-1D48-E0B39E597835}"/>
          </ac:spMkLst>
        </pc:spChg>
        <pc:spChg chg="mod">
          <ac:chgData name="White, Alex" userId="eff6cc8c-37d8-483b-9c6c-6b27e9afa9bc" providerId="ADAL" clId="{BF04C754-5BF4-4E83-9615-DB14FA25AF8A}" dt="2023-10-12T11:37:53" v="291"/>
          <ac:spMkLst>
            <pc:docMk/>
            <pc:sldMk cId="2376958513" sldId="260"/>
            <ac:spMk id="2698" creationId="{2900415E-96A3-9EE5-E601-8EEFE66EF953}"/>
          </ac:spMkLst>
        </pc:spChg>
        <pc:spChg chg="mod">
          <ac:chgData name="White, Alex" userId="eff6cc8c-37d8-483b-9c6c-6b27e9afa9bc" providerId="ADAL" clId="{BF04C754-5BF4-4E83-9615-DB14FA25AF8A}" dt="2023-10-12T11:37:53" v="291"/>
          <ac:spMkLst>
            <pc:docMk/>
            <pc:sldMk cId="2376958513" sldId="260"/>
            <ac:spMk id="2699" creationId="{52EDD449-4110-8875-DCA6-673255E697E8}"/>
          </ac:spMkLst>
        </pc:spChg>
        <pc:spChg chg="mod">
          <ac:chgData name="White, Alex" userId="eff6cc8c-37d8-483b-9c6c-6b27e9afa9bc" providerId="ADAL" clId="{BF04C754-5BF4-4E83-9615-DB14FA25AF8A}" dt="2023-10-12T11:37:53" v="291"/>
          <ac:spMkLst>
            <pc:docMk/>
            <pc:sldMk cId="2376958513" sldId="260"/>
            <ac:spMk id="2700" creationId="{002A0B3C-104A-54F1-A684-1F5027BC2D84}"/>
          </ac:spMkLst>
        </pc:spChg>
        <pc:spChg chg="mod">
          <ac:chgData name="White, Alex" userId="eff6cc8c-37d8-483b-9c6c-6b27e9afa9bc" providerId="ADAL" clId="{BF04C754-5BF4-4E83-9615-DB14FA25AF8A}" dt="2023-10-12T11:37:53" v="291"/>
          <ac:spMkLst>
            <pc:docMk/>
            <pc:sldMk cId="2376958513" sldId="260"/>
            <ac:spMk id="2701" creationId="{589B9424-BBA2-8945-4935-B56053087361}"/>
          </ac:spMkLst>
        </pc:spChg>
        <pc:spChg chg="mod">
          <ac:chgData name="White, Alex" userId="eff6cc8c-37d8-483b-9c6c-6b27e9afa9bc" providerId="ADAL" clId="{BF04C754-5BF4-4E83-9615-DB14FA25AF8A}" dt="2023-10-12T11:37:53" v="291"/>
          <ac:spMkLst>
            <pc:docMk/>
            <pc:sldMk cId="2376958513" sldId="260"/>
            <ac:spMk id="2702" creationId="{D840A99D-D59D-34F4-6C4B-2E9A0ABCFF7A}"/>
          </ac:spMkLst>
        </pc:spChg>
        <pc:spChg chg="mod">
          <ac:chgData name="White, Alex" userId="eff6cc8c-37d8-483b-9c6c-6b27e9afa9bc" providerId="ADAL" clId="{BF04C754-5BF4-4E83-9615-DB14FA25AF8A}" dt="2023-10-12T11:37:53" v="291"/>
          <ac:spMkLst>
            <pc:docMk/>
            <pc:sldMk cId="2376958513" sldId="260"/>
            <ac:spMk id="2703" creationId="{B73625A9-CC32-58D3-ED44-CA75948EFEC6}"/>
          </ac:spMkLst>
        </pc:spChg>
        <pc:spChg chg="mod">
          <ac:chgData name="White, Alex" userId="eff6cc8c-37d8-483b-9c6c-6b27e9afa9bc" providerId="ADAL" clId="{BF04C754-5BF4-4E83-9615-DB14FA25AF8A}" dt="2023-10-12T11:37:53" v="291"/>
          <ac:spMkLst>
            <pc:docMk/>
            <pc:sldMk cId="2376958513" sldId="260"/>
            <ac:spMk id="2704" creationId="{29224C0C-86AD-CC5B-B706-06A015C8CF31}"/>
          </ac:spMkLst>
        </pc:spChg>
        <pc:spChg chg="mod">
          <ac:chgData name="White, Alex" userId="eff6cc8c-37d8-483b-9c6c-6b27e9afa9bc" providerId="ADAL" clId="{BF04C754-5BF4-4E83-9615-DB14FA25AF8A}" dt="2023-10-12T11:37:53" v="291"/>
          <ac:spMkLst>
            <pc:docMk/>
            <pc:sldMk cId="2376958513" sldId="260"/>
            <ac:spMk id="2705" creationId="{C6389ECB-1A03-3EDF-1633-80737FB38775}"/>
          </ac:spMkLst>
        </pc:spChg>
        <pc:spChg chg="mod">
          <ac:chgData name="White, Alex" userId="eff6cc8c-37d8-483b-9c6c-6b27e9afa9bc" providerId="ADAL" clId="{BF04C754-5BF4-4E83-9615-DB14FA25AF8A}" dt="2023-10-12T11:37:53" v="291"/>
          <ac:spMkLst>
            <pc:docMk/>
            <pc:sldMk cId="2376958513" sldId="260"/>
            <ac:spMk id="2706" creationId="{BC890E5D-629A-B3C3-9813-6FEF5DB72BF0}"/>
          </ac:spMkLst>
        </pc:spChg>
        <pc:spChg chg="mod">
          <ac:chgData name="White, Alex" userId="eff6cc8c-37d8-483b-9c6c-6b27e9afa9bc" providerId="ADAL" clId="{BF04C754-5BF4-4E83-9615-DB14FA25AF8A}" dt="2023-10-12T11:37:53" v="291"/>
          <ac:spMkLst>
            <pc:docMk/>
            <pc:sldMk cId="2376958513" sldId="260"/>
            <ac:spMk id="2707" creationId="{30F7AC1B-FDB6-C9A6-6641-F32BCE396553}"/>
          </ac:spMkLst>
        </pc:spChg>
        <pc:spChg chg="mod">
          <ac:chgData name="White, Alex" userId="eff6cc8c-37d8-483b-9c6c-6b27e9afa9bc" providerId="ADAL" clId="{BF04C754-5BF4-4E83-9615-DB14FA25AF8A}" dt="2023-10-12T11:37:53" v="291"/>
          <ac:spMkLst>
            <pc:docMk/>
            <pc:sldMk cId="2376958513" sldId="260"/>
            <ac:spMk id="2708" creationId="{9B56C321-F2A4-18AA-5723-B87FFE76AD86}"/>
          </ac:spMkLst>
        </pc:spChg>
        <pc:spChg chg="mod">
          <ac:chgData name="White, Alex" userId="eff6cc8c-37d8-483b-9c6c-6b27e9afa9bc" providerId="ADAL" clId="{BF04C754-5BF4-4E83-9615-DB14FA25AF8A}" dt="2023-10-12T11:37:53" v="291"/>
          <ac:spMkLst>
            <pc:docMk/>
            <pc:sldMk cId="2376958513" sldId="260"/>
            <ac:spMk id="2709" creationId="{90BB72A5-460C-8A99-CE03-61D5644B3B51}"/>
          </ac:spMkLst>
        </pc:spChg>
        <pc:spChg chg="mod">
          <ac:chgData name="White, Alex" userId="eff6cc8c-37d8-483b-9c6c-6b27e9afa9bc" providerId="ADAL" clId="{BF04C754-5BF4-4E83-9615-DB14FA25AF8A}" dt="2023-10-12T11:37:53" v="291"/>
          <ac:spMkLst>
            <pc:docMk/>
            <pc:sldMk cId="2376958513" sldId="260"/>
            <ac:spMk id="2710" creationId="{AA1D8D47-8F21-E7A5-CEB6-456349E8694B}"/>
          </ac:spMkLst>
        </pc:spChg>
        <pc:spChg chg="mod">
          <ac:chgData name="White, Alex" userId="eff6cc8c-37d8-483b-9c6c-6b27e9afa9bc" providerId="ADAL" clId="{BF04C754-5BF4-4E83-9615-DB14FA25AF8A}" dt="2023-10-12T11:37:53" v="291"/>
          <ac:spMkLst>
            <pc:docMk/>
            <pc:sldMk cId="2376958513" sldId="260"/>
            <ac:spMk id="2711" creationId="{B9BDC9B0-1F36-E6A8-0770-31FB8DF464E2}"/>
          </ac:spMkLst>
        </pc:spChg>
        <pc:spChg chg="mod">
          <ac:chgData name="White, Alex" userId="eff6cc8c-37d8-483b-9c6c-6b27e9afa9bc" providerId="ADAL" clId="{BF04C754-5BF4-4E83-9615-DB14FA25AF8A}" dt="2023-10-12T11:37:53" v="291"/>
          <ac:spMkLst>
            <pc:docMk/>
            <pc:sldMk cId="2376958513" sldId="260"/>
            <ac:spMk id="2712" creationId="{6EB65FE9-3224-D56E-E473-77EF65F3E747}"/>
          </ac:spMkLst>
        </pc:spChg>
        <pc:spChg chg="mod">
          <ac:chgData name="White, Alex" userId="eff6cc8c-37d8-483b-9c6c-6b27e9afa9bc" providerId="ADAL" clId="{BF04C754-5BF4-4E83-9615-DB14FA25AF8A}" dt="2023-10-12T11:37:53" v="291"/>
          <ac:spMkLst>
            <pc:docMk/>
            <pc:sldMk cId="2376958513" sldId="260"/>
            <ac:spMk id="2713" creationId="{37D6915E-2507-4D9A-A65D-DF11565054A8}"/>
          </ac:spMkLst>
        </pc:spChg>
        <pc:spChg chg="mod">
          <ac:chgData name="White, Alex" userId="eff6cc8c-37d8-483b-9c6c-6b27e9afa9bc" providerId="ADAL" clId="{BF04C754-5BF4-4E83-9615-DB14FA25AF8A}" dt="2023-10-12T11:37:53" v="291"/>
          <ac:spMkLst>
            <pc:docMk/>
            <pc:sldMk cId="2376958513" sldId="260"/>
            <ac:spMk id="2714" creationId="{C3398095-CE8D-7BF6-F306-14AFEE6C7C46}"/>
          </ac:spMkLst>
        </pc:spChg>
        <pc:spChg chg="mod">
          <ac:chgData name="White, Alex" userId="eff6cc8c-37d8-483b-9c6c-6b27e9afa9bc" providerId="ADAL" clId="{BF04C754-5BF4-4E83-9615-DB14FA25AF8A}" dt="2023-10-12T11:37:53" v="291"/>
          <ac:spMkLst>
            <pc:docMk/>
            <pc:sldMk cId="2376958513" sldId="260"/>
            <ac:spMk id="2715" creationId="{2CBAF8C3-5704-8B8C-A58C-FDF27F609882}"/>
          </ac:spMkLst>
        </pc:spChg>
        <pc:spChg chg="mod">
          <ac:chgData name="White, Alex" userId="eff6cc8c-37d8-483b-9c6c-6b27e9afa9bc" providerId="ADAL" clId="{BF04C754-5BF4-4E83-9615-DB14FA25AF8A}" dt="2023-10-12T11:37:53" v="291"/>
          <ac:spMkLst>
            <pc:docMk/>
            <pc:sldMk cId="2376958513" sldId="260"/>
            <ac:spMk id="2716" creationId="{B33FAAD0-E829-CBEF-3B79-D4891D801BC9}"/>
          </ac:spMkLst>
        </pc:spChg>
        <pc:spChg chg="mod">
          <ac:chgData name="White, Alex" userId="eff6cc8c-37d8-483b-9c6c-6b27e9afa9bc" providerId="ADAL" clId="{BF04C754-5BF4-4E83-9615-DB14FA25AF8A}" dt="2023-10-12T11:37:53" v="291"/>
          <ac:spMkLst>
            <pc:docMk/>
            <pc:sldMk cId="2376958513" sldId="260"/>
            <ac:spMk id="2717" creationId="{B07A42FE-F004-CEDD-F072-CCEC646F336D}"/>
          </ac:spMkLst>
        </pc:spChg>
        <pc:spChg chg="mod">
          <ac:chgData name="White, Alex" userId="eff6cc8c-37d8-483b-9c6c-6b27e9afa9bc" providerId="ADAL" clId="{BF04C754-5BF4-4E83-9615-DB14FA25AF8A}" dt="2023-10-12T11:37:53" v="291"/>
          <ac:spMkLst>
            <pc:docMk/>
            <pc:sldMk cId="2376958513" sldId="260"/>
            <ac:spMk id="2718" creationId="{D75EDF0A-7F50-5FDD-323B-7ED4EFD4EE4E}"/>
          </ac:spMkLst>
        </pc:spChg>
        <pc:spChg chg="mod">
          <ac:chgData name="White, Alex" userId="eff6cc8c-37d8-483b-9c6c-6b27e9afa9bc" providerId="ADAL" clId="{BF04C754-5BF4-4E83-9615-DB14FA25AF8A}" dt="2023-10-12T11:37:53" v="291"/>
          <ac:spMkLst>
            <pc:docMk/>
            <pc:sldMk cId="2376958513" sldId="260"/>
            <ac:spMk id="2719" creationId="{69D26093-175E-FB1D-EE0A-C453CF06CEEC}"/>
          </ac:spMkLst>
        </pc:spChg>
        <pc:spChg chg="mod">
          <ac:chgData name="White, Alex" userId="eff6cc8c-37d8-483b-9c6c-6b27e9afa9bc" providerId="ADAL" clId="{BF04C754-5BF4-4E83-9615-DB14FA25AF8A}" dt="2023-10-12T11:37:53" v="291"/>
          <ac:spMkLst>
            <pc:docMk/>
            <pc:sldMk cId="2376958513" sldId="260"/>
            <ac:spMk id="2720" creationId="{B63B3F91-B802-6468-213C-66311F3C988D}"/>
          </ac:spMkLst>
        </pc:spChg>
        <pc:spChg chg="mod">
          <ac:chgData name="White, Alex" userId="eff6cc8c-37d8-483b-9c6c-6b27e9afa9bc" providerId="ADAL" clId="{BF04C754-5BF4-4E83-9615-DB14FA25AF8A}" dt="2023-10-12T11:37:53" v="291"/>
          <ac:spMkLst>
            <pc:docMk/>
            <pc:sldMk cId="2376958513" sldId="260"/>
            <ac:spMk id="2721" creationId="{D89499BC-B479-AE4F-BD02-1770BCB047E1}"/>
          </ac:spMkLst>
        </pc:spChg>
        <pc:spChg chg="mod">
          <ac:chgData name="White, Alex" userId="eff6cc8c-37d8-483b-9c6c-6b27e9afa9bc" providerId="ADAL" clId="{BF04C754-5BF4-4E83-9615-DB14FA25AF8A}" dt="2023-10-12T11:37:53" v="291"/>
          <ac:spMkLst>
            <pc:docMk/>
            <pc:sldMk cId="2376958513" sldId="260"/>
            <ac:spMk id="2722" creationId="{A621F405-2259-01F9-B1EC-5C89DF3AB497}"/>
          </ac:spMkLst>
        </pc:spChg>
        <pc:spChg chg="mod">
          <ac:chgData name="White, Alex" userId="eff6cc8c-37d8-483b-9c6c-6b27e9afa9bc" providerId="ADAL" clId="{BF04C754-5BF4-4E83-9615-DB14FA25AF8A}" dt="2023-10-12T11:37:53" v="291"/>
          <ac:spMkLst>
            <pc:docMk/>
            <pc:sldMk cId="2376958513" sldId="260"/>
            <ac:spMk id="2723" creationId="{CC91C0AD-593C-AAB8-17FD-A0891B1F4FA8}"/>
          </ac:spMkLst>
        </pc:spChg>
        <pc:spChg chg="mod">
          <ac:chgData name="White, Alex" userId="eff6cc8c-37d8-483b-9c6c-6b27e9afa9bc" providerId="ADAL" clId="{BF04C754-5BF4-4E83-9615-DB14FA25AF8A}" dt="2023-10-12T11:37:53" v="291"/>
          <ac:spMkLst>
            <pc:docMk/>
            <pc:sldMk cId="2376958513" sldId="260"/>
            <ac:spMk id="2724" creationId="{8F2FBD1A-FCA5-E210-E05D-5C84A7418E26}"/>
          </ac:spMkLst>
        </pc:spChg>
        <pc:spChg chg="mod">
          <ac:chgData name="White, Alex" userId="eff6cc8c-37d8-483b-9c6c-6b27e9afa9bc" providerId="ADAL" clId="{BF04C754-5BF4-4E83-9615-DB14FA25AF8A}" dt="2023-10-12T11:37:53" v="291"/>
          <ac:spMkLst>
            <pc:docMk/>
            <pc:sldMk cId="2376958513" sldId="260"/>
            <ac:spMk id="2725" creationId="{0BFF4F3A-1A70-88F1-21CA-BFB9C97259AE}"/>
          </ac:spMkLst>
        </pc:spChg>
        <pc:spChg chg="mod">
          <ac:chgData name="White, Alex" userId="eff6cc8c-37d8-483b-9c6c-6b27e9afa9bc" providerId="ADAL" clId="{BF04C754-5BF4-4E83-9615-DB14FA25AF8A}" dt="2023-10-12T11:37:53" v="291"/>
          <ac:spMkLst>
            <pc:docMk/>
            <pc:sldMk cId="2376958513" sldId="260"/>
            <ac:spMk id="2726" creationId="{6724922D-7D75-9E33-9243-4E13D588B346}"/>
          </ac:spMkLst>
        </pc:spChg>
        <pc:spChg chg="mod">
          <ac:chgData name="White, Alex" userId="eff6cc8c-37d8-483b-9c6c-6b27e9afa9bc" providerId="ADAL" clId="{BF04C754-5BF4-4E83-9615-DB14FA25AF8A}" dt="2023-10-12T11:37:53" v="291"/>
          <ac:spMkLst>
            <pc:docMk/>
            <pc:sldMk cId="2376958513" sldId="260"/>
            <ac:spMk id="2727" creationId="{5F83C2B9-18B0-1173-B82E-1788AD0E7718}"/>
          </ac:spMkLst>
        </pc:spChg>
        <pc:spChg chg="mod">
          <ac:chgData name="White, Alex" userId="eff6cc8c-37d8-483b-9c6c-6b27e9afa9bc" providerId="ADAL" clId="{BF04C754-5BF4-4E83-9615-DB14FA25AF8A}" dt="2023-10-12T11:37:53" v="291"/>
          <ac:spMkLst>
            <pc:docMk/>
            <pc:sldMk cId="2376958513" sldId="260"/>
            <ac:spMk id="2728" creationId="{DCB2F1D5-EA18-9017-24A1-B6E3F4B271F2}"/>
          </ac:spMkLst>
        </pc:spChg>
        <pc:spChg chg="mod">
          <ac:chgData name="White, Alex" userId="eff6cc8c-37d8-483b-9c6c-6b27e9afa9bc" providerId="ADAL" clId="{BF04C754-5BF4-4E83-9615-DB14FA25AF8A}" dt="2023-10-12T11:37:53" v="291"/>
          <ac:spMkLst>
            <pc:docMk/>
            <pc:sldMk cId="2376958513" sldId="260"/>
            <ac:spMk id="2729" creationId="{E800CCDA-F010-AACF-A72E-83215236441C}"/>
          </ac:spMkLst>
        </pc:spChg>
        <pc:spChg chg="mod">
          <ac:chgData name="White, Alex" userId="eff6cc8c-37d8-483b-9c6c-6b27e9afa9bc" providerId="ADAL" clId="{BF04C754-5BF4-4E83-9615-DB14FA25AF8A}" dt="2023-10-12T11:37:53" v="291"/>
          <ac:spMkLst>
            <pc:docMk/>
            <pc:sldMk cId="2376958513" sldId="260"/>
            <ac:spMk id="2730" creationId="{9B73DBD0-87F5-A72E-CF58-D8971FB37A54}"/>
          </ac:spMkLst>
        </pc:spChg>
        <pc:spChg chg="mod">
          <ac:chgData name="White, Alex" userId="eff6cc8c-37d8-483b-9c6c-6b27e9afa9bc" providerId="ADAL" clId="{BF04C754-5BF4-4E83-9615-DB14FA25AF8A}" dt="2023-10-12T11:37:53" v="291"/>
          <ac:spMkLst>
            <pc:docMk/>
            <pc:sldMk cId="2376958513" sldId="260"/>
            <ac:spMk id="2731" creationId="{54666043-24DA-2143-05EB-35DCCB1A60EE}"/>
          </ac:spMkLst>
        </pc:spChg>
        <pc:spChg chg="mod">
          <ac:chgData name="White, Alex" userId="eff6cc8c-37d8-483b-9c6c-6b27e9afa9bc" providerId="ADAL" clId="{BF04C754-5BF4-4E83-9615-DB14FA25AF8A}" dt="2023-10-12T11:37:53" v="291"/>
          <ac:spMkLst>
            <pc:docMk/>
            <pc:sldMk cId="2376958513" sldId="260"/>
            <ac:spMk id="2732" creationId="{49BE907F-35AE-CC8F-356A-68D6D005A099}"/>
          </ac:spMkLst>
        </pc:spChg>
        <pc:spChg chg="mod">
          <ac:chgData name="White, Alex" userId="eff6cc8c-37d8-483b-9c6c-6b27e9afa9bc" providerId="ADAL" clId="{BF04C754-5BF4-4E83-9615-DB14FA25AF8A}" dt="2023-10-12T11:37:53" v="291"/>
          <ac:spMkLst>
            <pc:docMk/>
            <pc:sldMk cId="2376958513" sldId="260"/>
            <ac:spMk id="2733" creationId="{A7175065-FAA8-F41E-92E7-BB5A15FC6ABF}"/>
          </ac:spMkLst>
        </pc:spChg>
        <pc:spChg chg="mod">
          <ac:chgData name="White, Alex" userId="eff6cc8c-37d8-483b-9c6c-6b27e9afa9bc" providerId="ADAL" clId="{BF04C754-5BF4-4E83-9615-DB14FA25AF8A}" dt="2023-10-12T11:37:53" v="291"/>
          <ac:spMkLst>
            <pc:docMk/>
            <pc:sldMk cId="2376958513" sldId="260"/>
            <ac:spMk id="2734" creationId="{B3E56E37-2077-263E-B592-797E10441141}"/>
          </ac:spMkLst>
        </pc:spChg>
        <pc:spChg chg="mod">
          <ac:chgData name="White, Alex" userId="eff6cc8c-37d8-483b-9c6c-6b27e9afa9bc" providerId="ADAL" clId="{BF04C754-5BF4-4E83-9615-DB14FA25AF8A}" dt="2023-10-12T11:37:53" v="291"/>
          <ac:spMkLst>
            <pc:docMk/>
            <pc:sldMk cId="2376958513" sldId="260"/>
            <ac:spMk id="2735" creationId="{68972320-7861-7A40-8FE0-409028C37854}"/>
          </ac:spMkLst>
        </pc:spChg>
        <pc:spChg chg="mod">
          <ac:chgData name="White, Alex" userId="eff6cc8c-37d8-483b-9c6c-6b27e9afa9bc" providerId="ADAL" clId="{BF04C754-5BF4-4E83-9615-DB14FA25AF8A}" dt="2023-10-12T11:37:53" v="291"/>
          <ac:spMkLst>
            <pc:docMk/>
            <pc:sldMk cId="2376958513" sldId="260"/>
            <ac:spMk id="2736" creationId="{07ED6230-D2BF-5935-7576-619995236D7F}"/>
          </ac:spMkLst>
        </pc:spChg>
        <pc:spChg chg="mod">
          <ac:chgData name="White, Alex" userId="eff6cc8c-37d8-483b-9c6c-6b27e9afa9bc" providerId="ADAL" clId="{BF04C754-5BF4-4E83-9615-DB14FA25AF8A}" dt="2023-10-12T11:37:53" v="291"/>
          <ac:spMkLst>
            <pc:docMk/>
            <pc:sldMk cId="2376958513" sldId="260"/>
            <ac:spMk id="2737" creationId="{4F86254E-E94F-7401-E3AA-9D3F8D51D2DF}"/>
          </ac:spMkLst>
        </pc:spChg>
        <pc:spChg chg="mod">
          <ac:chgData name="White, Alex" userId="eff6cc8c-37d8-483b-9c6c-6b27e9afa9bc" providerId="ADAL" clId="{BF04C754-5BF4-4E83-9615-DB14FA25AF8A}" dt="2023-10-12T11:37:53" v="291"/>
          <ac:spMkLst>
            <pc:docMk/>
            <pc:sldMk cId="2376958513" sldId="260"/>
            <ac:spMk id="2738" creationId="{ADFF7D44-DBCC-36AF-2BF5-8BF2B617354B}"/>
          </ac:spMkLst>
        </pc:spChg>
        <pc:spChg chg="mod">
          <ac:chgData name="White, Alex" userId="eff6cc8c-37d8-483b-9c6c-6b27e9afa9bc" providerId="ADAL" clId="{BF04C754-5BF4-4E83-9615-DB14FA25AF8A}" dt="2023-10-12T11:37:53" v="291"/>
          <ac:spMkLst>
            <pc:docMk/>
            <pc:sldMk cId="2376958513" sldId="260"/>
            <ac:spMk id="2739" creationId="{C60E563E-0CEC-DF10-5C78-5AABB7378105}"/>
          </ac:spMkLst>
        </pc:spChg>
        <pc:spChg chg="mod">
          <ac:chgData name="White, Alex" userId="eff6cc8c-37d8-483b-9c6c-6b27e9afa9bc" providerId="ADAL" clId="{BF04C754-5BF4-4E83-9615-DB14FA25AF8A}" dt="2023-10-12T11:37:53" v="291"/>
          <ac:spMkLst>
            <pc:docMk/>
            <pc:sldMk cId="2376958513" sldId="260"/>
            <ac:spMk id="2740" creationId="{A4EE8CFC-D4E1-1449-DE21-BF5BE1F22675}"/>
          </ac:spMkLst>
        </pc:spChg>
        <pc:spChg chg="mod">
          <ac:chgData name="White, Alex" userId="eff6cc8c-37d8-483b-9c6c-6b27e9afa9bc" providerId="ADAL" clId="{BF04C754-5BF4-4E83-9615-DB14FA25AF8A}" dt="2023-10-12T11:37:53" v="291"/>
          <ac:spMkLst>
            <pc:docMk/>
            <pc:sldMk cId="2376958513" sldId="260"/>
            <ac:spMk id="2741" creationId="{9955C0CF-D98F-E76C-4A78-8E9DE66DBE6B}"/>
          </ac:spMkLst>
        </pc:spChg>
        <pc:spChg chg="mod">
          <ac:chgData name="White, Alex" userId="eff6cc8c-37d8-483b-9c6c-6b27e9afa9bc" providerId="ADAL" clId="{BF04C754-5BF4-4E83-9615-DB14FA25AF8A}" dt="2023-10-12T11:37:53" v="291"/>
          <ac:spMkLst>
            <pc:docMk/>
            <pc:sldMk cId="2376958513" sldId="260"/>
            <ac:spMk id="2742" creationId="{D1EC0BCD-B911-238B-2176-20BFE3366702}"/>
          </ac:spMkLst>
        </pc:spChg>
        <pc:spChg chg="mod">
          <ac:chgData name="White, Alex" userId="eff6cc8c-37d8-483b-9c6c-6b27e9afa9bc" providerId="ADAL" clId="{BF04C754-5BF4-4E83-9615-DB14FA25AF8A}" dt="2023-10-12T11:37:53" v="291"/>
          <ac:spMkLst>
            <pc:docMk/>
            <pc:sldMk cId="2376958513" sldId="260"/>
            <ac:spMk id="2743" creationId="{17E6B3F2-1E14-7037-9C61-4318AE734D0B}"/>
          </ac:spMkLst>
        </pc:spChg>
        <pc:spChg chg="mod">
          <ac:chgData name="White, Alex" userId="eff6cc8c-37d8-483b-9c6c-6b27e9afa9bc" providerId="ADAL" clId="{BF04C754-5BF4-4E83-9615-DB14FA25AF8A}" dt="2023-10-12T11:37:53" v="291"/>
          <ac:spMkLst>
            <pc:docMk/>
            <pc:sldMk cId="2376958513" sldId="260"/>
            <ac:spMk id="2744" creationId="{507375C6-255B-A80C-E226-1036CBD1D2CB}"/>
          </ac:spMkLst>
        </pc:spChg>
        <pc:spChg chg="mod">
          <ac:chgData name="White, Alex" userId="eff6cc8c-37d8-483b-9c6c-6b27e9afa9bc" providerId="ADAL" clId="{BF04C754-5BF4-4E83-9615-DB14FA25AF8A}" dt="2023-10-12T11:37:53" v="291"/>
          <ac:spMkLst>
            <pc:docMk/>
            <pc:sldMk cId="2376958513" sldId="260"/>
            <ac:spMk id="2745" creationId="{7D5D83E2-A3F7-70B6-DC90-20B1B9BA1BCF}"/>
          </ac:spMkLst>
        </pc:spChg>
        <pc:spChg chg="mod">
          <ac:chgData name="White, Alex" userId="eff6cc8c-37d8-483b-9c6c-6b27e9afa9bc" providerId="ADAL" clId="{BF04C754-5BF4-4E83-9615-DB14FA25AF8A}" dt="2023-10-12T11:37:53" v="291"/>
          <ac:spMkLst>
            <pc:docMk/>
            <pc:sldMk cId="2376958513" sldId="260"/>
            <ac:spMk id="2746" creationId="{6C4B9E25-72DB-9280-B512-EE63FB52EF6A}"/>
          </ac:spMkLst>
        </pc:spChg>
        <pc:spChg chg="mod">
          <ac:chgData name="White, Alex" userId="eff6cc8c-37d8-483b-9c6c-6b27e9afa9bc" providerId="ADAL" clId="{BF04C754-5BF4-4E83-9615-DB14FA25AF8A}" dt="2023-10-12T11:37:53" v="291"/>
          <ac:spMkLst>
            <pc:docMk/>
            <pc:sldMk cId="2376958513" sldId="260"/>
            <ac:spMk id="2747" creationId="{B4342AED-11CC-E7FE-0F17-3F47CF026DE2}"/>
          </ac:spMkLst>
        </pc:spChg>
        <pc:spChg chg="mod">
          <ac:chgData name="White, Alex" userId="eff6cc8c-37d8-483b-9c6c-6b27e9afa9bc" providerId="ADAL" clId="{BF04C754-5BF4-4E83-9615-DB14FA25AF8A}" dt="2023-10-12T11:37:53" v="291"/>
          <ac:spMkLst>
            <pc:docMk/>
            <pc:sldMk cId="2376958513" sldId="260"/>
            <ac:spMk id="2748" creationId="{352F53E9-963F-D8F9-4A67-1515B2E37715}"/>
          </ac:spMkLst>
        </pc:spChg>
        <pc:spChg chg="mod">
          <ac:chgData name="White, Alex" userId="eff6cc8c-37d8-483b-9c6c-6b27e9afa9bc" providerId="ADAL" clId="{BF04C754-5BF4-4E83-9615-DB14FA25AF8A}" dt="2023-10-12T11:37:53" v="291"/>
          <ac:spMkLst>
            <pc:docMk/>
            <pc:sldMk cId="2376958513" sldId="260"/>
            <ac:spMk id="2749" creationId="{6822924D-8AAD-4C3E-8333-45402EEDC270}"/>
          </ac:spMkLst>
        </pc:spChg>
        <pc:spChg chg="mod">
          <ac:chgData name="White, Alex" userId="eff6cc8c-37d8-483b-9c6c-6b27e9afa9bc" providerId="ADAL" clId="{BF04C754-5BF4-4E83-9615-DB14FA25AF8A}" dt="2023-10-12T11:37:53" v="291"/>
          <ac:spMkLst>
            <pc:docMk/>
            <pc:sldMk cId="2376958513" sldId="260"/>
            <ac:spMk id="2750" creationId="{268C20ED-C994-06FA-43C8-33CC0A18814B}"/>
          </ac:spMkLst>
        </pc:spChg>
        <pc:spChg chg="mod">
          <ac:chgData name="White, Alex" userId="eff6cc8c-37d8-483b-9c6c-6b27e9afa9bc" providerId="ADAL" clId="{BF04C754-5BF4-4E83-9615-DB14FA25AF8A}" dt="2023-10-12T11:37:53" v="291"/>
          <ac:spMkLst>
            <pc:docMk/>
            <pc:sldMk cId="2376958513" sldId="260"/>
            <ac:spMk id="2751" creationId="{759FF0DA-4F6A-475B-27B5-A630F3D22CEF}"/>
          </ac:spMkLst>
        </pc:spChg>
        <pc:spChg chg="mod">
          <ac:chgData name="White, Alex" userId="eff6cc8c-37d8-483b-9c6c-6b27e9afa9bc" providerId="ADAL" clId="{BF04C754-5BF4-4E83-9615-DB14FA25AF8A}" dt="2023-10-12T11:37:53" v="291"/>
          <ac:spMkLst>
            <pc:docMk/>
            <pc:sldMk cId="2376958513" sldId="260"/>
            <ac:spMk id="2752" creationId="{798898D0-73C1-A9C6-CE71-802ACACFA896}"/>
          </ac:spMkLst>
        </pc:spChg>
        <pc:spChg chg="mod">
          <ac:chgData name="White, Alex" userId="eff6cc8c-37d8-483b-9c6c-6b27e9afa9bc" providerId="ADAL" clId="{BF04C754-5BF4-4E83-9615-DB14FA25AF8A}" dt="2023-10-12T11:37:53" v="291"/>
          <ac:spMkLst>
            <pc:docMk/>
            <pc:sldMk cId="2376958513" sldId="260"/>
            <ac:spMk id="2753" creationId="{E832FFD9-531C-F730-6386-CD6DE36CE3B6}"/>
          </ac:spMkLst>
        </pc:spChg>
        <pc:spChg chg="mod">
          <ac:chgData name="White, Alex" userId="eff6cc8c-37d8-483b-9c6c-6b27e9afa9bc" providerId="ADAL" clId="{BF04C754-5BF4-4E83-9615-DB14FA25AF8A}" dt="2023-10-12T11:37:53" v="291"/>
          <ac:spMkLst>
            <pc:docMk/>
            <pc:sldMk cId="2376958513" sldId="260"/>
            <ac:spMk id="2754" creationId="{BAF3650C-86B0-E84F-5DB6-821EBAB243EB}"/>
          </ac:spMkLst>
        </pc:spChg>
        <pc:spChg chg="mod">
          <ac:chgData name="White, Alex" userId="eff6cc8c-37d8-483b-9c6c-6b27e9afa9bc" providerId="ADAL" clId="{BF04C754-5BF4-4E83-9615-DB14FA25AF8A}" dt="2023-10-12T11:37:53" v="291"/>
          <ac:spMkLst>
            <pc:docMk/>
            <pc:sldMk cId="2376958513" sldId="260"/>
            <ac:spMk id="2755" creationId="{220C3B26-B4B5-31FC-1DD5-76A3DAC77B7E}"/>
          </ac:spMkLst>
        </pc:spChg>
        <pc:spChg chg="mod">
          <ac:chgData name="White, Alex" userId="eff6cc8c-37d8-483b-9c6c-6b27e9afa9bc" providerId="ADAL" clId="{BF04C754-5BF4-4E83-9615-DB14FA25AF8A}" dt="2023-10-12T11:37:53" v="291"/>
          <ac:spMkLst>
            <pc:docMk/>
            <pc:sldMk cId="2376958513" sldId="260"/>
            <ac:spMk id="2756" creationId="{7D4D27D4-28FE-7008-3A56-80666FA48D70}"/>
          </ac:spMkLst>
        </pc:spChg>
        <pc:spChg chg="mod">
          <ac:chgData name="White, Alex" userId="eff6cc8c-37d8-483b-9c6c-6b27e9afa9bc" providerId="ADAL" clId="{BF04C754-5BF4-4E83-9615-DB14FA25AF8A}" dt="2023-10-12T11:37:53" v="291"/>
          <ac:spMkLst>
            <pc:docMk/>
            <pc:sldMk cId="2376958513" sldId="260"/>
            <ac:spMk id="2757" creationId="{DF103F54-D274-D3F8-FDFF-A842DB9AD8F6}"/>
          </ac:spMkLst>
        </pc:spChg>
        <pc:spChg chg="mod">
          <ac:chgData name="White, Alex" userId="eff6cc8c-37d8-483b-9c6c-6b27e9afa9bc" providerId="ADAL" clId="{BF04C754-5BF4-4E83-9615-DB14FA25AF8A}" dt="2023-10-12T11:37:53" v="291"/>
          <ac:spMkLst>
            <pc:docMk/>
            <pc:sldMk cId="2376958513" sldId="260"/>
            <ac:spMk id="2758" creationId="{1C6FAA88-D463-A576-81F9-8286B53AFBC6}"/>
          </ac:spMkLst>
        </pc:spChg>
        <pc:spChg chg="mod">
          <ac:chgData name="White, Alex" userId="eff6cc8c-37d8-483b-9c6c-6b27e9afa9bc" providerId="ADAL" clId="{BF04C754-5BF4-4E83-9615-DB14FA25AF8A}" dt="2023-10-12T11:37:53" v="291"/>
          <ac:spMkLst>
            <pc:docMk/>
            <pc:sldMk cId="2376958513" sldId="260"/>
            <ac:spMk id="2759" creationId="{79574D99-72C3-808C-4BA6-C7B0BF08633F}"/>
          </ac:spMkLst>
        </pc:spChg>
        <pc:spChg chg="mod">
          <ac:chgData name="White, Alex" userId="eff6cc8c-37d8-483b-9c6c-6b27e9afa9bc" providerId="ADAL" clId="{BF04C754-5BF4-4E83-9615-DB14FA25AF8A}" dt="2023-10-12T11:37:53" v="291"/>
          <ac:spMkLst>
            <pc:docMk/>
            <pc:sldMk cId="2376958513" sldId="260"/>
            <ac:spMk id="2760" creationId="{A6793A88-E6BA-2F6C-41D4-B8AF3C7BFE01}"/>
          </ac:spMkLst>
        </pc:spChg>
        <pc:spChg chg="mod">
          <ac:chgData name="White, Alex" userId="eff6cc8c-37d8-483b-9c6c-6b27e9afa9bc" providerId="ADAL" clId="{BF04C754-5BF4-4E83-9615-DB14FA25AF8A}" dt="2023-10-12T11:37:53" v="291"/>
          <ac:spMkLst>
            <pc:docMk/>
            <pc:sldMk cId="2376958513" sldId="260"/>
            <ac:spMk id="2761" creationId="{F1434D40-5593-53F7-182E-72E34ECB3F58}"/>
          </ac:spMkLst>
        </pc:spChg>
        <pc:spChg chg="mod">
          <ac:chgData name="White, Alex" userId="eff6cc8c-37d8-483b-9c6c-6b27e9afa9bc" providerId="ADAL" clId="{BF04C754-5BF4-4E83-9615-DB14FA25AF8A}" dt="2023-10-12T11:37:53" v="291"/>
          <ac:spMkLst>
            <pc:docMk/>
            <pc:sldMk cId="2376958513" sldId="260"/>
            <ac:spMk id="2762" creationId="{785650CD-D62D-E8C6-DA89-BF1142DF58E6}"/>
          </ac:spMkLst>
        </pc:spChg>
        <pc:spChg chg="mod">
          <ac:chgData name="White, Alex" userId="eff6cc8c-37d8-483b-9c6c-6b27e9afa9bc" providerId="ADAL" clId="{BF04C754-5BF4-4E83-9615-DB14FA25AF8A}" dt="2023-10-12T11:37:53" v="291"/>
          <ac:spMkLst>
            <pc:docMk/>
            <pc:sldMk cId="2376958513" sldId="260"/>
            <ac:spMk id="2763" creationId="{9114AC55-742D-35EB-C650-77C154094AB8}"/>
          </ac:spMkLst>
        </pc:spChg>
        <pc:spChg chg="mod">
          <ac:chgData name="White, Alex" userId="eff6cc8c-37d8-483b-9c6c-6b27e9afa9bc" providerId="ADAL" clId="{BF04C754-5BF4-4E83-9615-DB14FA25AF8A}" dt="2023-10-12T11:37:53" v="291"/>
          <ac:spMkLst>
            <pc:docMk/>
            <pc:sldMk cId="2376958513" sldId="260"/>
            <ac:spMk id="2764" creationId="{E50A1108-5315-F0B0-781D-D4E475005AE0}"/>
          </ac:spMkLst>
        </pc:spChg>
        <pc:spChg chg="mod">
          <ac:chgData name="White, Alex" userId="eff6cc8c-37d8-483b-9c6c-6b27e9afa9bc" providerId="ADAL" clId="{BF04C754-5BF4-4E83-9615-DB14FA25AF8A}" dt="2023-10-12T11:37:53" v="291"/>
          <ac:spMkLst>
            <pc:docMk/>
            <pc:sldMk cId="2376958513" sldId="260"/>
            <ac:spMk id="2765" creationId="{40DF3937-8576-46A0-985D-C86016D209DF}"/>
          </ac:spMkLst>
        </pc:spChg>
        <pc:spChg chg="mod">
          <ac:chgData name="White, Alex" userId="eff6cc8c-37d8-483b-9c6c-6b27e9afa9bc" providerId="ADAL" clId="{BF04C754-5BF4-4E83-9615-DB14FA25AF8A}" dt="2023-10-12T11:37:53" v="291"/>
          <ac:spMkLst>
            <pc:docMk/>
            <pc:sldMk cId="2376958513" sldId="260"/>
            <ac:spMk id="2766" creationId="{FCB91367-6B1C-0BEC-7B6A-7BAFF411846A}"/>
          </ac:spMkLst>
        </pc:spChg>
        <pc:spChg chg="mod">
          <ac:chgData name="White, Alex" userId="eff6cc8c-37d8-483b-9c6c-6b27e9afa9bc" providerId="ADAL" clId="{BF04C754-5BF4-4E83-9615-DB14FA25AF8A}" dt="2023-10-12T11:37:53" v="291"/>
          <ac:spMkLst>
            <pc:docMk/>
            <pc:sldMk cId="2376958513" sldId="260"/>
            <ac:spMk id="2767" creationId="{D8C1B79C-1988-7A34-9C7B-A6545B090E2A}"/>
          </ac:spMkLst>
        </pc:spChg>
        <pc:spChg chg="mod">
          <ac:chgData name="White, Alex" userId="eff6cc8c-37d8-483b-9c6c-6b27e9afa9bc" providerId="ADAL" clId="{BF04C754-5BF4-4E83-9615-DB14FA25AF8A}" dt="2023-10-12T11:37:53" v="291"/>
          <ac:spMkLst>
            <pc:docMk/>
            <pc:sldMk cId="2376958513" sldId="260"/>
            <ac:spMk id="2768" creationId="{444B2AE3-59D5-87FD-D3AF-D771D4E7C3F2}"/>
          </ac:spMkLst>
        </pc:spChg>
        <pc:spChg chg="mod">
          <ac:chgData name="White, Alex" userId="eff6cc8c-37d8-483b-9c6c-6b27e9afa9bc" providerId="ADAL" clId="{BF04C754-5BF4-4E83-9615-DB14FA25AF8A}" dt="2023-10-12T11:37:53" v="291"/>
          <ac:spMkLst>
            <pc:docMk/>
            <pc:sldMk cId="2376958513" sldId="260"/>
            <ac:spMk id="2769" creationId="{007E3E79-1EF1-5B7E-80B4-3B8073566403}"/>
          </ac:spMkLst>
        </pc:spChg>
        <pc:spChg chg="mod">
          <ac:chgData name="White, Alex" userId="eff6cc8c-37d8-483b-9c6c-6b27e9afa9bc" providerId="ADAL" clId="{BF04C754-5BF4-4E83-9615-DB14FA25AF8A}" dt="2023-10-12T11:37:53" v="291"/>
          <ac:spMkLst>
            <pc:docMk/>
            <pc:sldMk cId="2376958513" sldId="260"/>
            <ac:spMk id="2770" creationId="{D89A9667-9A21-84B7-8C3F-841930CCAB0B}"/>
          </ac:spMkLst>
        </pc:spChg>
        <pc:spChg chg="mod">
          <ac:chgData name="White, Alex" userId="eff6cc8c-37d8-483b-9c6c-6b27e9afa9bc" providerId="ADAL" clId="{BF04C754-5BF4-4E83-9615-DB14FA25AF8A}" dt="2023-10-12T11:37:53" v="291"/>
          <ac:spMkLst>
            <pc:docMk/>
            <pc:sldMk cId="2376958513" sldId="260"/>
            <ac:spMk id="2771" creationId="{FA6BE964-7875-5441-92A6-B865197DD16E}"/>
          </ac:spMkLst>
        </pc:spChg>
        <pc:spChg chg="mod">
          <ac:chgData name="White, Alex" userId="eff6cc8c-37d8-483b-9c6c-6b27e9afa9bc" providerId="ADAL" clId="{BF04C754-5BF4-4E83-9615-DB14FA25AF8A}" dt="2023-10-12T11:37:53" v="291"/>
          <ac:spMkLst>
            <pc:docMk/>
            <pc:sldMk cId="2376958513" sldId="260"/>
            <ac:spMk id="2772" creationId="{FE8BFC5D-6BD9-D86C-89CA-FB32A0F508B5}"/>
          </ac:spMkLst>
        </pc:spChg>
        <pc:spChg chg="mod">
          <ac:chgData name="White, Alex" userId="eff6cc8c-37d8-483b-9c6c-6b27e9afa9bc" providerId="ADAL" clId="{BF04C754-5BF4-4E83-9615-DB14FA25AF8A}" dt="2023-10-12T11:37:53" v="291"/>
          <ac:spMkLst>
            <pc:docMk/>
            <pc:sldMk cId="2376958513" sldId="260"/>
            <ac:spMk id="2773" creationId="{C004C242-A439-3BE5-8289-7BC183EABF07}"/>
          </ac:spMkLst>
        </pc:spChg>
        <pc:spChg chg="mod">
          <ac:chgData name="White, Alex" userId="eff6cc8c-37d8-483b-9c6c-6b27e9afa9bc" providerId="ADAL" clId="{BF04C754-5BF4-4E83-9615-DB14FA25AF8A}" dt="2023-10-12T11:37:53" v="291"/>
          <ac:spMkLst>
            <pc:docMk/>
            <pc:sldMk cId="2376958513" sldId="260"/>
            <ac:spMk id="2774" creationId="{87754F1E-1B3F-96F5-1299-335FA34B7ECF}"/>
          </ac:spMkLst>
        </pc:spChg>
        <pc:spChg chg="mod">
          <ac:chgData name="White, Alex" userId="eff6cc8c-37d8-483b-9c6c-6b27e9afa9bc" providerId="ADAL" clId="{BF04C754-5BF4-4E83-9615-DB14FA25AF8A}" dt="2023-10-12T11:37:53" v="291"/>
          <ac:spMkLst>
            <pc:docMk/>
            <pc:sldMk cId="2376958513" sldId="260"/>
            <ac:spMk id="2775" creationId="{58F10592-6E46-3E4F-094C-B4C38F6BEEA4}"/>
          </ac:spMkLst>
        </pc:spChg>
        <pc:spChg chg="mod">
          <ac:chgData name="White, Alex" userId="eff6cc8c-37d8-483b-9c6c-6b27e9afa9bc" providerId="ADAL" clId="{BF04C754-5BF4-4E83-9615-DB14FA25AF8A}" dt="2023-10-12T11:37:53" v="291"/>
          <ac:spMkLst>
            <pc:docMk/>
            <pc:sldMk cId="2376958513" sldId="260"/>
            <ac:spMk id="2776" creationId="{14E3B326-AB82-DC9D-FF55-85F5D3FDA7F0}"/>
          </ac:spMkLst>
        </pc:spChg>
        <pc:spChg chg="mod">
          <ac:chgData name="White, Alex" userId="eff6cc8c-37d8-483b-9c6c-6b27e9afa9bc" providerId="ADAL" clId="{BF04C754-5BF4-4E83-9615-DB14FA25AF8A}" dt="2023-10-12T11:37:53" v="291"/>
          <ac:spMkLst>
            <pc:docMk/>
            <pc:sldMk cId="2376958513" sldId="260"/>
            <ac:spMk id="2777" creationId="{A161F578-90CD-206C-5E7F-92E18E672531}"/>
          </ac:spMkLst>
        </pc:spChg>
        <pc:spChg chg="mod">
          <ac:chgData name="White, Alex" userId="eff6cc8c-37d8-483b-9c6c-6b27e9afa9bc" providerId="ADAL" clId="{BF04C754-5BF4-4E83-9615-DB14FA25AF8A}" dt="2023-10-12T11:37:53" v="291"/>
          <ac:spMkLst>
            <pc:docMk/>
            <pc:sldMk cId="2376958513" sldId="260"/>
            <ac:spMk id="2778" creationId="{345B7531-FB8E-6239-60E8-0CCDB918CFBD}"/>
          </ac:spMkLst>
        </pc:spChg>
        <pc:spChg chg="mod">
          <ac:chgData name="White, Alex" userId="eff6cc8c-37d8-483b-9c6c-6b27e9afa9bc" providerId="ADAL" clId="{BF04C754-5BF4-4E83-9615-DB14FA25AF8A}" dt="2023-10-12T11:37:53" v="291"/>
          <ac:spMkLst>
            <pc:docMk/>
            <pc:sldMk cId="2376958513" sldId="260"/>
            <ac:spMk id="2779" creationId="{F8770511-B71F-C026-5361-9B40C7C12E63}"/>
          </ac:spMkLst>
        </pc:spChg>
        <pc:spChg chg="mod">
          <ac:chgData name="White, Alex" userId="eff6cc8c-37d8-483b-9c6c-6b27e9afa9bc" providerId="ADAL" clId="{BF04C754-5BF4-4E83-9615-DB14FA25AF8A}" dt="2023-10-12T11:37:53" v="291"/>
          <ac:spMkLst>
            <pc:docMk/>
            <pc:sldMk cId="2376958513" sldId="260"/>
            <ac:spMk id="2780" creationId="{901C9A9E-A949-A1AA-52E6-3470DFA5D201}"/>
          </ac:spMkLst>
        </pc:spChg>
        <pc:spChg chg="mod">
          <ac:chgData name="White, Alex" userId="eff6cc8c-37d8-483b-9c6c-6b27e9afa9bc" providerId="ADAL" clId="{BF04C754-5BF4-4E83-9615-DB14FA25AF8A}" dt="2023-10-12T11:37:53" v="291"/>
          <ac:spMkLst>
            <pc:docMk/>
            <pc:sldMk cId="2376958513" sldId="260"/>
            <ac:spMk id="2781" creationId="{28C49B90-1648-A9E3-464D-CBBCF3E288BE}"/>
          </ac:spMkLst>
        </pc:spChg>
        <pc:spChg chg="mod">
          <ac:chgData name="White, Alex" userId="eff6cc8c-37d8-483b-9c6c-6b27e9afa9bc" providerId="ADAL" clId="{BF04C754-5BF4-4E83-9615-DB14FA25AF8A}" dt="2023-10-12T11:37:53" v="291"/>
          <ac:spMkLst>
            <pc:docMk/>
            <pc:sldMk cId="2376958513" sldId="260"/>
            <ac:spMk id="2782" creationId="{B69D3EAA-4BC2-2AA6-9FB2-AD9814450553}"/>
          </ac:spMkLst>
        </pc:spChg>
        <pc:spChg chg="mod">
          <ac:chgData name="White, Alex" userId="eff6cc8c-37d8-483b-9c6c-6b27e9afa9bc" providerId="ADAL" clId="{BF04C754-5BF4-4E83-9615-DB14FA25AF8A}" dt="2023-10-12T11:37:53" v="291"/>
          <ac:spMkLst>
            <pc:docMk/>
            <pc:sldMk cId="2376958513" sldId="260"/>
            <ac:spMk id="2783" creationId="{EB8B2AF8-012B-B895-0364-7F888C3D75DD}"/>
          </ac:spMkLst>
        </pc:spChg>
        <pc:spChg chg="mod">
          <ac:chgData name="White, Alex" userId="eff6cc8c-37d8-483b-9c6c-6b27e9afa9bc" providerId="ADAL" clId="{BF04C754-5BF4-4E83-9615-DB14FA25AF8A}" dt="2023-10-12T11:37:53" v="291"/>
          <ac:spMkLst>
            <pc:docMk/>
            <pc:sldMk cId="2376958513" sldId="260"/>
            <ac:spMk id="2784" creationId="{F7A8450D-4E6A-F7CA-93C5-C8E596CFE684}"/>
          </ac:spMkLst>
        </pc:spChg>
        <pc:spChg chg="mod">
          <ac:chgData name="White, Alex" userId="eff6cc8c-37d8-483b-9c6c-6b27e9afa9bc" providerId="ADAL" clId="{BF04C754-5BF4-4E83-9615-DB14FA25AF8A}" dt="2023-10-12T11:37:53" v="291"/>
          <ac:spMkLst>
            <pc:docMk/>
            <pc:sldMk cId="2376958513" sldId="260"/>
            <ac:spMk id="2785" creationId="{62703381-3F6E-3022-8631-D1BEB02C170C}"/>
          </ac:spMkLst>
        </pc:spChg>
        <pc:spChg chg="mod">
          <ac:chgData name="White, Alex" userId="eff6cc8c-37d8-483b-9c6c-6b27e9afa9bc" providerId="ADAL" clId="{BF04C754-5BF4-4E83-9615-DB14FA25AF8A}" dt="2023-10-12T11:37:53" v="291"/>
          <ac:spMkLst>
            <pc:docMk/>
            <pc:sldMk cId="2376958513" sldId="260"/>
            <ac:spMk id="2786" creationId="{57A7DEB6-447E-126F-F4ED-0CC4B2BB4116}"/>
          </ac:spMkLst>
        </pc:spChg>
        <pc:spChg chg="mod">
          <ac:chgData name="White, Alex" userId="eff6cc8c-37d8-483b-9c6c-6b27e9afa9bc" providerId="ADAL" clId="{BF04C754-5BF4-4E83-9615-DB14FA25AF8A}" dt="2023-10-12T11:37:53" v="291"/>
          <ac:spMkLst>
            <pc:docMk/>
            <pc:sldMk cId="2376958513" sldId="260"/>
            <ac:spMk id="2787" creationId="{6BED8781-26E7-2747-D38E-AB143D1A99CD}"/>
          </ac:spMkLst>
        </pc:spChg>
        <pc:spChg chg="mod">
          <ac:chgData name="White, Alex" userId="eff6cc8c-37d8-483b-9c6c-6b27e9afa9bc" providerId="ADAL" clId="{BF04C754-5BF4-4E83-9615-DB14FA25AF8A}" dt="2023-10-12T11:37:53" v="291"/>
          <ac:spMkLst>
            <pc:docMk/>
            <pc:sldMk cId="2376958513" sldId="260"/>
            <ac:spMk id="2788" creationId="{4C35A11C-FE1C-19C7-9865-A8EAD09ECE45}"/>
          </ac:spMkLst>
        </pc:spChg>
        <pc:spChg chg="mod">
          <ac:chgData name="White, Alex" userId="eff6cc8c-37d8-483b-9c6c-6b27e9afa9bc" providerId="ADAL" clId="{BF04C754-5BF4-4E83-9615-DB14FA25AF8A}" dt="2023-10-12T11:37:53" v="291"/>
          <ac:spMkLst>
            <pc:docMk/>
            <pc:sldMk cId="2376958513" sldId="260"/>
            <ac:spMk id="2789" creationId="{06F2217A-BFFD-4B47-56DB-8B9F8666C48E}"/>
          </ac:spMkLst>
        </pc:spChg>
        <pc:spChg chg="mod">
          <ac:chgData name="White, Alex" userId="eff6cc8c-37d8-483b-9c6c-6b27e9afa9bc" providerId="ADAL" clId="{BF04C754-5BF4-4E83-9615-DB14FA25AF8A}" dt="2023-10-12T11:37:53" v="291"/>
          <ac:spMkLst>
            <pc:docMk/>
            <pc:sldMk cId="2376958513" sldId="260"/>
            <ac:spMk id="2790" creationId="{57B33BF3-A701-5EE9-7ECA-7F7950B24423}"/>
          </ac:spMkLst>
        </pc:spChg>
        <pc:spChg chg="mod">
          <ac:chgData name="White, Alex" userId="eff6cc8c-37d8-483b-9c6c-6b27e9afa9bc" providerId="ADAL" clId="{BF04C754-5BF4-4E83-9615-DB14FA25AF8A}" dt="2023-10-12T11:37:53" v="291"/>
          <ac:spMkLst>
            <pc:docMk/>
            <pc:sldMk cId="2376958513" sldId="260"/>
            <ac:spMk id="2791" creationId="{4C5A6475-7E7C-82C0-2284-656EF1E7B5F8}"/>
          </ac:spMkLst>
        </pc:spChg>
        <pc:spChg chg="mod">
          <ac:chgData name="White, Alex" userId="eff6cc8c-37d8-483b-9c6c-6b27e9afa9bc" providerId="ADAL" clId="{BF04C754-5BF4-4E83-9615-DB14FA25AF8A}" dt="2023-10-12T11:37:53" v="291"/>
          <ac:spMkLst>
            <pc:docMk/>
            <pc:sldMk cId="2376958513" sldId="260"/>
            <ac:spMk id="2792" creationId="{F55E5E49-86A0-81D0-E2C2-D2000F553033}"/>
          </ac:spMkLst>
        </pc:spChg>
        <pc:spChg chg="mod">
          <ac:chgData name="White, Alex" userId="eff6cc8c-37d8-483b-9c6c-6b27e9afa9bc" providerId="ADAL" clId="{BF04C754-5BF4-4E83-9615-DB14FA25AF8A}" dt="2023-10-12T11:37:53" v="291"/>
          <ac:spMkLst>
            <pc:docMk/>
            <pc:sldMk cId="2376958513" sldId="260"/>
            <ac:spMk id="2793" creationId="{463A2671-4F94-C61A-2B13-7DE048AC0075}"/>
          </ac:spMkLst>
        </pc:spChg>
        <pc:spChg chg="mod">
          <ac:chgData name="White, Alex" userId="eff6cc8c-37d8-483b-9c6c-6b27e9afa9bc" providerId="ADAL" clId="{BF04C754-5BF4-4E83-9615-DB14FA25AF8A}" dt="2023-10-12T11:37:53" v="291"/>
          <ac:spMkLst>
            <pc:docMk/>
            <pc:sldMk cId="2376958513" sldId="260"/>
            <ac:spMk id="2794" creationId="{4D62F626-2932-F4C3-EE6F-F1493EC3BFF9}"/>
          </ac:spMkLst>
        </pc:spChg>
        <pc:spChg chg="mod">
          <ac:chgData name="White, Alex" userId="eff6cc8c-37d8-483b-9c6c-6b27e9afa9bc" providerId="ADAL" clId="{BF04C754-5BF4-4E83-9615-DB14FA25AF8A}" dt="2023-10-12T11:37:53" v="291"/>
          <ac:spMkLst>
            <pc:docMk/>
            <pc:sldMk cId="2376958513" sldId="260"/>
            <ac:spMk id="2795" creationId="{735673CE-C5D9-76EA-8BBF-3907EFF76B6C}"/>
          </ac:spMkLst>
        </pc:spChg>
        <pc:spChg chg="mod">
          <ac:chgData name="White, Alex" userId="eff6cc8c-37d8-483b-9c6c-6b27e9afa9bc" providerId="ADAL" clId="{BF04C754-5BF4-4E83-9615-DB14FA25AF8A}" dt="2023-10-12T11:37:53" v="291"/>
          <ac:spMkLst>
            <pc:docMk/>
            <pc:sldMk cId="2376958513" sldId="260"/>
            <ac:spMk id="2796" creationId="{E7C4983D-66FE-D06D-EF9F-968D6BAE75ED}"/>
          </ac:spMkLst>
        </pc:spChg>
        <pc:spChg chg="mod">
          <ac:chgData name="White, Alex" userId="eff6cc8c-37d8-483b-9c6c-6b27e9afa9bc" providerId="ADAL" clId="{BF04C754-5BF4-4E83-9615-DB14FA25AF8A}" dt="2023-10-12T11:37:53" v="291"/>
          <ac:spMkLst>
            <pc:docMk/>
            <pc:sldMk cId="2376958513" sldId="260"/>
            <ac:spMk id="2797" creationId="{3FC125F1-E842-C30A-3FB5-E4D85DB9E51C}"/>
          </ac:spMkLst>
        </pc:spChg>
        <pc:spChg chg="mod">
          <ac:chgData name="White, Alex" userId="eff6cc8c-37d8-483b-9c6c-6b27e9afa9bc" providerId="ADAL" clId="{BF04C754-5BF4-4E83-9615-DB14FA25AF8A}" dt="2023-10-12T11:37:53" v="291"/>
          <ac:spMkLst>
            <pc:docMk/>
            <pc:sldMk cId="2376958513" sldId="260"/>
            <ac:spMk id="2798" creationId="{0384E420-DE48-999E-1472-132ACF4865C1}"/>
          </ac:spMkLst>
        </pc:spChg>
        <pc:spChg chg="mod">
          <ac:chgData name="White, Alex" userId="eff6cc8c-37d8-483b-9c6c-6b27e9afa9bc" providerId="ADAL" clId="{BF04C754-5BF4-4E83-9615-DB14FA25AF8A}" dt="2023-10-12T11:37:53" v="291"/>
          <ac:spMkLst>
            <pc:docMk/>
            <pc:sldMk cId="2376958513" sldId="260"/>
            <ac:spMk id="2799" creationId="{87DCAD27-9E71-0B60-749E-D736B33F167C}"/>
          </ac:spMkLst>
        </pc:spChg>
        <pc:spChg chg="mod">
          <ac:chgData name="White, Alex" userId="eff6cc8c-37d8-483b-9c6c-6b27e9afa9bc" providerId="ADAL" clId="{BF04C754-5BF4-4E83-9615-DB14FA25AF8A}" dt="2023-10-12T11:37:53" v="291"/>
          <ac:spMkLst>
            <pc:docMk/>
            <pc:sldMk cId="2376958513" sldId="260"/>
            <ac:spMk id="2800" creationId="{8F7B6C2E-1DFF-1AFE-727A-0948579A9299}"/>
          </ac:spMkLst>
        </pc:spChg>
        <pc:spChg chg="mod">
          <ac:chgData name="White, Alex" userId="eff6cc8c-37d8-483b-9c6c-6b27e9afa9bc" providerId="ADAL" clId="{BF04C754-5BF4-4E83-9615-DB14FA25AF8A}" dt="2023-10-12T11:37:53" v="291"/>
          <ac:spMkLst>
            <pc:docMk/>
            <pc:sldMk cId="2376958513" sldId="260"/>
            <ac:spMk id="2801" creationId="{B50AF56A-1E72-3B67-FF05-3910C99EB509}"/>
          </ac:spMkLst>
        </pc:spChg>
        <pc:spChg chg="mod">
          <ac:chgData name="White, Alex" userId="eff6cc8c-37d8-483b-9c6c-6b27e9afa9bc" providerId="ADAL" clId="{BF04C754-5BF4-4E83-9615-DB14FA25AF8A}" dt="2023-10-12T11:37:53" v="291"/>
          <ac:spMkLst>
            <pc:docMk/>
            <pc:sldMk cId="2376958513" sldId="260"/>
            <ac:spMk id="2802" creationId="{FE190BF6-A92B-E787-DD93-BD65F358E613}"/>
          </ac:spMkLst>
        </pc:spChg>
        <pc:spChg chg="mod">
          <ac:chgData name="White, Alex" userId="eff6cc8c-37d8-483b-9c6c-6b27e9afa9bc" providerId="ADAL" clId="{BF04C754-5BF4-4E83-9615-DB14FA25AF8A}" dt="2023-10-12T11:37:53" v="291"/>
          <ac:spMkLst>
            <pc:docMk/>
            <pc:sldMk cId="2376958513" sldId="260"/>
            <ac:spMk id="2803" creationId="{2A23DB45-31B6-3A28-428E-35978DBA6655}"/>
          </ac:spMkLst>
        </pc:spChg>
        <pc:spChg chg="mod">
          <ac:chgData name="White, Alex" userId="eff6cc8c-37d8-483b-9c6c-6b27e9afa9bc" providerId="ADAL" clId="{BF04C754-5BF4-4E83-9615-DB14FA25AF8A}" dt="2023-10-12T11:37:53" v="291"/>
          <ac:spMkLst>
            <pc:docMk/>
            <pc:sldMk cId="2376958513" sldId="260"/>
            <ac:spMk id="2804" creationId="{BAF87EB4-B718-D435-E47F-185C46F92FEA}"/>
          </ac:spMkLst>
        </pc:spChg>
        <pc:spChg chg="mod">
          <ac:chgData name="White, Alex" userId="eff6cc8c-37d8-483b-9c6c-6b27e9afa9bc" providerId="ADAL" clId="{BF04C754-5BF4-4E83-9615-DB14FA25AF8A}" dt="2023-10-12T11:37:53" v="291"/>
          <ac:spMkLst>
            <pc:docMk/>
            <pc:sldMk cId="2376958513" sldId="260"/>
            <ac:spMk id="2805" creationId="{A03F9F90-7F77-D19D-B54D-7FF84D3EA2E8}"/>
          </ac:spMkLst>
        </pc:spChg>
        <pc:spChg chg="mod">
          <ac:chgData name="White, Alex" userId="eff6cc8c-37d8-483b-9c6c-6b27e9afa9bc" providerId="ADAL" clId="{BF04C754-5BF4-4E83-9615-DB14FA25AF8A}" dt="2023-10-12T11:37:53" v="291"/>
          <ac:spMkLst>
            <pc:docMk/>
            <pc:sldMk cId="2376958513" sldId="260"/>
            <ac:spMk id="2806" creationId="{AEECFFFB-19C3-4F74-1002-CB512772732E}"/>
          </ac:spMkLst>
        </pc:spChg>
        <pc:spChg chg="mod">
          <ac:chgData name="White, Alex" userId="eff6cc8c-37d8-483b-9c6c-6b27e9afa9bc" providerId="ADAL" clId="{BF04C754-5BF4-4E83-9615-DB14FA25AF8A}" dt="2023-10-12T11:37:53" v="291"/>
          <ac:spMkLst>
            <pc:docMk/>
            <pc:sldMk cId="2376958513" sldId="260"/>
            <ac:spMk id="2807" creationId="{8DC77D18-3DCB-5559-D3BA-4FB4CEE7E55B}"/>
          </ac:spMkLst>
        </pc:spChg>
        <pc:spChg chg="mod">
          <ac:chgData name="White, Alex" userId="eff6cc8c-37d8-483b-9c6c-6b27e9afa9bc" providerId="ADAL" clId="{BF04C754-5BF4-4E83-9615-DB14FA25AF8A}" dt="2023-10-12T11:37:53" v="291"/>
          <ac:spMkLst>
            <pc:docMk/>
            <pc:sldMk cId="2376958513" sldId="260"/>
            <ac:spMk id="2808" creationId="{BBE28E46-903C-2002-F5A1-115D082DAA3C}"/>
          </ac:spMkLst>
        </pc:spChg>
        <pc:spChg chg="mod">
          <ac:chgData name="White, Alex" userId="eff6cc8c-37d8-483b-9c6c-6b27e9afa9bc" providerId="ADAL" clId="{BF04C754-5BF4-4E83-9615-DB14FA25AF8A}" dt="2023-10-12T11:37:53" v="291"/>
          <ac:spMkLst>
            <pc:docMk/>
            <pc:sldMk cId="2376958513" sldId="260"/>
            <ac:spMk id="2809" creationId="{06A2FB1F-6CF4-3F13-CA7F-FBA49E872559}"/>
          </ac:spMkLst>
        </pc:spChg>
        <pc:spChg chg="mod">
          <ac:chgData name="White, Alex" userId="eff6cc8c-37d8-483b-9c6c-6b27e9afa9bc" providerId="ADAL" clId="{BF04C754-5BF4-4E83-9615-DB14FA25AF8A}" dt="2023-10-12T11:37:53" v="291"/>
          <ac:spMkLst>
            <pc:docMk/>
            <pc:sldMk cId="2376958513" sldId="260"/>
            <ac:spMk id="2810" creationId="{339EF1A6-92C0-1959-E435-A4C9688FCE7F}"/>
          </ac:spMkLst>
        </pc:spChg>
        <pc:spChg chg="mod">
          <ac:chgData name="White, Alex" userId="eff6cc8c-37d8-483b-9c6c-6b27e9afa9bc" providerId="ADAL" clId="{BF04C754-5BF4-4E83-9615-DB14FA25AF8A}" dt="2023-10-12T11:37:53" v="291"/>
          <ac:spMkLst>
            <pc:docMk/>
            <pc:sldMk cId="2376958513" sldId="260"/>
            <ac:spMk id="2811" creationId="{32023190-5CE1-24A6-6608-333AF395933E}"/>
          </ac:spMkLst>
        </pc:spChg>
        <pc:spChg chg="mod">
          <ac:chgData name="White, Alex" userId="eff6cc8c-37d8-483b-9c6c-6b27e9afa9bc" providerId="ADAL" clId="{BF04C754-5BF4-4E83-9615-DB14FA25AF8A}" dt="2023-10-12T11:37:53" v="291"/>
          <ac:spMkLst>
            <pc:docMk/>
            <pc:sldMk cId="2376958513" sldId="260"/>
            <ac:spMk id="2812" creationId="{08230098-D1FE-BE46-3605-8E27FF05D53C}"/>
          </ac:spMkLst>
        </pc:spChg>
        <pc:spChg chg="mod">
          <ac:chgData name="White, Alex" userId="eff6cc8c-37d8-483b-9c6c-6b27e9afa9bc" providerId="ADAL" clId="{BF04C754-5BF4-4E83-9615-DB14FA25AF8A}" dt="2023-10-12T11:37:53" v="291"/>
          <ac:spMkLst>
            <pc:docMk/>
            <pc:sldMk cId="2376958513" sldId="260"/>
            <ac:spMk id="2813" creationId="{139C996D-3731-69B2-2AFE-50FB9A6C7474}"/>
          </ac:spMkLst>
        </pc:spChg>
        <pc:spChg chg="mod">
          <ac:chgData name="White, Alex" userId="eff6cc8c-37d8-483b-9c6c-6b27e9afa9bc" providerId="ADAL" clId="{BF04C754-5BF4-4E83-9615-DB14FA25AF8A}" dt="2023-10-12T11:37:53" v="291"/>
          <ac:spMkLst>
            <pc:docMk/>
            <pc:sldMk cId="2376958513" sldId="260"/>
            <ac:spMk id="2814" creationId="{01408D9C-FEAF-5D20-B5E4-E105AC96E9F3}"/>
          </ac:spMkLst>
        </pc:spChg>
        <pc:spChg chg="mod">
          <ac:chgData name="White, Alex" userId="eff6cc8c-37d8-483b-9c6c-6b27e9afa9bc" providerId="ADAL" clId="{BF04C754-5BF4-4E83-9615-DB14FA25AF8A}" dt="2023-10-12T11:37:53" v="291"/>
          <ac:spMkLst>
            <pc:docMk/>
            <pc:sldMk cId="2376958513" sldId="260"/>
            <ac:spMk id="2815" creationId="{7C3BB5D5-951C-4266-777B-2A04F34D8C9A}"/>
          </ac:spMkLst>
        </pc:spChg>
        <pc:spChg chg="mod">
          <ac:chgData name="White, Alex" userId="eff6cc8c-37d8-483b-9c6c-6b27e9afa9bc" providerId="ADAL" clId="{BF04C754-5BF4-4E83-9615-DB14FA25AF8A}" dt="2023-10-12T11:37:53" v="291"/>
          <ac:spMkLst>
            <pc:docMk/>
            <pc:sldMk cId="2376958513" sldId="260"/>
            <ac:spMk id="2816" creationId="{8AC62EF4-CE86-0FFD-E1A1-3824822CA103}"/>
          </ac:spMkLst>
        </pc:spChg>
        <pc:spChg chg="mod">
          <ac:chgData name="White, Alex" userId="eff6cc8c-37d8-483b-9c6c-6b27e9afa9bc" providerId="ADAL" clId="{BF04C754-5BF4-4E83-9615-DB14FA25AF8A}" dt="2023-10-12T11:37:53" v="291"/>
          <ac:spMkLst>
            <pc:docMk/>
            <pc:sldMk cId="2376958513" sldId="260"/>
            <ac:spMk id="2817" creationId="{725A0BAF-718C-A6EF-3D8F-4CD82D6DAFBF}"/>
          </ac:spMkLst>
        </pc:spChg>
        <pc:spChg chg="mod">
          <ac:chgData name="White, Alex" userId="eff6cc8c-37d8-483b-9c6c-6b27e9afa9bc" providerId="ADAL" clId="{BF04C754-5BF4-4E83-9615-DB14FA25AF8A}" dt="2023-10-12T11:37:53" v="291"/>
          <ac:spMkLst>
            <pc:docMk/>
            <pc:sldMk cId="2376958513" sldId="260"/>
            <ac:spMk id="2818" creationId="{9051D47C-F066-0D2A-7814-722E8A0A89DD}"/>
          </ac:spMkLst>
        </pc:spChg>
        <pc:spChg chg="mod">
          <ac:chgData name="White, Alex" userId="eff6cc8c-37d8-483b-9c6c-6b27e9afa9bc" providerId="ADAL" clId="{BF04C754-5BF4-4E83-9615-DB14FA25AF8A}" dt="2023-10-12T11:37:53" v="291"/>
          <ac:spMkLst>
            <pc:docMk/>
            <pc:sldMk cId="2376958513" sldId="260"/>
            <ac:spMk id="2819" creationId="{F1A1A9BE-44DD-DF46-CC61-35AB5BAF82FE}"/>
          </ac:spMkLst>
        </pc:spChg>
        <pc:spChg chg="mod">
          <ac:chgData name="White, Alex" userId="eff6cc8c-37d8-483b-9c6c-6b27e9afa9bc" providerId="ADAL" clId="{BF04C754-5BF4-4E83-9615-DB14FA25AF8A}" dt="2023-10-12T11:37:53" v="291"/>
          <ac:spMkLst>
            <pc:docMk/>
            <pc:sldMk cId="2376958513" sldId="260"/>
            <ac:spMk id="2820" creationId="{6E053320-4A1B-02AD-EA14-F889BD20CEB7}"/>
          </ac:spMkLst>
        </pc:spChg>
        <pc:spChg chg="mod">
          <ac:chgData name="White, Alex" userId="eff6cc8c-37d8-483b-9c6c-6b27e9afa9bc" providerId="ADAL" clId="{BF04C754-5BF4-4E83-9615-DB14FA25AF8A}" dt="2023-10-12T11:37:53" v="291"/>
          <ac:spMkLst>
            <pc:docMk/>
            <pc:sldMk cId="2376958513" sldId="260"/>
            <ac:spMk id="2821" creationId="{7F30AB2E-929F-4C43-11BB-1B7D05ED56BC}"/>
          </ac:spMkLst>
        </pc:spChg>
        <pc:spChg chg="mod">
          <ac:chgData name="White, Alex" userId="eff6cc8c-37d8-483b-9c6c-6b27e9afa9bc" providerId="ADAL" clId="{BF04C754-5BF4-4E83-9615-DB14FA25AF8A}" dt="2023-10-12T11:37:53" v="291"/>
          <ac:spMkLst>
            <pc:docMk/>
            <pc:sldMk cId="2376958513" sldId="260"/>
            <ac:spMk id="2822" creationId="{FD34F5AE-CAC0-6350-AC39-E46E5938D98E}"/>
          </ac:spMkLst>
        </pc:spChg>
        <pc:spChg chg="mod">
          <ac:chgData name="White, Alex" userId="eff6cc8c-37d8-483b-9c6c-6b27e9afa9bc" providerId="ADAL" clId="{BF04C754-5BF4-4E83-9615-DB14FA25AF8A}" dt="2023-10-12T11:37:53" v="291"/>
          <ac:spMkLst>
            <pc:docMk/>
            <pc:sldMk cId="2376958513" sldId="260"/>
            <ac:spMk id="2823" creationId="{4F779591-EEA9-22C7-A26A-5EB25DB612BA}"/>
          </ac:spMkLst>
        </pc:spChg>
        <pc:spChg chg="mod">
          <ac:chgData name="White, Alex" userId="eff6cc8c-37d8-483b-9c6c-6b27e9afa9bc" providerId="ADAL" clId="{BF04C754-5BF4-4E83-9615-DB14FA25AF8A}" dt="2023-10-12T11:37:53" v="291"/>
          <ac:spMkLst>
            <pc:docMk/>
            <pc:sldMk cId="2376958513" sldId="260"/>
            <ac:spMk id="2824" creationId="{070A8EE6-4F04-47FF-B2F2-D282D8266ACB}"/>
          </ac:spMkLst>
        </pc:spChg>
        <pc:spChg chg="mod">
          <ac:chgData name="White, Alex" userId="eff6cc8c-37d8-483b-9c6c-6b27e9afa9bc" providerId="ADAL" clId="{BF04C754-5BF4-4E83-9615-DB14FA25AF8A}" dt="2023-10-12T11:37:53" v="291"/>
          <ac:spMkLst>
            <pc:docMk/>
            <pc:sldMk cId="2376958513" sldId="260"/>
            <ac:spMk id="2825" creationId="{1E6B1D58-670C-231A-D500-9FA06513551F}"/>
          </ac:spMkLst>
        </pc:spChg>
        <pc:spChg chg="mod">
          <ac:chgData name="White, Alex" userId="eff6cc8c-37d8-483b-9c6c-6b27e9afa9bc" providerId="ADAL" clId="{BF04C754-5BF4-4E83-9615-DB14FA25AF8A}" dt="2023-10-12T11:37:53" v="291"/>
          <ac:spMkLst>
            <pc:docMk/>
            <pc:sldMk cId="2376958513" sldId="260"/>
            <ac:spMk id="2826" creationId="{3B912DC8-4348-432E-E12E-058489EB64D8}"/>
          </ac:spMkLst>
        </pc:spChg>
        <pc:spChg chg="mod">
          <ac:chgData name="White, Alex" userId="eff6cc8c-37d8-483b-9c6c-6b27e9afa9bc" providerId="ADAL" clId="{BF04C754-5BF4-4E83-9615-DB14FA25AF8A}" dt="2023-10-12T11:37:53" v="291"/>
          <ac:spMkLst>
            <pc:docMk/>
            <pc:sldMk cId="2376958513" sldId="260"/>
            <ac:spMk id="2827" creationId="{8C12DF4A-8AA5-4B80-E5A9-8ABC87D8F2BC}"/>
          </ac:spMkLst>
        </pc:spChg>
        <pc:spChg chg="mod">
          <ac:chgData name="White, Alex" userId="eff6cc8c-37d8-483b-9c6c-6b27e9afa9bc" providerId="ADAL" clId="{BF04C754-5BF4-4E83-9615-DB14FA25AF8A}" dt="2023-10-12T11:37:53" v="291"/>
          <ac:spMkLst>
            <pc:docMk/>
            <pc:sldMk cId="2376958513" sldId="260"/>
            <ac:spMk id="2828" creationId="{9446DE3A-7C37-3794-A4D4-52B3271243E3}"/>
          </ac:spMkLst>
        </pc:spChg>
        <pc:spChg chg="mod">
          <ac:chgData name="White, Alex" userId="eff6cc8c-37d8-483b-9c6c-6b27e9afa9bc" providerId="ADAL" clId="{BF04C754-5BF4-4E83-9615-DB14FA25AF8A}" dt="2023-10-12T11:37:53" v="291"/>
          <ac:spMkLst>
            <pc:docMk/>
            <pc:sldMk cId="2376958513" sldId="260"/>
            <ac:spMk id="2829" creationId="{F98004C8-9A74-8465-AAD7-643E6FA79C69}"/>
          </ac:spMkLst>
        </pc:spChg>
        <pc:spChg chg="mod">
          <ac:chgData name="White, Alex" userId="eff6cc8c-37d8-483b-9c6c-6b27e9afa9bc" providerId="ADAL" clId="{BF04C754-5BF4-4E83-9615-DB14FA25AF8A}" dt="2023-10-12T11:37:53" v="291"/>
          <ac:spMkLst>
            <pc:docMk/>
            <pc:sldMk cId="2376958513" sldId="260"/>
            <ac:spMk id="2830" creationId="{D694EA94-2972-1ACA-5C46-30B220E15CF7}"/>
          </ac:spMkLst>
        </pc:spChg>
        <pc:spChg chg="mod">
          <ac:chgData name="White, Alex" userId="eff6cc8c-37d8-483b-9c6c-6b27e9afa9bc" providerId="ADAL" clId="{BF04C754-5BF4-4E83-9615-DB14FA25AF8A}" dt="2023-10-12T11:37:53" v="291"/>
          <ac:spMkLst>
            <pc:docMk/>
            <pc:sldMk cId="2376958513" sldId="260"/>
            <ac:spMk id="2831" creationId="{2946A6AD-3D6A-EC23-6EAF-1C113D2C9A2E}"/>
          </ac:spMkLst>
        </pc:spChg>
        <pc:spChg chg="mod">
          <ac:chgData name="White, Alex" userId="eff6cc8c-37d8-483b-9c6c-6b27e9afa9bc" providerId="ADAL" clId="{BF04C754-5BF4-4E83-9615-DB14FA25AF8A}" dt="2023-10-12T11:37:53" v="291"/>
          <ac:spMkLst>
            <pc:docMk/>
            <pc:sldMk cId="2376958513" sldId="260"/>
            <ac:spMk id="2832" creationId="{59B15C2F-BCD4-CC90-0EAC-0E96FB973019}"/>
          </ac:spMkLst>
        </pc:spChg>
        <pc:spChg chg="mod">
          <ac:chgData name="White, Alex" userId="eff6cc8c-37d8-483b-9c6c-6b27e9afa9bc" providerId="ADAL" clId="{BF04C754-5BF4-4E83-9615-DB14FA25AF8A}" dt="2023-10-12T11:37:53" v="291"/>
          <ac:spMkLst>
            <pc:docMk/>
            <pc:sldMk cId="2376958513" sldId="260"/>
            <ac:spMk id="2833" creationId="{12656A3D-9ADA-F15A-1200-F6EBE80F2B2A}"/>
          </ac:spMkLst>
        </pc:spChg>
        <pc:spChg chg="mod">
          <ac:chgData name="White, Alex" userId="eff6cc8c-37d8-483b-9c6c-6b27e9afa9bc" providerId="ADAL" clId="{BF04C754-5BF4-4E83-9615-DB14FA25AF8A}" dt="2023-10-12T11:37:53" v="291"/>
          <ac:spMkLst>
            <pc:docMk/>
            <pc:sldMk cId="2376958513" sldId="260"/>
            <ac:spMk id="2834" creationId="{89F9DE66-FCA2-6CC8-F392-CFC1450DAE3B}"/>
          </ac:spMkLst>
        </pc:spChg>
        <pc:spChg chg="mod">
          <ac:chgData name="White, Alex" userId="eff6cc8c-37d8-483b-9c6c-6b27e9afa9bc" providerId="ADAL" clId="{BF04C754-5BF4-4E83-9615-DB14FA25AF8A}" dt="2023-10-12T11:37:53" v="291"/>
          <ac:spMkLst>
            <pc:docMk/>
            <pc:sldMk cId="2376958513" sldId="260"/>
            <ac:spMk id="2835" creationId="{4CF0C0A7-8182-7178-3346-170B5790A437}"/>
          </ac:spMkLst>
        </pc:spChg>
        <pc:spChg chg="mod">
          <ac:chgData name="White, Alex" userId="eff6cc8c-37d8-483b-9c6c-6b27e9afa9bc" providerId="ADAL" clId="{BF04C754-5BF4-4E83-9615-DB14FA25AF8A}" dt="2023-10-12T11:37:53" v="291"/>
          <ac:spMkLst>
            <pc:docMk/>
            <pc:sldMk cId="2376958513" sldId="260"/>
            <ac:spMk id="2836" creationId="{E487E7AC-2B2A-894D-D6EA-B6BA88E52A59}"/>
          </ac:spMkLst>
        </pc:spChg>
        <pc:spChg chg="mod">
          <ac:chgData name="White, Alex" userId="eff6cc8c-37d8-483b-9c6c-6b27e9afa9bc" providerId="ADAL" clId="{BF04C754-5BF4-4E83-9615-DB14FA25AF8A}" dt="2023-10-12T11:37:53" v="291"/>
          <ac:spMkLst>
            <pc:docMk/>
            <pc:sldMk cId="2376958513" sldId="260"/>
            <ac:spMk id="2837" creationId="{B789D199-27BF-3CA0-3E9C-0BA3CBA91FE2}"/>
          </ac:spMkLst>
        </pc:spChg>
        <pc:spChg chg="mod">
          <ac:chgData name="White, Alex" userId="eff6cc8c-37d8-483b-9c6c-6b27e9afa9bc" providerId="ADAL" clId="{BF04C754-5BF4-4E83-9615-DB14FA25AF8A}" dt="2023-10-12T11:37:53" v="291"/>
          <ac:spMkLst>
            <pc:docMk/>
            <pc:sldMk cId="2376958513" sldId="260"/>
            <ac:spMk id="2838" creationId="{C5CEC50C-8E83-EA48-9F7D-AE5AE125C6B9}"/>
          </ac:spMkLst>
        </pc:spChg>
        <pc:spChg chg="mod">
          <ac:chgData name="White, Alex" userId="eff6cc8c-37d8-483b-9c6c-6b27e9afa9bc" providerId="ADAL" clId="{BF04C754-5BF4-4E83-9615-DB14FA25AF8A}" dt="2023-10-12T11:37:53" v="291"/>
          <ac:spMkLst>
            <pc:docMk/>
            <pc:sldMk cId="2376958513" sldId="260"/>
            <ac:spMk id="2839" creationId="{50E5FDC2-E3C4-DB70-14FB-0ABF1A6DA25F}"/>
          </ac:spMkLst>
        </pc:spChg>
        <pc:spChg chg="mod">
          <ac:chgData name="White, Alex" userId="eff6cc8c-37d8-483b-9c6c-6b27e9afa9bc" providerId="ADAL" clId="{BF04C754-5BF4-4E83-9615-DB14FA25AF8A}" dt="2023-10-12T11:37:53" v="291"/>
          <ac:spMkLst>
            <pc:docMk/>
            <pc:sldMk cId="2376958513" sldId="260"/>
            <ac:spMk id="2840" creationId="{82AFFC13-35B8-0891-5FF9-0F2BE6A80878}"/>
          </ac:spMkLst>
        </pc:spChg>
        <pc:spChg chg="mod">
          <ac:chgData name="White, Alex" userId="eff6cc8c-37d8-483b-9c6c-6b27e9afa9bc" providerId="ADAL" clId="{BF04C754-5BF4-4E83-9615-DB14FA25AF8A}" dt="2023-10-12T11:37:53" v="291"/>
          <ac:spMkLst>
            <pc:docMk/>
            <pc:sldMk cId="2376958513" sldId="260"/>
            <ac:spMk id="2841" creationId="{05996F7D-15A1-CFEA-EA02-16F9AE38E3D7}"/>
          </ac:spMkLst>
        </pc:spChg>
        <pc:spChg chg="mod">
          <ac:chgData name="White, Alex" userId="eff6cc8c-37d8-483b-9c6c-6b27e9afa9bc" providerId="ADAL" clId="{BF04C754-5BF4-4E83-9615-DB14FA25AF8A}" dt="2023-10-12T11:37:53" v="291"/>
          <ac:spMkLst>
            <pc:docMk/>
            <pc:sldMk cId="2376958513" sldId="260"/>
            <ac:spMk id="2842" creationId="{3834192E-352A-57E8-A642-56E296BD19AD}"/>
          </ac:spMkLst>
        </pc:spChg>
        <pc:spChg chg="mod">
          <ac:chgData name="White, Alex" userId="eff6cc8c-37d8-483b-9c6c-6b27e9afa9bc" providerId="ADAL" clId="{BF04C754-5BF4-4E83-9615-DB14FA25AF8A}" dt="2023-10-12T11:37:53" v="291"/>
          <ac:spMkLst>
            <pc:docMk/>
            <pc:sldMk cId="2376958513" sldId="260"/>
            <ac:spMk id="2843" creationId="{4A0B2993-6DB1-6956-F534-384E5A1C743F}"/>
          </ac:spMkLst>
        </pc:spChg>
        <pc:spChg chg="mod">
          <ac:chgData name="White, Alex" userId="eff6cc8c-37d8-483b-9c6c-6b27e9afa9bc" providerId="ADAL" clId="{BF04C754-5BF4-4E83-9615-DB14FA25AF8A}" dt="2023-10-12T11:37:53" v="291"/>
          <ac:spMkLst>
            <pc:docMk/>
            <pc:sldMk cId="2376958513" sldId="260"/>
            <ac:spMk id="2844" creationId="{9E94FBBC-85E8-15D8-8D88-25EB8C1B52B3}"/>
          </ac:spMkLst>
        </pc:spChg>
        <pc:spChg chg="mod">
          <ac:chgData name="White, Alex" userId="eff6cc8c-37d8-483b-9c6c-6b27e9afa9bc" providerId="ADAL" clId="{BF04C754-5BF4-4E83-9615-DB14FA25AF8A}" dt="2023-10-12T11:37:53" v="291"/>
          <ac:spMkLst>
            <pc:docMk/>
            <pc:sldMk cId="2376958513" sldId="260"/>
            <ac:spMk id="2845" creationId="{815DA0F5-649E-4FD5-ED71-998D3F5D902C}"/>
          </ac:spMkLst>
        </pc:spChg>
        <pc:spChg chg="mod">
          <ac:chgData name="White, Alex" userId="eff6cc8c-37d8-483b-9c6c-6b27e9afa9bc" providerId="ADAL" clId="{BF04C754-5BF4-4E83-9615-DB14FA25AF8A}" dt="2023-10-12T11:37:53" v="291"/>
          <ac:spMkLst>
            <pc:docMk/>
            <pc:sldMk cId="2376958513" sldId="260"/>
            <ac:spMk id="2846" creationId="{017E695E-652E-7549-C918-1666ECE53AEE}"/>
          </ac:spMkLst>
        </pc:spChg>
        <pc:spChg chg="mod">
          <ac:chgData name="White, Alex" userId="eff6cc8c-37d8-483b-9c6c-6b27e9afa9bc" providerId="ADAL" clId="{BF04C754-5BF4-4E83-9615-DB14FA25AF8A}" dt="2023-10-12T11:37:53" v="291"/>
          <ac:spMkLst>
            <pc:docMk/>
            <pc:sldMk cId="2376958513" sldId="260"/>
            <ac:spMk id="2847" creationId="{C2E05E4B-3FDB-DD75-4561-1D851CB479E5}"/>
          </ac:spMkLst>
        </pc:spChg>
        <pc:spChg chg="mod">
          <ac:chgData name="White, Alex" userId="eff6cc8c-37d8-483b-9c6c-6b27e9afa9bc" providerId="ADAL" clId="{BF04C754-5BF4-4E83-9615-DB14FA25AF8A}" dt="2023-10-12T11:37:53" v="291"/>
          <ac:spMkLst>
            <pc:docMk/>
            <pc:sldMk cId="2376958513" sldId="260"/>
            <ac:spMk id="2848" creationId="{48925390-70A3-4B63-F026-41BF5A9C4DC0}"/>
          </ac:spMkLst>
        </pc:spChg>
        <pc:spChg chg="mod">
          <ac:chgData name="White, Alex" userId="eff6cc8c-37d8-483b-9c6c-6b27e9afa9bc" providerId="ADAL" clId="{BF04C754-5BF4-4E83-9615-DB14FA25AF8A}" dt="2023-10-12T11:37:53" v="291"/>
          <ac:spMkLst>
            <pc:docMk/>
            <pc:sldMk cId="2376958513" sldId="260"/>
            <ac:spMk id="2849" creationId="{48212882-6D85-400B-1D8A-964882FDD75F}"/>
          </ac:spMkLst>
        </pc:spChg>
        <pc:spChg chg="mod">
          <ac:chgData name="White, Alex" userId="eff6cc8c-37d8-483b-9c6c-6b27e9afa9bc" providerId="ADAL" clId="{BF04C754-5BF4-4E83-9615-DB14FA25AF8A}" dt="2023-10-12T11:37:53" v="291"/>
          <ac:spMkLst>
            <pc:docMk/>
            <pc:sldMk cId="2376958513" sldId="260"/>
            <ac:spMk id="2850" creationId="{DAF75345-B31A-1CB1-38EA-419AC72E51DD}"/>
          </ac:spMkLst>
        </pc:spChg>
        <pc:spChg chg="mod">
          <ac:chgData name="White, Alex" userId="eff6cc8c-37d8-483b-9c6c-6b27e9afa9bc" providerId="ADAL" clId="{BF04C754-5BF4-4E83-9615-DB14FA25AF8A}" dt="2023-10-12T11:37:53" v="291"/>
          <ac:spMkLst>
            <pc:docMk/>
            <pc:sldMk cId="2376958513" sldId="260"/>
            <ac:spMk id="2851" creationId="{131CCE38-23EA-9149-2225-4C76AA532473}"/>
          </ac:spMkLst>
        </pc:spChg>
        <pc:spChg chg="mod">
          <ac:chgData name="White, Alex" userId="eff6cc8c-37d8-483b-9c6c-6b27e9afa9bc" providerId="ADAL" clId="{BF04C754-5BF4-4E83-9615-DB14FA25AF8A}" dt="2023-10-12T11:37:53" v="291"/>
          <ac:spMkLst>
            <pc:docMk/>
            <pc:sldMk cId="2376958513" sldId="260"/>
            <ac:spMk id="2852" creationId="{86A0C852-747B-C75D-A70A-2A095D907F92}"/>
          </ac:spMkLst>
        </pc:spChg>
        <pc:spChg chg="mod">
          <ac:chgData name="White, Alex" userId="eff6cc8c-37d8-483b-9c6c-6b27e9afa9bc" providerId="ADAL" clId="{BF04C754-5BF4-4E83-9615-DB14FA25AF8A}" dt="2023-10-12T11:37:53" v="291"/>
          <ac:spMkLst>
            <pc:docMk/>
            <pc:sldMk cId="2376958513" sldId="260"/>
            <ac:spMk id="2853" creationId="{7415B6DE-9943-5451-C45A-80F6F1F6B9F6}"/>
          </ac:spMkLst>
        </pc:spChg>
        <pc:spChg chg="mod">
          <ac:chgData name="White, Alex" userId="eff6cc8c-37d8-483b-9c6c-6b27e9afa9bc" providerId="ADAL" clId="{BF04C754-5BF4-4E83-9615-DB14FA25AF8A}" dt="2023-10-12T11:37:53" v="291"/>
          <ac:spMkLst>
            <pc:docMk/>
            <pc:sldMk cId="2376958513" sldId="260"/>
            <ac:spMk id="2854" creationId="{E1445C5B-6D6D-8D59-F7DA-376AEF6E1E74}"/>
          </ac:spMkLst>
        </pc:spChg>
        <pc:spChg chg="mod">
          <ac:chgData name="White, Alex" userId="eff6cc8c-37d8-483b-9c6c-6b27e9afa9bc" providerId="ADAL" clId="{BF04C754-5BF4-4E83-9615-DB14FA25AF8A}" dt="2023-10-12T11:37:53" v="291"/>
          <ac:spMkLst>
            <pc:docMk/>
            <pc:sldMk cId="2376958513" sldId="260"/>
            <ac:spMk id="2855" creationId="{71570AB1-D17F-D49A-B931-261C7867F915}"/>
          </ac:spMkLst>
        </pc:spChg>
        <pc:spChg chg="mod">
          <ac:chgData name="White, Alex" userId="eff6cc8c-37d8-483b-9c6c-6b27e9afa9bc" providerId="ADAL" clId="{BF04C754-5BF4-4E83-9615-DB14FA25AF8A}" dt="2023-10-12T11:37:53" v="291"/>
          <ac:spMkLst>
            <pc:docMk/>
            <pc:sldMk cId="2376958513" sldId="260"/>
            <ac:spMk id="2856" creationId="{168B0D9F-483B-CC07-E2D8-3501B5569720}"/>
          </ac:spMkLst>
        </pc:spChg>
        <pc:spChg chg="mod">
          <ac:chgData name="White, Alex" userId="eff6cc8c-37d8-483b-9c6c-6b27e9afa9bc" providerId="ADAL" clId="{BF04C754-5BF4-4E83-9615-DB14FA25AF8A}" dt="2023-10-12T11:37:53" v="291"/>
          <ac:spMkLst>
            <pc:docMk/>
            <pc:sldMk cId="2376958513" sldId="260"/>
            <ac:spMk id="2857" creationId="{76F4BC09-9401-184D-3E9E-9952B3408D78}"/>
          </ac:spMkLst>
        </pc:spChg>
        <pc:spChg chg="mod">
          <ac:chgData name="White, Alex" userId="eff6cc8c-37d8-483b-9c6c-6b27e9afa9bc" providerId="ADAL" clId="{BF04C754-5BF4-4E83-9615-DB14FA25AF8A}" dt="2023-10-12T11:37:53" v="291"/>
          <ac:spMkLst>
            <pc:docMk/>
            <pc:sldMk cId="2376958513" sldId="260"/>
            <ac:spMk id="2858" creationId="{94BB5D86-6338-CC0B-CE6D-9ABA336BF41D}"/>
          </ac:spMkLst>
        </pc:spChg>
        <pc:spChg chg="mod">
          <ac:chgData name="White, Alex" userId="eff6cc8c-37d8-483b-9c6c-6b27e9afa9bc" providerId="ADAL" clId="{BF04C754-5BF4-4E83-9615-DB14FA25AF8A}" dt="2023-10-12T11:37:53" v="291"/>
          <ac:spMkLst>
            <pc:docMk/>
            <pc:sldMk cId="2376958513" sldId="260"/>
            <ac:spMk id="2859" creationId="{34CCF03A-1176-24DC-50F1-ECE828D458CA}"/>
          </ac:spMkLst>
        </pc:spChg>
        <pc:spChg chg="mod">
          <ac:chgData name="White, Alex" userId="eff6cc8c-37d8-483b-9c6c-6b27e9afa9bc" providerId="ADAL" clId="{BF04C754-5BF4-4E83-9615-DB14FA25AF8A}" dt="2023-10-12T11:37:53" v="291"/>
          <ac:spMkLst>
            <pc:docMk/>
            <pc:sldMk cId="2376958513" sldId="260"/>
            <ac:spMk id="2860" creationId="{031E4E03-7BD1-107B-4358-54C897583431}"/>
          </ac:spMkLst>
        </pc:spChg>
        <pc:spChg chg="mod">
          <ac:chgData name="White, Alex" userId="eff6cc8c-37d8-483b-9c6c-6b27e9afa9bc" providerId="ADAL" clId="{BF04C754-5BF4-4E83-9615-DB14FA25AF8A}" dt="2023-10-12T11:37:53" v="291"/>
          <ac:spMkLst>
            <pc:docMk/>
            <pc:sldMk cId="2376958513" sldId="260"/>
            <ac:spMk id="2861" creationId="{DFDDC929-3E92-0714-44C5-41A5B30B42C3}"/>
          </ac:spMkLst>
        </pc:spChg>
        <pc:spChg chg="mod">
          <ac:chgData name="White, Alex" userId="eff6cc8c-37d8-483b-9c6c-6b27e9afa9bc" providerId="ADAL" clId="{BF04C754-5BF4-4E83-9615-DB14FA25AF8A}" dt="2023-10-12T11:37:53" v="291"/>
          <ac:spMkLst>
            <pc:docMk/>
            <pc:sldMk cId="2376958513" sldId="260"/>
            <ac:spMk id="2862" creationId="{950A7825-B597-019F-B441-7015696A70F5}"/>
          </ac:spMkLst>
        </pc:spChg>
        <pc:spChg chg="mod">
          <ac:chgData name="White, Alex" userId="eff6cc8c-37d8-483b-9c6c-6b27e9afa9bc" providerId="ADAL" clId="{BF04C754-5BF4-4E83-9615-DB14FA25AF8A}" dt="2023-10-12T11:37:53" v="291"/>
          <ac:spMkLst>
            <pc:docMk/>
            <pc:sldMk cId="2376958513" sldId="260"/>
            <ac:spMk id="2863" creationId="{DD8ACAD2-EF8C-81A2-1C3E-77D57BD590E7}"/>
          </ac:spMkLst>
        </pc:spChg>
        <pc:spChg chg="mod">
          <ac:chgData name="White, Alex" userId="eff6cc8c-37d8-483b-9c6c-6b27e9afa9bc" providerId="ADAL" clId="{BF04C754-5BF4-4E83-9615-DB14FA25AF8A}" dt="2023-10-12T11:37:53" v="291"/>
          <ac:spMkLst>
            <pc:docMk/>
            <pc:sldMk cId="2376958513" sldId="260"/>
            <ac:spMk id="2864" creationId="{77C10862-D5DC-CB94-995C-B9F03E055D9F}"/>
          </ac:spMkLst>
        </pc:spChg>
        <pc:spChg chg="mod">
          <ac:chgData name="White, Alex" userId="eff6cc8c-37d8-483b-9c6c-6b27e9afa9bc" providerId="ADAL" clId="{BF04C754-5BF4-4E83-9615-DB14FA25AF8A}" dt="2023-10-12T11:37:53" v="291"/>
          <ac:spMkLst>
            <pc:docMk/>
            <pc:sldMk cId="2376958513" sldId="260"/>
            <ac:spMk id="2865" creationId="{86A68204-1B86-A406-CC99-B4EABAFC9739}"/>
          </ac:spMkLst>
        </pc:spChg>
        <pc:spChg chg="mod">
          <ac:chgData name="White, Alex" userId="eff6cc8c-37d8-483b-9c6c-6b27e9afa9bc" providerId="ADAL" clId="{BF04C754-5BF4-4E83-9615-DB14FA25AF8A}" dt="2023-10-12T11:37:53" v="291"/>
          <ac:spMkLst>
            <pc:docMk/>
            <pc:sldMk cId="2376958513" sldId="260"/>
            <ac:spMk id="2866" creationId="{460FB7AC-DCC9-BDB2-BD4B-752771A5B831}"/>
          </ac:spMkLst>
        </pc:spChg>
        <pc:spChg chg="mod">
          <ac:chgData name="White, Alex" userId="eff6cc8c-37d8-483b-9c6c-6b27e9afa9bc" providerId="ADAL" clId="{BF04C754-5BF4-4E83-9615-DB14FA25AF8A}" dt="2023-10-12T11:37:53" v="291"/>
          <ac:spMkLst>
            <pc:docMk/>
            <pc:sldMk cId="2376958513" sldId="260"/>
            <ac:spMk id="2867" creationId="{806022D0-012E-E24C-6B07-0FC1C535A49F}"/>
          </ac:spMkLst>
        </pc:spChg>
        <pc:spChg chg="mod">
          <ac:chgData name="White, Alex" userId="eff6cc8c-37d8-483b-9c6c-6b27e9afa9bc" providerId="ADAL" clId="{BF04C754-5BF4-4E83-9615-DB14FA25AF8A}" dt="2023-10-12T11:37:53" v="291"/>
          <ac:spMkLst>
            <pc:docMk/>
            <pc:sldMk cId="2376958513" sldId="260"/>
            <ac:spMk id="2868" creationId="{BA95E384-309E-3BEE-3D5A-067778A9683C}"/>
          </ac:spMkLst>
        </pc:spChg>
        <pc:spChg chg="mod">
          <ac:chgData name="White, Alex" userId="eff6cc8c-37d8-483b-9c6c-6b27e9afa9bc" providerId="ADAL" clId="{BF04C754-5BF4-4E83-9615-DB14FA25AF8A}" dt="2023-10-12T11:37:53" v="291"/>
          <ac:spMkLst>
            <pc:docMk/>
            <pc:sldMk cId="2376958513" sldId="260"/>
            <ac:spMk id="2869" creationId="{F33B3CCE-147D-0C0D-86DA-7AECDB7147B0}"/>
          </ac:spMkLst>
        </pc:spChg>
        <pc:spChg chg="mod">
          <ac:chgData name="White, Alex" userId="eff6cc8c-37d8-483b-9c6c-6b27e9afa9bc" providerId="ADAL" clId="{BF04C754-5BF4-4E83-9615-DB14FA25AF8A}" dt="2023-10-12T11:37:53" v="291"/>
          <ac:spMkLst>
            <pc:docMk/>
            <pc:sldMk cId="2376958513" sldId="260"/>
            <ac:spMk id="2870" creationId="{67B3AF01-90B2-8A57-C64A-DE5034CF23D7}"/>
          </ac:spMkLst>
        </pc:spChg>
        <pc:spChg chg="mod">
          <ac:chgData name="White, Alex" userId="eff6cc8c-37d8-483b-9c6c-6b27e9afa9bc" providerId="ADAL" clId="{BF04C754-5BF4-4E83-9615-DB14FA25AF8A}" dt="2023-10-12T11:37:53" v="291"/>
          <ac:spMkLst>
            <pc:docMk/>
            <pc:sldMk cId="2376958513" sldId="260"/>
            <ac:spMk id="2871" creationId="{84A26E52-25D0-B17A-5146-F0B41D3484C0}"/>
          </ac:spMkLst>
        </pc:spChg>
        <pc:spChg chg="mod">
          <ac:chgData name="White, Alex" userId="eff6cc8c-37d8-483b-9c6c-6b27e9afa9bc" providerId="ADAL" clId="{BF04C754-5BF4-4E83-9615-DB14FA25AF8A}" dt="2023-10-12T11:37:53" v="291"/>
          <ac:spMkLst>
            <pc:docMk/>
            <pc:sldMk cId="2376958513" sldId="260"/>
            <ac:spMk id="2872" creationId="{5E1D49A2-F1ED-996F-370D-7EF1FD8B0122}"/>
          </ac:spMkLst>
        </pc:spChg>
        <pc:spChg chg="mod">
          <ac:chgData name="White, Alex" userId="eff6cc8c-37d8-483b-9c6c-6b27e9afa9bc" providerId="ADAL" clId="{BF04C754-5BF4-4E83-9615-DB14FA25AF8A}" dt="2023-10-12T11:37:53" v="291"/>
          <ac:spMkLst>
            <pc:docMk/>
            <pc:sldMk cId="2376958513" sldId="260"/>
            <ac:spMk id="2873" creationId="{7FB7DB37-1F81-430A-2C6E-F3B719B89F6B}"/>
          </ac:spMkLst>
        </pc:spChg>
        <pc:spChg chg="mod">
          <ac:chgData name="White, Alex" userId="eff6cc8c-37d8-483b-9c6c-6b27e9afa9bc" providerId="ADAL" clId="{BF04C754-5BF4-4E83-9615-DB14FA25AF8A}" dt="2023-10-12T11:37:53" v="291"/>
          <ac:spMkLst>
            <pc:docMk/>
            <pc:sldMk cId="2376958513" sldId="260"/>
            <ac:spMk id="2874" creationId="{A82A50B5-7590-8B5C-A025-C6C742E2EBE4}"/>
          </ac:spMkLst>
        </pc:spChg>
        <pc:spChg chg="mod">
          <ac:chgData name="White, Alex" userId="eff6cc8c-37d8-483b-9c6c-6b27e9afa9bc" providerId="ADAL" clId="{BF04C754-5BF4-4E83-9615-DB14FA25AF8A}" dt="2023-10-12T11:37:53" v="291"/>
          <ac:spMkLst>
            <pc:docMk/>
            <pc:sldMk cId="2376958513" sldId="260"/>
            <ac:spMk id="2875" creationId="{B70E01A1-BB44-EAD1-ED35-ED49CE9C85FF}"/>
          </ac:spMkLst>
        </pc:spChg>
        <pc:spChg chg="mod">
          <ac:chgData name="White, Alex" userId="eff6cc8c-37d8-483b-9c6c-6b27e9afa9bc" providerId="ADAL" clId="{BF04C754-5BF4-4E83-9615-DB14FA25AF8A}" dt="2023-10-12T11:37:53" v="291"/>
          <ac:spMkLst>
            <pc:docMk/>
            <pc:sldMk cId="2376958513" sldId="260"/>
            <ac:spMk id="2876" creationId="{65A0C6BC-24DC-3DB2-61FD-1C4955C8229E}"/>
          </ac:spMkLst>
        </pc:spChg>
        <pc:spChg chg="mod">
          <ac:chgData name="White, Alex" userId="eff6cc8c-37d8-483b-9c6c-6b27e9afa9bc" providerId="ADAL" clId="{BF04C754-5BF4-4E83-9615-DB14FA25AF8A}" dt="2023-10-12T11:37:53" v="291"/>
          <ac:spMkLst>
            <pc:docMk/>
            <pc:sldMk cId="2376958513" sldId="260"/>
            <ac:spMk id="2877" creationId="{E30556D6-C35F-3138-A649-4DB29C891F9B}"/>
          </ac:spMkLst>
        </pc:spChg>
        <pc:spChg chg="mod">
          <ac:chgData name="White, Alex" userId="eff6cc8c-37d8-483b-9c6c-6b27e9afa9bc" providerId="ADAL" clId="{BF04C754-5BF4-4E83-9615-DB14FA25AF8A}" dt="2023-10-12T11:37:53" v="291"/>
          <ac:spMkLst>
            <pc:docMk/>
            <pc:sldMk cId="2376958513" sldId="260"/>
            <ac:spMk id="2878" creationId="{F6E5E51E-CAD0-DAE6-3D88-FD63C23D2823}"/>
          </ac:spMkLst>
        </pc:spChg>
        <pc:spChg chg="mod">
          <ac:chgData name="White, Alex" userId="eff6cc8c-37d8-483b-9c6c-6b27e9afa9bc" providerId="ADAL" clId="{BF04C754-5BF4-4E83-9615-DB14FA25AF8A}" dt="2023-10-12T11:37:53" v="291"/>
          <ac:spMkLst>
            <pc:docMk/>
            <pc:sldMk cId="2376958513" sldId="260"/>
            <ac:spMk id="2879" creationId="{3043BD33-5814-133B-77D0-D67C84EC2E95}"/>
          </ac:spMkLst>
        </pc:spChg>
        <pc:spChg chg="mod">
          <ac:chgData name="White, Alex" userId="eff6cc8c-37d8-483b-9c6c-6b27e9afa9bc" providerId="ADAL" clId="{BF04C754-5BF4-4E83-9615-DB14FA25AF8A}" dt="2023-10-12T11:37:53" v="291"/>
          <ac:spMkLst>
            <pc:docMk/>
            <pc:sldMk cId="2376958513" sldId="260"/>
            <ac:spMk id="2880" creationId="{C4483C26-0473-8C6E-D359-C6CD24745D0B}"/>
          </ac:spMkLst>
        </pc:spChg>
        <pc:spChg chg="mod">
          <ac:chgData name="White, Alex" userId="eff6cc8c-37d8-483b-9c6c-6b27e9afa9bc" providerId="ADAL" clId="{BF04C754-5BF4-4E83-9615-DB14FA25AF8A}" dt="2023-10-12T11:37:53" v="291"/>
          <ac:spMkLst>
            <pc:docMk/>
            <pc:sldMk cId="2376958513" sldId="260"/>
            <ac:spMk id="2881" creationId="{57622016-EEDB-92D5-CA48-D1C1F6BCE099}"/>
          </ac:spMkLst>
        </pc:spChg>
        <pc:spChg chg="mod">
          <ac:chgData name="White, Alex" userId="eff6cc8c-37d8-483b-9c6c-6b27e9afa9bc" providerId="ADAL" clId="{BF04C754-5BF4-4E83-9615-DB14FA25AF8A}" dt="2023-10-12T11:37:53" v="291"/>
          <ac:spMkLst>
            <pc:docMk/>
            <pc:sldMk cId="2376958513" sldId="260"/>
            <ac:spMk id="2882" creationId="{C2360D00-CF1A-09E3-01E9-D3912E294394}"/>
          </ac:spMkLst>
        </pc:spChg>
        <pc:spChg chg="mod">
          <ac:chgData name="White, Alex" userId="eff6cc8c-37d8-483b-9c6c-6b27e9afa9bc" providerId="ADAL" clId="{BF04C754-5BF4-4E83-9615-DB14FA25AF8A}" dt="2023-10-12T11:37:53" v="291"/>
          <ac:spMkLst>
            <pc:docMk/>
            <pc:sldMk cId="2376958513" sldId="260"/>
            <ac:spMk id="2883" creationId="{EC47EF21-E037-1247-BF12-12E6492A486F}"/>
          </ac:spMkLst>
        </pc:spChg>
        <pc:spChg chg="mod">
          <ac:chgData name="White, Alex" userId="eff6cc8c-37d8-483b-9c6c-6b27e9afa9bc" providerId="ADAL" clId="{BF04C754-5BF4-4E83-9615-DB14FA25AF8A}" dt="2023-10-12T11:37:53" v="291"/>
          <ac:spMkLst>
            <pc:docMk/>
            <pc:sldMk cId="2376958513" sldId="260"/>
            <ac:spMk id="2884" creationId="{A0B259A2-FD08-C39D-58B3-8A31E2F16039}"/>
          </ac:spMkLst>
        </pc:spChg>
        <pc:spChg chg="mod">
          <ac:chgData name="White, Alex" userId="eff6cc8c-37d8-483b-9c6c-6b27e9afa9bc" providerId="ADAL" clId="{BF04C754-5BF4-4E83-9615-DB14FA25AF8A}" dt="2023-10-12T11:37:53" v="291"/>
          <ac:spMkLst>
            <pc:docMk/>
            <pc:sldMk cId="2376958513" sldId="260"/>
            <ac:spMk id="2885" creationId="{2E9D3AF1-C482-30AC-828F-1DB163996779}"/>
          </ac:spMkLst>
        </pc:spChg>
        <pc:spChg chg="mod">
          <ac:chgData name="White, Alex" userId="eff6cc8c-37d8-483b-9c6c-6b27e9afa9bc" providerId="ADAL" clId="{BF04C754-5BF4-4E83-9615-DB14FA25AF8A}" dt="2023-10-12T11:37:53" v="291"/>
          <ac:spMkLst>
            <pc:docMk/>
            <pc:sldMk cId="2376958513" sldId="260"/>
            <ac:spMk id="2886" creationId="{DEB3260D-374B-B79A-35AB-E037766B05F1}"/>
          </ac:spMkLst>
        </pc:spChg>
        <pc:spChg chg="mod">
          <ac:chgData name="White, Alex" userId="eff6cc8c-37d8-483b-9c6c-6b27e9afa9bc" providerId="ADAL" clId="{BF04C754-5BF4-4E83-9615-DB14FA25AF8A}" dt="2023-10-12T11:37:53" v="291"/>
          <ac:spMkLst>
            <pc:docMk/>
            <pc:sldMk cId="2376958513" sldId="260"/>
            <ac:spMk id="2887" creationId="{6626EC7D-B685-F0B5-9BF1-5C32E37F698A}"/>
          </ac:spMkLst>
        </pc:spChg>
        <pc:spChg chg="mod">
          <ac:chgData name="White, Alex" userId="eff6cc8c-37d8-483b-9c6c-6b27e9afa9bc" providerId="ADAL" clId="{BF04C754-5BF4-4E83-9615-DB14FA25AF8A}" dt="2023-10-12T11:37:53" v="291"/>
          <ac:spMkLst>
            <pc:docMk/>
            <pc:sldMk cId="2376958513" sldId="260"/>
            <ac:spMk id="2888" creationId="{B648182B-5C9F-38CF-B3FD-E07DD156D41D}"/>
          </ac:spMkLst>
        </pc:spChg>
        <pc:spChg chg="mod">
          <ac:chgData name="White, Alex" userId="eff6cc8c-37d8-483b-9c6c-6b27e9afa9bc" providerId="ADAL" clId="{BF04C754-5BF4-4E83-9615-DB14FA25AF8A}" dt="2023-10-12T11:37:53" v="291"/>
          <ac:spMkLst>
            <pc:docMk/>
            <pc:sldMk cId="2376958513" sldId="260"/>
            <ac:spMk id="2889" creationId="{46C329C2-1B7A-F359-8144-1BEAD0DF4773}"/>
          </ac:spMkLst>
        </pc:spChg>
        <pc:spChg chg="mod">
          <ac:chgData name="White, Alex" userId="eff6cc8c-37d8-483b-9c6c-6b27e9afa9bc" providerId="ADAL" clId="{BF04C754-5BF4-4E83-9615-DB14FA25AF8A}" dt="2023-10-12T11:37:53" v="291"/>
          <ac:spMkLst>
            <pc:docMk/>
            <pc:sldMk cId="2376958513" sldId="260"/>
            <ac:spMk id="2890" creationId="{A444A870-000C-AA6F-3585-814800869EDB}"/>
          </ac:spMkLst>
        </pc:spChg>
        <pc:spChg chg="mod">
          <ac:chgData name="White, Alex" userId="eff6cc8c-37d8-483b-9c6c-6b27e9afa9bc" providerId="ADAL" clId="{BF04C754-5BF4-4E83-9615-DB14FA25AF8A}" dt="2023-10-12T11:37:53" v="291"/>
          <ac:spMkLst>
            <pc:docMk/>
            <pc:sldMk cId="2376958513" sldId="260"/>
            <ac:spMk id="2891" creationId="{A52178B5-E9DE-49FF-EE2B-9C5C7BDB9ECE}"/>
          </ac:spMkLst>
        </pc:spChg>
        <pc:spChg chg="mod">
          <ac:chgData name="White, Alex" userId="eff6cc8c-37d8-483b-9c6c-6b27e9afa9bc" providerId="ADAL" clId="{BF04C754-5BF4-4E83-9615-DB14FA25AF8A}" dt="2023-10-12T11:37:53" v="291"/>
          <ac:spMkLst>
            <pc:docMk/>
            <pc:sldMk cId="2376958513" sldId="260"/>
            <ac:spMk id="2892" creationId="{162ED5E9-B24A-B625-8DC7-9A872C6C9C16}"/>
          </ac:spMkLst>
        </pc:spChg>
        <pc:spChg chg="mod">
          <ac:chgData name="White, Alex" userId="eff6cc8c-37d8-483b-9c6c-6b27e9afa9bc" providerId="ADAL" clId="{BF04C754-5BF4-4E83-9615-DB14FA25AF8A}" dt="2023-10-12T11:37:53" v="291"/>
          <ac:spMkLst>
            <pc:docMk/>
            <pc:sldMk cId="2376958513" sldId="260"/>
            <ac:spMk id="2893" creationId="{A3555A44-8893-87A0-C95E-9F5851E336DF}"/>
          </ac:spMkLst>
        </pc:spChg>
        <pc:spChg chg="mod">
          <ac:chgData name="White, Alex" userId="eff6cc8c-37d8-483b-9c6c-6b27e9afa9bc" providerId="ADAL" clId="{BF04C754-5BF4-4E83-9615-DB14FA25AF8A}" dt="2023-10-12T11:37:53" v="291"/>
          <ac:spMkLst>
            <pc:docMk/>
            <pc:sldMk cId="2376958513" sldId="260"/>
            <ac:spMk id="2894" creationId="{6C148D06-9276-CD8B-CF59-A9C71908675F}"/>
          </ac:spMkLst>
        </pc:spChg>
        <pc:spChg chg="mod">
          <ac:chgData name="White, Alex" userId="eff6cc8c-37d8-483b-9c6c-6b27e9afa9bc" providerId="ADAL" clId="{BF04C754-5BF4-4E83-9615-DB14FA25AF8A}" dt="2023-10-12T11:37:53" v="291"/>
          <ac:spMkLst>
            <pc:docMk/>
            <pc:sldMk cId="2376958513" sldId="260"/>
            <ac:spMk id="2895" creationId="{7B570193-FA26-28A7-251E-5378E67622E2}"/>
          </ac:spMkLst>
        </pc:spChg>
        <pc:spChg chg="mod">
          <ac:chgData name="White, Alex" userId="eff6cc8c-37d8-483b-9c6c-6b27e9afa9bc" providerId="ADAL" clId="{BF04C754-5BF4-4E83-9615-DB14FA25AF8A}" dt="2023-10-12T11:37:53" v="291"/>
          <ac:spMkLst>
            <pc:docMk/>
            <pc:sldMk cId="2376958513" sldId="260"/>
            <ac:spMk id="2896" creationId="{0954BE1A-DC88-3409-8691-A1C79A2A3786}"/>
          </ac:spMkLst>
        </pc:spChg>
        <pc:spChg chg="mod">
          <ac:chgData name="White, Alex" userId="eff6cc8c-37d8-483b-9c6c-6b27e9afa9bc" providerId="ADAL" clId="{BF04C754-5BF4-4E83-9615-DB14FA25AF8A}" dt="2023-10-12T11:37:53" v="291"/>
          <ac:spMkLst>
            <pc:docMk/>
            <pc:sldMk cId="2376958513" sldId="260"/>
            <ac:spMk id="2897" creationId="{3C99C6EB-714E-18BD-A8D8-7B1D6DAC6E81}"/>
          </ac:spMkLst>
        </pc:spChg>
        <pc:spChg chg="mod">
          <ac:chgData name="White, Alex" userId="eff6cc8c-37d8-483b-9c6c-6b27e9afa9bc" providerId="ADAL" clId="{BF04C754-5BF4-4E83-9615-DB14FA25AF8A}" dt="2023-10-12T11:37:53" v="291"/>
          <ac:spMkLst>
            <pc:docMk/>
            <pc:sldMk cId="2376958513" sldId="260"/>
            <ac:spMk id="2898" creationId="{422BA1A0-D67F-8ADD-48BA-B8A0FFBF4F30}"/>
          </ac:spMkLst>
        </pc:spChg>
        <pc:spChg chg="mod">
          <ac:chgData name="White, Alex" userId="eff6cc8c-37d8-483b-9c6c-6b27e9afa9bc" providerId="ADAL" clId="{BF04C754-5BF4-4E83-9615-DB14FA25AF8A}" dt="2023-10-12T11:37:53" v="291"/>
          <ac:spMkLst>
            <pc:docMk/>
            <pc:sldMk cId="2376958513" sldId="260"/>
            <ac:spMk id="2899" creationId="{92657275-E921-8F25-9D13-577DF8A6E15E}"/>
          </ac:spMkLst>
        </pc:spChg>
        <pc:spChg chg="mod">
          <ac:chgData name="White, Alex" userId="eff6cc8c-37d8-483b-9c6c-6b27e9afa9bc" providerId="ADAL" clId="{BF04C754-5BF4-4E83-9615-DB14FA25AF8A}" dt="2023-10-12T11:37:53" v="291"/>
          <ac:spMkLst>
            <pc:docMk/>
            <pc:sldMk cId="2376958513" sldId="260"/>
            <ac:spMk id="2900" creationId="{C4185522-CCFA-F6EE-0B43-C4B270ED7B78}"/>
          </ac:spMkLst>
        </pc:spChg>
        <pc:spChg chg="mod">
          <ac:chgData name="White, Alex" userId="eff6cc8c-37d8-483b-9c6c-6b27e9afa9bc" providerId="ADAL" clId="{BF04C754-5BF4-4E83-9615-DB14FA25AF8A}" dt="2023-10-12T11:37:53" v="291"/>
          <ac:spMkLst>
            <pc:docMk/>
            <pc:sldMk cId="2376958513" sldId="260"/>
            <ac:spMk id="2901" creationId="{0E0F6C28-4FB6-1928-863E-6DE4933DFC32}"/>
          </ac:spMkLst>
        </pc:spChg>
        <pc:spChg chg="mod">
          <ac:chgData name="White, Alex" userId="eff6cc8c-37d8-483b-9c6c-6b27e9afa9bc" providerId="ADAL" clId="{BF04C754-5BF4-4E83-9615-DB14FA25AF8A}" dt="2023-10-12T11:37:53" v="291"/>
          <ac:spMkLst>
            <pc:docMk/>
            <pc:sldMk cId="2376958513" sldId="260"/>
            <ac:spMk id="2902" creationId="{023FD4EA-E360-6819-E403-6F6102227FA3}"/>
          </ac:spMkLst>
        </pc:spChg>
        <pc:spChg chg="mod">
          <ac:chgData name="White, Alex" userId="eff6cc8c-37d8-483b-9c6c-6b27e9afa9bc" providerId="ADAL" clId="{BF04C754-5BF4-4E83-9615-DB14FA25AF8A}" dt="2023-10-12T11:37:53" v="291"/>
          <ac:spMkLst>
            <pc:docMk/>
            <pc:sldMk cId="2376958513" sldId="260"/>
            <ac:spMk id="2903" creationId="{69C36FC3-315C-5740-EAE7-62E23B2C2DC7}"/>
          </ac:spMkLst>
        </pc:spChg>
        <pc:spChg chg="mod">
          <ac:chgData name="White, Alex" userId="eff6cc8c-37d8-483b-9c6c-6b27e9afa9bc" providerId="ADAL" clId="{BF04C754-5BF4-4E83-9615-DB14FA25AF8A}" dt="2023-10-12T11:37:53" v="291"/>
          <ac:spMkLst>
            <pc:docMk/>
            <pc:sldMk cId="2376958513" sldId="260"/>
            <ac:spMk id="2904" creationId="{F7C11C36-F280-4E9F-C3DD-E7E40DF9C81F}"/>
          </ac:spMkLst>
        </pc:spChg>
        <pc:spChg chg="mod">
          <ac:chgData name="White, Alex" userId="eff6cc8c-37d8-483b-9c6c-6b27e9afa9bc" providerId="ADAL" clId="{BF04C754-5BF4-4E83-9615-DB14FA25AF8A}" dt="2023-10-12T11:37:53" v="291"/>
          <ac:spMkLst>
            <pc:docMk/>
            <pc:sldMk cId="2376958513" sldId="260"/>
            <ac:spMk id="2905" creationId="{A3FCB725-C31A-15CB-9998-E2F42B3CAC3F}"/>
          </ac:spMkLst>
        </pc:spChg>
        <pc:spChg chg="mod">
          <ac:chgData name="White, Alex" userId="eff6cc8c-37d8-483b-9c6c-6b27e9afa9bc" providerId="ADAL" clId="{BF04C754-5BF4-4E83-9615-DB14FA25AF8A}" dt="2023-10-12T11:37:53" v="291"/>
          <ac:spMkLst>
            <pc:docMk/>
            <pc:sldMk cId="2376958513" sldId="260"/>
            <ac:spMk id="2906" creationId="{73864C66-465D-70A3-580D-EA19DEDC0DE3}"/>
          </ac:spMkLst>
        </pc:spChg>
        <pc:spChg chg="mod">
          <ac:chgData name="White, Alex" userId="eff6cc8c-37d8-483b-9c6c-6b27e9afa9bc" providerId="ADAL" clId="{BF04C754-5BF4-4E83-9615-DB14FA25AF8A}" dt="2023-10-12T11:37:53" v="291"/>
          <ac:spMkLst>
            <pc:docMk/>
            <pc:sldMk cId="2376958513" sldId="260"/>
            <ac:spMk id="2907" creationId="{B4D3E95D-3618-8A7D-92DF-445C85E79E1C}"/>
          </ac:spMkLst>
        </pc:spChg>
        <pc:spChg chg="mod">
          <ac:chgData name="White, Alex" userId="eff6cc8c-37d8-483b-9c6c-6b27e9afa9bc" providerId="ADAL" clId="{BF04C754-5BF4-4E83-9615-DB14FA25AF8A}" dt="2023-10-12T11:37:53" v="291"/>
          <ac:spMkLst>
            <pc:docMk/>
            <pc:sldMk cId="2376958513" sldId="260"/>
            <ac:spMk id="2908" creationId="{5A9E7B3D-7587-8E5E-02F0-45CB4A52DB93}"/>
          </ac:spMkLst>
        </pc:spChg>
        <pc:spChg chg="mod">
          <ac:chgData name="White, Alex" userId="eff6cc8c-37d8-483b-9c6c-6b27e9afa9bc" providerId="ADAL" clId="{BF04C754-5BF4-4E83-9615-DB14FA25AF8A}" dt="2023-10-12T11:37:53" v="291"/>
          <ac:spMkLst>
            <pc:docMk/>
            <pc:sldMk cId="2376958513" sldId="260"/>
            <ac:spMk id="2909" creationId="{7BE6353C-AC43-01A2-AE53-BD663D9C75AE}"/>
          </ac:spMkLst>
        </pc:spChg>
        <pc:spChg chg="mod">
          <ac:chgData name="White, Alex" userId="eff6cc8c-37d8-483b-9c6c-6b27e9afa9bc" providerId="ADAL" clId="{BF04C754-5BF4-4E83-9615-DB14FA25AF8A}" dt="2023-10-12T11:37:53" v="291"/>
          <ac:spMkLst>
            <pc:docMk/>
            <pc:sldMk cId="2376958513" sldId="260"/>
            <ac:spMk id="2910" creationId="{CCFAB439-B16A-9C0F-376B-885B5AED27EF}"/>
          </ac:spMkLst>
        </pc:spChg>
        <pc:spChg chg="mod">
          <ac:chgData name="White, Alex" userId="eff6cc8c-37d8-483b-9c6c-6b27e9afa9bc" providerId="ADAL" clId="{BF04C754-5BF4-4E83-9615-DB14FA25AF8A}" dt="2023-10-12T11:37:53" v="291"/>
          <ac:spMkLst>
            <pc:docMk/>
            <pc:sldMk cId="2376958513" sldId="260"/>
            <ac:spMk id="2911" creationId="{66CC4DCF-F026-B7A8-FBF9-ED63FF3557E0}"/>
          </ac:spMkLst>
        </pc:spChg>
        <pc:spChg chg="mod">
          <ac:chgData name="White, Alex" userId="eff6cc8c-37d8-483b-9c6c-6b27e9afa9bc" providerId="ADAL" clId="{BF04C754-5BF4-4E83-9615-DB14FA25AF8A}" dt="2023-10-12T11:37:53" v="291"/>
          <ac:spMkLst>
            <pc:docMk/>
            <pc:sldMk cId="2376958513" sldId="260"/>
            <ac:spMk id="2912" creationId="{F3DABFFD-4BA7-3293-D87B-974E3442A630}"/>
          </ac:spMkLst>
        </pc:spChg>
        <pc:spChg chg="mod">
          <ac:chgData name="White, Alex" userId="eff6cc8c-37d8-483b-9c6c-6b27e9afa9bc" providerId="ADAL" clId="{BF04C754-5BF4-4E83-9615-DB14FA25AF8A}" dt="2023-10-12T11:37:53" v="291"/>
          <ac:spMkLst>
            <pc:docMk/>
            <pc:sldMk cId="2376958513" sldId="260"/>
            <ac:spMk id="2913" creationId="{C7D9A5CB-B334-61AD-0F01-B64FD05DEB45}"/>
          </ac:spMkLst>
        </pc:spChg>
        <pc:spChg chg="mod">
          <ac:chgData name="White, Alex" userId="eff6cc8c-37d8-483b-9c6c-6b27e9afa9bc" providerId="ADAL" clId="{BF04C754-5BF4-4E83-9615-DB14FA25AF8A}" dt="2023-10-12T11:37:53" v="291"/>
          <ac:spMkLst>
            <pc:docMk/>
            <pc:sldMk cId="2376958513" sldId="260"/>
            <ac:spMk id="2914" creationId="{3CC7A7A5-D3E6-D999-2010-56BC6675D629}"/>
          </ac:spMkLst>
        </pc:spChg>
        <pc:spChg chg="mod">
          <ac:chgData name="White, Alex" userId="eff6cc8c-37d8-483b-9c6c-6b27e9afa9bc" providerId="ADAL" clId="{BF04C754-5BF4-4E83-9615-DB14FA25AF8A}" dt="2023-10-12T11:37:53" v="291"/>
          <ac:spMkLst>
            <pc:docMk/>
            <pc:sldMk cId="2376958513" sldId="260"/>
            <ac:spMk id="2915" creationId="{9459E18F-12F4-923E-2846-4D89159C6431}"/>
          </ac:spMkLst>
        </pc:spChg>
        <pc:spChg chg="mod">
          <ac:chgData name="White, Alex" userId="eff6cc8c-37d8-483b-9c6c-6b27e9afa9bc" providerId="ADAL" clId="{BF04C754-5BF4-4E83-9615-DB14FA25AF8A}" dt="2023-10-12T11:37:53" v="291"/>
          <ac:spMkLst>
            <pc:docMk/>
            <pc:sldMk cId="2376958513" sldId="260"/>
            <ac:spMk id="2916" creationId="{34C3CAFA-78FD-9B88-E869-6484370E62A6}"/>
          </ac:spMkLst>
        </pc:spChg>
        <pc:spChg chg="mod">
          <ac:chgData name="White, Alex" userId="eff6cc8c-37d8-483b-9c6c-6b27e9afa9bc" providerId="ADAL" clId="{BF04C754-5BF4-4E83-9615-DB14FA25AF8A}" dt="2023-10-12T11:37:53" v="291"/>
          <ac:spMkLst>
            <pc:docMk/>
            <pc:sldMk cId="2376958513" sldId="260"/>
            <ac:spMk id="2917" creationId="{D37D5348-1768-7BCE-FC17-1DEF01DCFEA5}"/>
          </ac:spMkLst>
        </pc:spChg>
        <pc:spChg chg="mod">
          <ac:chgData name="White, Alex" userId="eff6cc8c-37d8-483b-9c6c-6b27e9afa9bc" providerId="ADAL" clId="{BF04C754-5BF4-4E83-9615-DB14FA25AF8A}" dt="2023-10-12T11:37:53" v="291"/>
          <ac:spMkLst>
            <pc:docMk/>
            <pc:sldMk cId="2376958513" sldId="260"/>
            <ac:spMk id="2918" creationId="{A2254A9F-EA0E-EDF8-7358-B2DC71D056E2}"/>
          </ac:spMkLst>
        </pc:spChg>
        <pc:spChg chg="mod">
          <ac:chgData name="White, Alex" userId="eff6cc8c-37d8-483b-9c6c-6b27e9afa9bc" providerId="ADAL" clId="{BF04C754-5BF4-4E83-9615-DB14FA25AF8A}" dt="2023-10-12T11:37:53" v="291"/>
          <ac:spMkLst>
            <pc:docMk/>
            <pc:sldMk cId="2376958513" sldId="260"/>
            <ac:spMk id="2919" creationId="{56858888-FE67-7F87-497D-27D6D9090BFF}"/>
          </ac:spMkLst>
        </pc:spChg>
        <pc:spChg chg="mod">
          <ac:chgData name="White, Alex" userId="eff6cc8c-37d8-483b-9c6c-6b27e9afa9bc" providerId="ADAL" clId="{BF04C754-5BF4-4E83-9615-DB14FA25AF8A}" dt="2023-10-12T11:37:53" v="291"/>
          <ac:spMkLst>
            <pc:docMk/>
            <pc:sldMk cId="2376958513" sldId="260"/>
            <ac:spMk id="2920" creationId="{7A91529A-4E19-8586-A917-932DC0FEEFF9}"/>
          </ac:spMkLst>
        </pc:spChg>
        <pc:spChg chg="mod">
          <ac:chgData name="White, Alex" userId="eff6cc8c-37d8-483b-9c6c-6b27e9afa9bc" providerId="ADAL" clId="{BF04C754-5BF4-4E83-9615-DB14FA25AF8A}" dt="2023-10-12T11:37:53" v="291"/>
          <ac:spMkLst>
            <pc:docMk/>
            <pc:sldMk cId="2376958513" sldId="260"/>
            <ac:spMk id="2921" creationId="{41567425-415F-1BFF-66A6-BB24D1BDBAA6}"/>
          </ac:spMkLst>
        </pc:spChg>
        <pc:spChg chg="mod">
          <ac:chgData name="White, Alex" userId="eff6cc8c-37d8-483b-9c6c-6b27e9afa9bc" providerId="ADAL" clId="{BF04C754-5BF4-4E83-9615-DB14FA25AF8A}" dt="2023-10-12T11:37:53" v="291"/>
          <ac:spMkLst>
            <pc:docMk/>
            <pc:sldMk cId="2376958513" sldId="260"/>
            <ac:spMk id="2922" creationId="{6B8175A6-A89C-0590-DB30-904E55E3B76A}"/>
          </ac:spMkLst>
        </pc:spChg>
        <pc:spChg chg="mod">
          <ac:chgData name="White, Alex" userId="eff6cc8c-37d8-483b-9c6c-6b27e9afa9bc" providerId="ADAL" clId="{BF04C754-5BF4-4E83-9615-DB14FA25AF8A}" dt="2023-10-12T11:37:53" v="291"/>
          <ac:spMkLst>
            <pc:docMk/>
            <pc:sldMk cId="2376958513" sldId="260"/>
            <ac:spMk id="2923" creationId="{D38971D8-6949-9B03-515B-6EB385E3798F}"/>
          </ac:spMkLst>
        </pc:spChg>
        <pc:spChg chg="mod">
          <ac:chgData name="White, Alex" userId="eff6cc8c-37d8-483b-9c6c-6b27e9afa9bc" providerId="ADAL" clId="{BF04C754-5BF4-4E83-9615-DB14FA25AF8A}" dt="2023-10-12T11:37:53" v="291"/>
          <ac:spMkLst>
            <pc:docMk/>
            <pc:sldMk cId="2376958513" sldId="260"/>
            <ac:spMk id="2924" creationId="{70A9E1A5-29DD-53E3-D0CB-4A7869118918}"/>
          </ac:spMkLst>
        </pc:spChg>
        <pc:spChg chg="mod">
          <ac:chgData name="White, Alex" userId="eff6cc8c-37d8-483b-9c6c-6b27e9afa9bc" providerId="ADAL" clId="{BF04C754-5BF4-4E83-9615-DB14FA25AF8A}" dt="2023-10-12T11:37:53" v="291"/>
          <ac:spMkLst>
            <pc:docMk/>
            <pc:sldMk cId="2376958513" sldId="260"/>
            <ac:spMk id="2925" creationId="{CCFB9CAA-F818-DFEA-E7CB-2CABE1AC875C}"/>
          </ac:spMkLst>
        </pc:spChg>
        <pc:spChg chg="mod">
          <ac:chgData name="White, Alex" userId="eff6cc8c-37d8-483b-9c6c-6b27e9afa9bc" providerId="ADAL" clId="{BF04C754-5BF4-4E83-9615-DB14FA25AF8A}" dt="2023-10-12T11:37:53" v="291"/>
          <ac:spMkLst>
            <pc:docMk/>
            <pc:sldMk cId="2376958513" sldId="260"/>
            <ac:spMk id="2926" creationId="{6D42CF97-0853-8028-6DF5-90ACE16444FB}"/>
          </ac:spMkLst>
        </pc:spChg>
        <pc:spChg chg="mod">
          <ac:chgData name="White, Alex" userId="eff6cc8c-37d8-483b-9c6c-6b27e9afa9bc" providerId="ADAL" clId="{BF04C754-5BF4-4E83-9615-DB14FA25AF8A}" dt="2023-10-12T11:37:53" v="291"/>
          <ac:spMkLst>
            <pc:docMk/>
            <pc:sldMk cId="2376958513" sldId="260"/>
            <ac:spMk id="2927" creationId="{639CD02D-8CCD-337A-90CB-84A71B80AE79}"/>
          </ac:spMkLst>
        </pc:spChg>
        <pc:spChg chg="mod">
          <ac:chgData name="White, Alex" userId="eff6cc8c-37d8-483b-9c6c-6b27e9afa9bc" providerId="ADAL" clId="{BF04C754-5BF4-4E83-9615-DB14FA25AF8A}" dt="2023-10-12T11:37:53" v="291"/>
          <ac:spMkLst>
            <pc:docMk/>
            <pc:sldMk cId="2376958513" sldId="260"/>
            <ac:spMk id="2928" creationId="{2B153CEA-6F84-E818-2D87-9139D914477F}"/>
          </ac:spMkLst>
        </pc:spChg>
        <pc:spChg chg="mod">
          <ac:chgData name="White, Alex" userId="eff6cc8c-37d8-483b-9c6c-6b27e9afa9bc" providerId="ADAL" clId="{BF04C754-5BF4-4E83-9615-DB14FA25AF8A}" dt="2023-10-12T11:37:53" v="291"/>
          <ac:spMkLst>
            <pc:docMk/>
            <pc:sldMk cId="2376958513" sldId="260"/>
            <ac:spMk id="2929" creationId="{BB3E7312-7EF6-DFA4-1CFC-2F7009850064}"/>
          </ac:spMkLst>
        </pc:spChg>
        <pc:spChg chg="mod">
          <ac:chgData name="White, Alex" userId="eff6cc8c-37d8-483b-9c6c-6b27e9afa9bc" providerId="ADAL" clId="{BF04C754-5BF4-4E83-9615-DB14FA25AF8A}" dt="2023-10-12T11:37:53" v="291"/>
          <ac:spMkLst>
            <pc:docMk/>
            <pc:sldMk cId="2376958513" sldId="260"/>
            <ac:spMk id="2930" creationId="{2AABDA11-D68A-A2A0-1D13-51AF4BB9ED9E}"/>
          </ac:spMkLst>
        </pc:spChg>
        <pc:spChg chg="mod">
          <ac:chgData name="White, Alex" userId="eff6cc8c-37d8-483b-9c6c-6b27e9afa9bc" providerId="ADAL" clId="{BF04C754-5BF4-4E83-9615-DB14FA25AF8A}" dt="2023-10-12T11:37:53" v="291"/>
          <ac:spMkLst>
            <pc:docMk/>
            <pc:sldMk cId="2376958513" sldId="260"/>
            <ac:spMk id="2931" creationId="{8329F583-C5D4-D024-7143-45E8EB095335}"/>
          </ac:spMkLst>
        </pc:spChg>
        <pc:spChg chg="mod">
          <ac:chgData name="White, Alex" userId="eff6cc8c-37d8-483b-9c6c-6b27e9afa9bc" providerId="ADAL" clId="{BF04C754-5BF4-4E83-9615-DB14FA25AF8A}" dt="2023-10-12T11:37:53" v="291"/>
          <ac:spMkLst>
            <pc:docMk/>
            <pc:sldMk cId="2376958513" sldId="260"/>
            <ac:spMk id="2932" creationId="{7F6B50D3-C229-5290-3F64-D2E268F83799}"/>
          </ac:spMkLst>
        </pc:spChg>
        <pc:spChg chg="mod">
          <ac:chgData name="White, Alex" userId="eff6cc8c-37d8-483b-9c6c-6b27e9afa9bc" providerId="ADAL" clId="{BF04C754-5BF4-4E83-9615-DB14FA25AF8A}" dt="2023-10-12T11:37:53" v="291"/>
          <ac:spMkLst>
            <pc:docMk/>
            <pc:sldMk cId="2376958513" sldId="260"/>
            <ac:spMk id="2933" creationId="{E7B9C0FF-2D79-5C23-9D24-03E87EC95991}"/>
          </ac:spMkLst>
        </pc:spChg>
        <pc:spChg chg="mod">
          <ac:chgData name="White, Alex" userId="eff6cc8c-37d8-483b-9c6c-6b27e9afa9bc" providerId="ADAL" clId="{BF04C754-5BF4-4E83-9615-DB14FA25AF8A}" dt="2023-10-12T11:37:53" v="291"/>
          <ac:spMkLst>
            <pc:docMk/>
            <pc:sldMk cId="2376958513" sldId="260"/>
            <ac:spMk id="2934" creationId="{299068A5-D666-F4C3-A7AA-EEBDB4EE1455}"/>
          </ac:spMkLst>
        </pc:spChg>
        <pc:spChg chg="mod">
          <ac:chgData name="White, Alex" userId="eff6cc8c-37d8-483b-9c6c-6b27e9afa9bc" providerId="ADAL" clId="{BF04C754-5BF4-4E83-9615-DB14FA25AF8A}" dt="2023-10-12T11:37:53" v="291"/>
          <ac:spMkLst>
            <pc:docMk/>
            <pc:sldMk cId="2376958513" sldId="260"/>
            <ac:spMk id="2935" creationId="{6843A36B-4ACF-9216-78B1-3E12A45968E5}"/>
          </ac:spMkLst>
        </pc:spChg>
        <pc:spChg chg="mod">
          <ac:chgData name="White, Alex" userId="eff6cc8c-37d8-483b-9c6c-6b27e9afa9bc" providerId="ADAL" clId="{BF04C754-5BF4-4E83-9615-DB14FA25AF8A}" dt="2023-10-12T11:37:53" v="291"/>
          <ac:spMkLst>
            <pc:docMk/>
            <pc:sldMk cId="2376958513" sldId="260"/>
            <ac:spMk id="2936" creationId="{0D3A0341-F5D9-0009-1703-983E5CA824F7}"/>
          </ac:spMkLst>
        </pc:spChg>
        <pc:spChg chg="mod">
          <ac:chgData name="White, Alex" userId="eff6cc8c-37d8-483b-9c6c-6b27e9afa9bc" providerId="ADAL" clId="{BF04C754-5BF4-4E83-9615-DB14FA25AF8A}" dt="2023-10-12T11:37:53" v="291"/>
          <ac:spMkLst>
            <pc:docMk/>
            <pc:sldMk cId="2376958513" sldId="260"/>
            <ac:spMk id="2937" creationId="{5E968E1B-BA1D-C9F3-B735-7B8A51816E1D}"/>
          </ac:spMkLst>
        </pc:spChg>
        <pc:spChg chg="mod">
          <ac:chgData name="White, Alex" userId="eff6cc8c-37d8-483b-9c6c-6b27e9afa9bc" providerId="ADAL" clId="{BF04C754-5BF4-4E83-9615-DB14FA25AF8A}" dt="2023-10-12T11:37:53" v="291"/>
          <ac:spMkLst>
            <pc:docMk/>
            <pc:sldMk cId="2376958513" sldId="260"/>
            <ac:spMk id="2938" creationId="{5C57CD98-C06A-A5E5-03E2-D4D407F01738}"/>
          </ac:spMkLst>
        </pc:spChg>
        <pc:spChg chg="mod">
          <ac:chgData name="White, Alex" userId="eff6cc8c-37d8-483b-9c6c-6b27e9afa9bc" providerId="ADAL" clId="{BF04C754-5BF4-4E83-9615-DB14FA25AF8A}" dt="2023-10-12T11:37:53" v="291"/>
          <ac:spMkLst>
            <pc:docMk/>
            <pc:sldMk cId="2376958513" sldId="260"/>
            <ac:spMk id="2939" creationId="{B216C9E0-EDA8-2ADB-E8D9-6A19338D09B9}"/>
          </ac:spMkLst>
        </pc:spChg>
        <pc:spChg chg="mod">
          <ac:chgData name="White, Alex" userId="eff6cc8c-37d8-483b-9c6c-6b27e9afa9bc" providerId="ADAL" clId="{BF04C754-5BF4-4E83-9615-DB14FA25AF8A}" dt="2023-10-12T11:37:53" v="291"/>
          <ac:spMkLst>
            <pc:docMk/>
            <pc:sldMk cId="2376958513" sldId="260"/>
            <ac:spMk id="2940" creationId="{590B986D-8DF1-BC4E-C105-DB36CB3C8BF8}"/>
          </ac:spMkLst>
        </pc:spChg>
        <pc:spChg chg="mod">
          <ac:chgData name="White, Alex" userId="eff6cc8c-37d8-483b-9c6c-6b27e9afa9bc" providerId="ADAL" clId="{BF04C754-5BF4-4E83-9615-DB14FA25AF8A}" dt="2023-10-12T11:37:53" v="291"/>
          <ac:spMkLst>
            <pc:docMk/>
            <pc:sldMk cId="2376958513" sldId="260"/>
            <ac:spMk id="2941" creationId="{22377212-4902-AB0F-2363-CAFA65DBCFE2}"/>
          </ac:spMkLst>
        </pc:spChg>
        <pc:spChg chg="mod">
          <ac:chgData name="White, Alex" userId="eff6cc8c-37d8-483b-9c6c-6b27e9afa9bc" providerId="ADAL" clId="{BF04C754-5BF4-4E83-9615-DB14FA25AF8A}" dt="2023-10-12T11:37:53" v="291"/>
          <ac:spMkLst>
            <pc:docMk/>
            <pc:sldMk cId="2376958513" sldId="260"/>
            <ac:spMk id="2942" creationId="{9A0C9F8E-F767-3F9E-7431-D27299694AB2}"/>
          </ac:spMkLst>
        </pc:spChg>
        <pc:spChg chg="mod">
          <ac:chgData name="White, Alex" userId="eff6cc8c-37d8-483b-9c6c-6b27e9afa9bc" providerId="ADAL" clId="{BF04C754-5BF4-4E83-9615-DB14FA25AF8A}" dt="2023-10-12T11:37:53" v="291"/>
          <ac:spMkLst>
            <pc:docMk/>
            <pc:sldMk cId="2376958513" sldId="260"/>
            <ac:spMk id="2943" creationId="{EB281CCC-44E4-4AF0-515C-D3376562FCAE}"/>
          </ac:spMkLst>
        </pc:spChg>
        <pc:spChg chg="mod">
          <ac:chgData name="White, Alex" userId="eff6cc8c-37d8-483b-9c6c-6b27e9afa9bc" providerId="ADAL" clId="{BF04C754-5BF4-4E83-9615-DB14FA25AF8A}" dt="2023-10-12T11:37:53" v="291"/>
          <ac:spMkLst>
            <pc:docMk/>
            <pc:sldMk cId="2376958513" sldId="260"/>
            <ac:spMk id="2944" creationId="{187A92E6-451D-78E2-2282-7DD011F843C6}"/>
          </ac:spMkLst>
        </pc:spChg>
        <pc:spChg chg="mod">
          <ac:chgData name="White, Alex" userId="eff6cc8c-37d8-483b-9c6c-6b27e9afa9bc" providerId="ADAL" clId="{BF04C754-5BF4-4E83-9615-DB14FA25AF8A}" dt="2023-10-12T11:37:53" v="291"/>
          <ac:spMkLst>
            <pc:docMk/>
            <pc:sldMk cId="2376958513" sldId="260"/>
            <ac:spMk id="2945" creationId="{AFDD1A71-3F7A-F7DF-D9AC-04AE7F689720}"/>
          </ac:spMkLst>
        </pc:spChg>
        <pc:spChg chg="mod">
          <ac:chgData name="White, Alex" userId="eff6cc8c-37d8-483b-9c6c-6b27e9afa9bc" providerId="ADAL" clId="{BF04C754-5BF4-4E83-9615-DB14FA25AF8A}" dt="2023-10-12T11:37:53" v="291"/>
          <ac:spMkLst>
            <pc:docMk/>
            <pc:sldMk cId="2376958513" sldId="260"/>
            <ac:spMk id="2946" creationId="{C8B22716-2E0D-3D71-B74A-62DDAD09CBA1}"/>
          </ac:spMkLst>
        </pc:spChg>
        <pc:spChg chg="mod">
          <ac:chgData name="White, Alex" userId="eff6cc8c-37d8-483b-9c6c-6b27e9afa9bc" providerId="ADAL" clId="{BF04C754-5BF4-4E83-9615-DB14FA25AF8A}" dt="2023-10-12T11:37:53" v="291"/>
          <ac:spMkLst>
            <pc:docMk/>
            <pc:sldMk cId="2376958513" sldId="260"/>
            <ac:spMk id="2947" creationId="{87378915-666C-2905-8969-7FF900D9AAD9}"/>
          </ac:spMkLst>
        </pc:spChg>
        <pc:spChg chg="mod">
          <ac:chgData name="White, Alex" userId="eff6cc8c-37d8-483b-9c6c-6b27e9afa9bc" providerId="ADAL" clId="{BF04C754-5BF4-4E83-9615-DB14FA25AF8A}" dt="2023-10-12T11:37:53" v="291"/>
          <ac:spMkLst>
            <pc:docMk/>
            <pc:sldMk cId="2376958513" sldId="260"/>
            <ac:spMk id="2948" creationId="{6BF6EFE4-AA0B-58E9-CAA6-EA14FED3BD40}"/>
          </ac:spMkLst>
        </pc:spChg>
        <pc:spChg chg="mod">
          <ac:chgData name="White, Alex" userId="eff6cc8c-37d8-483b-9c6c-6b27e9afa9bc" providerId="ADAL" clId="{BF04C754-5BF4-4E83-9615-DB14FA25AF8A}" dt="2023-10-12T11:37:53" v="291"/>
          <ac:spMkLst>
            <pc:docMk/>
            <pc:sldMk cId="2376958513" sldId="260"/>
            <ac:spMk id="2949" creationId="{A928E1B9-9950-E62B-4658-4EC7B7850FF7}"/>
          </ac:spMkLst>
        </pc:spChg>
        <pc:spChg chg="mod">
          <ac:chgData name="White, Alex" userId="eff6cc8c-37d8-483b-9c6c-6b27e9afa9bc" providerId="ADAL" clId="{BF04C754-5BF4-4E83-9615-DB14FA25AF8A}" dt="2023-10-12T11:37:53" v="291"/>
          <ac:spMkLst>
            <pc:docMk/>
            <pc:sldMk cId="2376958513" sldId="260"/>
            <ac:spMk id="2950" creationId="{C37652F5-5841-A781-9586-DB71E452923C}"/>
          </ac:spMkLst>
        </pc:spChg>
        <pc:spChg chg="mod">
          <ac:chgData name="White, Alex" userId="eff6cc8c-37d8-483b-9c6c-6b27e9afa9bc" providerId="ADAL" clId="{BF04C754-5BF4-4E83-9615-DB14FA25AF8A}" dt="2023-10-12T11:37:53" v="291"/>
          <ac:spMkLst>
            <pc:docMk/>
            <pc:sldMk cId="2376958513" sldId="260"/>
            <ac:spMk id="2951" creationId="{2F1F1361-04E4-BED6-0E9A-67A7B53300C1}"/>
          </ac:spMkLst>
        </pc:spChg>
        <pc:spChg chg="mod">
          <ac:chgData name="White, Alex" userId="eff6cc8c-37d8-483b-9c6c-6b27e9afa9bc" providerId="ADAL" clId="{BF04C754-5BF4-4E83-9615-DB14FA25AF8A}" dt="2023-10-12T11:37:53" v="291"/>
          <ac:spMkLst>
            <pc:docMk/>
            <pc:sldMk cId="2376958513" sldId="260"/>
            <ac:spMk id="2952" creationId="{AF732858-DB8F-5A84-A2E3-6C840CC247CE}"/>
          </ac:spMkLst>
        </pc:spChg>
        <pc:spChg chg="mod">
          <ac:chgData name="White, Alex" userId="eff6cc8c-37d8-483b-9c6c-6b27e9afa9bc" providerId="ADAL" clId="{BF04C754-5BF4-4E83-9615-DB14FA25AF8A}" dt="2023-10-12T11:37:53" v="291"/>
          <ac:spMkLst>
            <pc:docMk/>
            <pc:sldMk cId="2376958513" sldId="260"/>
            <ac:spMk id="2953" creationId="{6E65E052-F08B-F00F-7CFF-50A1EA67B4FF}"/>
          </ac:spMkLst>
        </pc:spChg>
        <pc:spChg chg="mod">
          <ac:chgData name="White, Alex" userId="eff6cc8c-37d8-483b-9c6c-6b27e9afa9bc" providerId="ADAL" clId="{BF04C754-5BF4-4E83-9615-DB14FA25AF8A}" dt="2023-10-12T11:37:53" v="291"/>
          <ac:spMkLst>
            <pc:docMk/>
            <pc:sldMk cId="2376958513" sldId="260"/>
            <ac:spMk id="2954" creationId="{D9F7386C-DDA4-44A5-B996-E2AA3B58CFF5}"/>
          </ac:spMkLst>
        </pc:spChg>
        <pc:spChg chg="mod">
          <ac:chgData name="White, Alex" userId="eff6cc8c-37d8-483b-9c6c-6b27e9afa9bc" providerId="ADAL" clId="{BF04C754-5BF4-4E83-9615-DB14FA25AF8A}" dt="2023-10-12T11:37:53" v="291"/>
          <ac:spMkLst>
            <pc:docMk/>
            <pc:sldMk cId="2376958513" sldId="260"/>
            <ac:spMk id="2955" creationId="{187E6509-86E6-33D5-98D8-E27C2D138BDC}"/>
          </ac:spMkLst>
        </pc:spChg>
        <pc:spChg chg="mod">
          <ac:chgData name="White, Alex" userId="eff6cc8c-37d8-483b-9c6c-6b27e9afa9bc" providerId="ADAL" clId="{BF04C754-5BF4-4E83-9615-DB14FA25AF8A}" dt="2023-10-12T11:37:53" v="291"/>
          <ac:spMkLst>
            <pc:docMk/>
            <pc:sldMk cId="2376958513" sldId="260"/>
            <ac:spMk id="2956" creationId="{E0E7B0D6-D28B-6C81-E96C-244625075121}"/>
          </ac:spMkLst>
        </pc:spChg>
        <pc:spChg chg="mod">
          <ac:chgData name="White, Alex" userId="eff6cc8c-37d8-483b-9c6c-6b27e9afa9bc" providerId="ADAL" clId="{BF04C754-5BF4-4E83-9615-DB14FA25AF8A}" dt="2023-10-12T11:37:53" v="291"/>
          <ac:spMkLst>
            <pc:docMk/>
            <pc:sldMk cId="2376958513" sldId="260"/>
            <ac:spMk id="2957" creationId="{DEC8E65A-F715-B06F-D237-88C44EE60ED7}"/>
          </ac:spMkLst>
        </pc:spChg>
        <pc:spChg chg="mod">
          <ac:chgData name="White, Alex" userId="eff6cc8c-37d8-483b-9c6c-6b27e9afa9bc" providerId="ADAL" clId="{BF04C754-5BF4-4E83-9615-DB14FA25AF8A}" dt="2023-10-12T11:37:53" v="291"/>
          <ac:spMkLst>
            <pc:docMk/>
            <pc:sldMk cId="2376958513" sldId="260"/>
            <ac:spMk id="2958" creationId="{A6A2F3F9-EBA8-B346-180A-CF4DAD00546A}"/>
          </ac:spMkLst>
        </pc:spChg>
        <pc:spChg chg="mod">
          <ac:chgData name="White, Alex" userId="eff6cc8c-37d8-483b-9c6c-6b27e9afa9bc" providerId="ADAL" clId="{BF04C754-5BF4-4E83-9615-DB14FA25AF8A}" dt="2023-10-12T11:37:53" v="291"/>
          <ac:spMkLst>
            <pc:docMk/>
            <pc:sldMk cId="2376958513" sldId="260"/>
            <ac:spMk id="2959" creationId="{08ED56B6-CE10-AC6D-3E9A-33E2C5458FD6}"/>
          </ac:spMkLst>
        </pc:spChg>
        <pc:spChg chg="mod">
          <ac:chgData name="White, Alex" userId="eff6cc8c-37d8-483b-9c6c-6b27e9afa9bc" providerId="ADAL" clId="{BF04C754-5BF4-4E83-9615-DB14FA25AF8A}" dt="2023-10-12T11:37:53" v="291"/>
          <ac:spMkLst>
            <pc:docMk/>
            <pc:sldMk cId="2376958513" sldId="260"/>
            <ac:spMk id="2960" creationId="{C1158990-39A0-82D5-47B9-ED243A61225E}"/>
          </ac:spMkLst>
        </pc:spChg>
        <pc:spChg chg="mod">
          <ac:chgData name="White, Alex" userId="eff6cc8c-37d8-483b-9c6c-6b27e9afa9bc" providerId="ADAL" clId="{BF04C754-5BF4-4E83-9615-DB14FA25AF8A}" dt="2023-10-12T11:37:53" v="291"/>
          <ac:spMkLst>
            <pc:docMk/>
            <pc:sldMk cId="2376958513" sldId="260"/>
            <ac:spMk id="2961" creationId="{19D2B296-BDBA-B924-CCED-B06574ED66E7}"/>
          </ac:spMkLst>
        </pc:spChg>
        <pc:spChg chg="mod">
          <ac:chgData name="White, Alex" userId="eff6cc8c-37d8-483b-9c6c-6b27e9afa9bc" providerId="ADAL" clId="{BF04C754-5BF4-4E83-9615-DB14FA25AF8A}" dt="2023-10-12T11:37:53" v="291"/>
          <ac:spMkLst>
            <pc:docMk/>
            <pc:sldMk cId="2376958513" sldId="260"/>
            <ac:spMk id="2962" creationId="{09DE234D-5FF1-43E2-0838-6D2125DF20BD}"/>
          </ac:spMkLst>
        </pc:spChg>
        <pc:spChg chg="mod">
          <ac:chgData name="White, Alex" userId="eff6cc8c-37d8-483b-9c6c-6b27e9afa9bc" providerId="ADAL" clId="{BF04C754-5BF4-4E83-9615-DB14FA25AF8A}" dt="2023-10-12T11:37:53" v="291"/>
          <ac:spMkLst>
            <pc:docMk/>
            <pc:sldMk cId="2376958513" sldId="260"/>
            <ac:spMk id="2963" creationId="{79E0A3A4-E7ED-8B49-372A-B8FBD7571BE5}"/>
          </ac:spMkLst>
        </pc:spChg>
        <pc:spChg chg="mod">
          <ac:chgData name="White, Alex" userId="eff6cc8c-37d8-483b-9c6c-6b27e9afa9bc" providerId="ADAL" clId="{BF04C754-5BF4-4E83-9615-DB14FA25AF8A}" dt="2023-10-12T11:37:53" v="291"/>
          <ac:spMkLst>
            <pc:docMk/>
            <pc:sldMk cId="2376958513" sldId="260"/>
            <ac:spMk id="2964" creationId="{0FC396D1-43EC-DD36-AAD8-591960FDD165}"/>
          </ac:spMkLst>
        </pc:spChg>
        <pc:spChg chg="mod">
          <ac:chgData name="White, Alex" userId="eff6cc8c-37d8-483b-9c6c-6b27e9afa9bc" providerId="ADAL" clId="{BF04C754-5BF4-4E83-9615-DB14FA25AF8A}" dt="2023-10-12T11:37:53" v="291"/>
          <ac:spMkLst>
            <pc:docMk/>
            <pc:sldMk cId="2376958513" sldId="260"/>
            <ac:spMk id="2965" creationId="{FD48C996-256B-ECC3-BD03-5D3E8C6DAED1}"/>
          </ac:spMkLst>
        </pc:spChg>
        <pc:spChg chg="mod">
          <ac:chgData name="White, Alex" userId="eff6cc8c-37d8-483b-9c6c-6b27e9afa9bc" providerId="ADAL" clId="{BF04C754-5BF4-4E83-9615-DB14FA25AF8A}" dt="2023-10-12T11:37:53" v="291"/>
          <ac:spMkLst>
            <pc:docMk/>
            <pc:sldMk cId="2376958513" sldId="260"/>
            <ac:spMk id="2966" creationId="{E27CDE37-33AE-AE30-FA55-3676E12AEA5A}"/>
          </ac:spMkLst>
        </pc:spChg>
        <pc:spChg chg="mod">
          <ac:chgData name="White, Alex" userId="eff6cc8c-37d8-483b-9c6c-6b27e9afa9bc" providerId="ADAL" clId="{BF04C754-5BF4-4E83-9615-DB14FA25AF8A}" dt="2023-10-12T11:37:53" v="291"/>
          <ac:spMkLst>
            <pc:docMk/>
            <pc:sldMk cId="2376958513" sldId="260"/>
            <ac:spMk id="2967" creationId="{9F200C5B-8E57-DE96-ED43-2EDC5A621DED}"/>
          </ac:spMkLst>
        </pc:spChg>
        <pc:spChg chg="mod">
          <ac:chgData name="White, Alex" userId="eff6cc8c-37d8-483b-9c6c-6b27e9afa9bc" providerId="ADAL" clId="{BF04C754-5BF4-4E83-9615-DB14FA25AF8A}" dt="2023-10-12T11:37:53" v="291"/>
          <ac:spMkLst>
            <pc:docMk/>
            <pc:sldMk cId="2376958513" sldId="260"/>
            <ac:spMk id="2968" creationId="{63F84A1C-69E8-DD05-5DD8-2269CEBE7C38}"/>
          </ac:spMkLst>
        </pc:spChg>
        <pc:spChg chg="mod">
          <ac:chgData name="White, Alex" userId="eff6cc8c-37d8-483b-9c6c-6b27e9afa9bc" providerId="ADAL" clId="{BF04C754-5BF4-4E83-9615-DB14FA25AF8A}" dt="2023-10-12T11:37:53" v="291"/>
          <ac:spMkLst>
            <pc:docMk/>
            <pc:sldMk cId="2376958513" sldId="260"/>
            <ac:spMk id="2969" creationId="{960E054D-61DB-D41C-CB1D-12B25E5FE325}"/>
          </ac:spMkLst>
        </pc:spChg>
        <pc:spChg chg="mod">
          <ac:chgData name="White, Alex" userId="eff6cc8c-37d8-483b-9c6c-6b27e9afa9bc" providerId="ADAL" clId="{BF04C754-5BF4-4E83-9615-DB14FA25AF8A}" dt="2023-10-12T11:37:53" v="291"/>
          <ac:spMkLst>
            <pc:docMk/>
            <pc:sldMk cId="2376958513" sldId="260"/>
            <ac:spMk id="2970" creationId="{019D5A80-1A22-6D27-3D22-8E351920A957}"/>
          </ac:spMkLst>
        </pc:spChg>
        <pc:spChg chg="mod">
          <ac:chgData name="White, Alex" userId="eff6cc8c-37d8-483b-9c6c-6b27e9afa9bc" providerId="ADAL" clId="{BF04C754-5BF4-4E83-9615-DB14FA25AF8A}" dt="2023-10-12T11:37:53" v="291"/>
          <ac:spMkLst>
            <pc:docMk/>
            <pc:sldMk cId="2376958513" sldId="260"/>
            <ac:spMk id="2971" creationId="{EC2B47D4-DDBA-A430-31B3-772AAF949765}"/>
          </ac:spMkLst>
        </pc:spChg>
        <pc:spChg chg="mod">
          <ac:chgData name="White, Alex" userId="eff6cc8c-37d8-483b-9c6c-6b27e9afa9bc" providerId="ADAL" clId="{BF04C754-5BF4-4E83-9615-DB14FA25AF8A}" dt="2023-10-12T11:37:53" v="291"/>
          <ac:spMkLst>
            <pc:docMk/>
            <pc:sldMk cId="2376958513" sldId="260"/>
            <ac:spMk id="2972" creationId="{7A3BE081-EDDE-DDBA-C4D9-47885D29CD91}"/>
          </ac:spMkLst>
        </pc:spChg>
        <pc:spChg chg="mod">
          <ac:chgData name="White, Alex" userId="eff6cc8c-37d8-483b-9c6c-6b27e9afa9bc" providerId="ADAL" clId="{BF04C754-5BF4-4E83-9615-DB14FA25AF8A}" dt="2023-10-12T11:37:53" v="291"/>
          <ac:spMkLst>
            <pc:docMk/>
            <pc:sldMk cId="2376958513" sldId="260"/>
            <ac:spMk id="2973" creationId="{5991ECDD-232A-252B-37C0-F073DA7C7247}"/>
          </ac:spMkLst>
        </pc:spChg>
        <pc:spChg chg="mod">
          <ac:chgData name="White, Alex" userId="eff6cc8c-37d8-483b-9c6c-6b27e9afa9bc" providerId="ADAL" clId="{BF04C754-5BF4-4E83-9615-DB14FA25AF8A}" dt="2023-10-12T11:37:53" v="291"/>
          <ac:spMkLst>
            <pc:docMk/>
            <pc:sldMk cId="2376958513" sldId="260"/>
            <ac:spMk id="2974" creationId="{A192A99C-015F-B6F1-43E5-5302A373FEA4}"/>
          </ac:spMkLst>
        </pc:spChg>
        <pc:spChg chg="mod">
          <ac:chgData name="White, Alex" userId="eff6cc8c-37d8-483b-9c6c-6b27e9afa9bc" providerId="ADAL" clId="{BF04C754-5BF4-4E83-9615-DB14FA25AF8A}" dt="2023-10-12T11:37:53" v="291"/>
          <ac:spMkLst>
            <pc:docMk/>
            <pc:sldMk cId="2376958513" sldId="260"/>
            <ac:spMk id="2975" creationId="{A1EBDE81-CD94-BEF1-EFEE-94E3B94C4A5E}"/>
          </ac:spMkLst>
        </pc:spChg>
        <pc:spChg chg="mod">
          <ac:chgData name="White, Alex" userId="eff6cc8c-37d8-483b-9c6c-6b27e9afa9bc" providerId="ADAL" clId="{BF04C754-5BF4-4E83-9615-DB14FA25AF8A}" dt="2023-10-12T11:37:53" v="291"/>
          <ac:spMkLst>
            <pc:docMk/>
            <pc:sldMk cId="2376958513" sldId="260"/>
            <ac:spMk id="2976" creationId="{309D74E8-210D-D058-D479-C16D0B1C4F69}"/>
          </ac:spMkLst>
        </pc:spChg>
        <pc:spChg chg="mod">
          <ac:chgData name="White, Alex" userId="eff6cc8c-37d8-483b-9c6c-6b27e9afa9bc" providerId="ADAL" clId="{BF04C754-5BF4-4E83-9615-DB14FA25AF8A}" dt="2023-10-12T11:37:53" v="291"/>
          <ac:spMkLst>
            <pc:docMk/>
            <pc:sldMk cId="2376958513" sldId="260"/>
            <ac:spMk id="2977" creationId="{175DC910-494C-5472-EC90-98ABC0E313F9}"/>
          </ac:spMkLst>
        </pc:spChg>
        <pc:spChg chg="mod">
          <ac:chgData name="White, Alex" userId="eff6cc8c-37d8-483b-9c6c-6b27e9afa9bc" providerId="ADAL" clId="{BF04C754-5BF4-4E83-9615-DB14FA25AF8A}" dt="2023-10-12T11:37:53" v="291"/>
          <ac:spMkLst>
            <pc:docMk/>
            <pc:sldMk cId="2376958513" sldId="260"/>
            <ac:spMk id="2978" creationId="{FAF9B415-0F91-2A4E-5EB8-58D245B60C8D}"/>
          </ac:spMkLst>
        </pc:spChg>
        <pc:spChg chg="mod">
          <ac:chgData name="White, Alex" userId="eff6cc8c-37d8-483b-9c6c-6b27e9afa9bc" providerId="ADAL" clId="{BF04C754-5BF4-4E83-9615-DB14FA25AF8A}" dt="2023-10-12T11:37:53" v="291"/>
          <ac:spMkLst>
            <pc:docMk/>
            <pc:sldMk cId="2376958513" sldId="260"/>
            <ac:spMk id="2979" creationId="{F2C9D72F-E6E2-BC58-81D8-B1B45A08C126}"/>
          </ac:spMkLst>
        </pc:spChg>
        <pc:spChg chg="mod">
          <ac:chgData name="White, Alex" userId="eff6cc8c-37d8-483b-9c6c-6b27e9afa9bc" providerId="ADAL" clId="{BF04C754-5BF4-4E83-9615-DB14FA25AF8A}" dt="2023-10-12T11:37:53" v="291"/>
          <ac:spMkLst>
            <pc:docMk/>
            <pc:sldMk cId="2376958513" sldId="260"/>
            <ac:spMk id="2980" creationId="{218AE289-357D-F5C1-98CA-5AC8D8E83616}"/>
          </ac:spMkLst>
        </pc:spChg>
        <pc:spChg chg="mod">
          <ac:chgData name="White, Alex" userId="eff6cc8c-37d8-483b-9c6c-6b27e9afa9bc" providerId="ADAL" clId="{BF04C754-5BF4-4E83-9615-DB14FA25AF8A}" dt="2023-10-12T11:37:53" v="291"/>
          <ac:spMkLst>
            <pc:docMk/>
            <pc:sldMk cId="2376958513" sldId="260"/>
            <ac:spMk id="2981" creationId="{A098E89E-67B1-FAC3-BE77-1D0365A19B1B}"/>
          </ac:spMkLst>
        </pc:spChg>
        <pc:spChg chg="mod">
          <ac:chgData name="White, Alex" userId="eff6cc8c-37d8-483b-9c6c-6b27e9afa9bc" providerId="ADAL" clId="{BF04C754-5BF4-4E83-9615-DB14FA25AF8A}" dt="2023-10-12T11:37:53" v="291"/>
          <ac:spMkLst>
            <pc:docMk/>
            <pc:sldMk cId="2376958513" sldId="260"/>
            <ac:spMk id="2982" creationId="{DA32A596-01A5-D34E-B1B5-0A281BBB08E0}"/>
          </ac:spMkLst>
        </pc:spChg>
        <pc:spChg chg="mod">
          <ac:chgData name="White, Alex" userId="eff6cc8c-37d8-483b-9c6c-6b27e9afa9bc" providerId="ADAL" clId="{BF04C754-5BF4-4E83-9615-DB14FA25AF8A}" dt="2023-10-12T11:37:53" v="291"/>
          <ac:spMkLst>
            <pc:docMk/>
            <pc:sldMk cId="2376958513" sldId="260"/>
            <ac:spMk id="2983" creationId="{A7E67F1A-3D4B-8C6E-A33B-93851B7007B2}"/>
          </ac:spMkLst>
        </pc:spChg>
        <pc:spChg chg="mod">
          <ac:chgData name="White, Alex" userId="eff6cc8c-37d8-483b-9c6c-6b27e9afa9bc" providerId="ADAL" clId="{BF04C754-5BF4-4E83-9615-DB14FA25AF8A}" dt="2023-10-12T11:37:53" v="291"/>
          <ac:spMkLst>
            <pc:docMk/>
            <pc:sldMk cId="2376958513" sldId="260"/>
            <ac:spMk id="2984" creationId="{44B51F5A-2AD2-A7F0-42DE-9A10D2D26F6E}"/>
          </ac:spMkLst>
        </pc:spChg>
        <pc:spChg chg="mod">
          <ac:chgData name="White, Alex" userId="eff6cc8c-37d8-483b-9c6c-6b27e9afa9bc" providerId="ADAL" clId="{BF04C754-5BF4-4E83-9615-DB14FA25AF8A}" dt="2023-10-12T11:37:53" v="291"/>
          <ac:spMkLst>
            <pc:docMk/>
            <pc:sldMk cId="2376958513" sldId="260"/>
            <ac:spMk id="2985" creationId="{512DD181-0E2E-F324-16B3-E1044DA69642}"/>
          </ac:spMkLst>
        </pc:spChg>
        <pc:spChg chg="mod">
          <ac:chgData name="White, Alex" userId="eff6cc8c-37d8-483b-9c6c-6b27e9afa9bc" providerId="ADAL" clId="{BF04C754-5BF4-4E83-9615-DB14FA25AF8A}" dt="2023-10-12T11:37:53" v="291"/>
          <ac:spMkLst>
            <pc:docMk/>
            <pc:sldMk cId="2376958513" sldId="260"/>
            <ac:spMk id="2986" creationId="{EED5CFE2-5E58-78D9-E371-2422A86B5FB0}"/>
          </ac:spMkLst>
        </pc:spChg>
        <pc:spChg chg="mod">
          <ac:chgData name="White, Alex" userId="eff6cc8c-37d8-483b-9c6c-6b27e9afa9bc" providerId="ADAL" clId="{BF04C754-5BF4-4E83-9615-DB14FA25AF8A}" dt="2023-10-12T11:37:53" v="291"/>
          <ac:spMkLst>
            <pc:docMk/>
            <pc:sldMk cId="2376958513" sldId="260"/>
            <ac:spMk id="2987" creationId="{6990E5D8-8A2E-082D-B891-444208CFAD07}"/>
          </ac:spMkLst>
        </pc:spChg>
        <pc:spChg chg="mod">
          <ac:chgData name="White, Alex" userId="eff6cc8c-37d8-483b-9c6c-6b27e9afa9bc" providerId="ADAL" clId="{BF04C754-5BF4-4E83-9615-DB14FA25AF8A}" dt="2023-10-12T11:37:53" v="291"/>
          <ac:spMkLst>
            <pc:docMk/>
            <pc:sldMk cId="2376958513" sldId="260"/>
            <ac:spMk id="2988" creationId="{5C626B88-4FD2-73D2-68B4-80676D01EA27}"/>
          </ac:spMkLst>
        </pc:spChg>
        <pc:spChg chg="mod">
          <ac:chgData name="White, Alex" userId="eff6cc8c-37d8-483b-9c6c-6b27e9afa9bc" providerId="ADAL" clId="{BF04C754-5BF4-4E83-9615-DB14FA25AF8A}" dt="2023-10-12T11:37:53" v="291"/>
          <ac:spMkLst>
            <pc:docMk/>
            <pc:sldMk cId="2376958513" sldId="260"/>
            <ac:spMk id="2989" creationId="{8C75A470-AAE4-F769-E27E-22AB5D120E47}"/>
          </ac:spMkLst>
        </pc:spChg>
        <pc:spChg chg="mod">
          <ac:chgData name="White, Alex" userId="eff6cc8c-37d8-483b-9c6c-6b27e9afa9bc" providerId="ADAL" clId="{BF04C754-5BF4-4E83-9615-DB14FA25AF8A}" dt="2023-10-12T11:37:53" v="291"/>
          <ac:spMkLst>
            <pc:docMk/>
            <pc:sldMk cId="2376958513" sldId="260"/>
            <ac:spMk id="2990" creationId="{37D2671A-A567-3441-9F5D-83CFBEFA8352}"/>
          </ac:spMkLst>
        </pc:spChg>
        <pc:spChg chg="mod">
          <ac:chgData name="White, Alex" userId="eff6cc8c-37d8-483b-9c6c-6b27e9afa9bc" providerId="ADAL" clId="{BF04C754-5BF4-4E83-9615-DB14FA25AF8A}" dt="2023-10-12T11:37:53" v="291"/>
          <ac:spMkLst>
            <pc:docMk/>
            <pc:sldMk cId="2376958513" sldId="260"/>
            <ac:spMk id="2991" creationId="{BE83754B-23A5-34A1-F831-A038C3341506}"/>
          </ac:spMkLst>
        </pc:spChg>
        <pc:spChg chg="mod">
          <ac:chgData name="White, Alex" userId="eff6cc8c-37d8-483b-9c6c-6b27e9afa9bc" providerId="ADAL" clId="{BF04C754-5BF4-4E83-9615-DB14FA25AF8A}" dt="2023-10-12T11:37:53" v="291"/>
          <ac:spMkLst>
            <pc:docMk/>
            <pc:sldMk cId="2376958513" sldId="260"/>
            <ac:spMk id="2992" creationId="{55FD4A89-B4FA-1A27-1CA9-5AAF9C441B65}"/>
          </ac:spMkLst>
        </pc:spChg>
        <pc:spChg chg="mod">
          <ac:chgData name="White, Alex" userId="eff6cc8c-37d8-483b-9c6c-6b27e9afa9bc" providerId="ADAL" clId="{BF04C754-5BF4-4E83-9615-DB14FA25AF8A}" dt="2023-10-12T11:37:53" v="291"/>
          <ac:spMkLst>
            <pc:docMk/>
            <pc:sldMk cId="2376958513" sldId="260"/>
            <ac:spMk id="2993" creationId="{9F7D46C3-47EA-69D1-55C4-43675FFE2CAD}"/>
          </ac:spMkLst>
        </pc:spChg>
        <pc:spChg chg="mod">
          <ac:chgData name="White, Alex" userId="eff6cc8c-37d8-483b-9c6c-6b27e9afa9bc" providerId="ADAL" clId="{BF04C754-5BF4-4E83-9615-DB14FA25AF8A}" dt="2023-10-12T11:37:53" v="291"/>
          <ac:spMkLst>
            <pc:docMk/>
            <pc:sldMk cId="2376958513" sldId="260"/>
            <ac:spMk id="2994" creationId="{50CE7E56-CFEE-1B83-ECD3-B9FF3FC57360}"/>
          </ac:spMkLst>
        </pc:spChg>
        <pc:spChg chg="mod">
          <ac:chgData name="White, Alex" userId="eff6cc8c-37d8-483b-9c6c-6b27e9afa9bc" providerId="ADAL" clId="{BF04C754-5BF4-4E83-9615-DB14FA25AF8A}" dt="2023-10-12T11:37:53" v="291"/>
          <ac:spMkLst>
            <pc:docMk/>
            <pc:sldMk cId="2376958513" sldId="260"/>
            <ac:spMk id="2995" creationId="{A0B0F94A-0E24-EB7F-75EE-05BAD5471A8B}"/>
          </ac:spMkLst>
        </pc:spChg>
        <pc:spChg chg="mod">
          <ac:chgData name="White, Alex" userId="eff6cc8c-37d8-483b-9c6c-6b27e9afa9bc" providerId="ADAL" clId="{BF04C754-5BF4-4E83-9615-DB14FA25AF8A}" dt="2023-10-12T11:37:53" v="291"/>
          <ac:spMkLst>
            <pc:docMk/>
            <pc:sldMk cId="2376958513" sldId="260"/>
            <ac:spMk id="2996" creationId="{1FE43B9C-3A1A-166B-912C-748620927244}"/>
          </ac:spMkLst>
        </pc:spChg>
        <pc:spChg chg="mod">
          <ac:chgData name="White, Alex" userId="eff6cc8c-37d8-483b-9c6c-6b27e9afa9bc" providerId="ADAL" clId="{BF04C754-5BF4-4E83-9615-DB14FA25AF8A}" dt="2023-10-12T11:37:53" v="291"/>
          <ac:spMkLst>
            <pc:docMk/>
            <pc:sldMk cId="2376958513" sldId="260"/>
            <ac:spMk id="2997" creationId="{D2929816-FA9F-088E-E469-E4750A0BEB59}"/>
          </ac:spMkLst>
        </pc:spChg>
        <pc:spChg chg="mod">
          <ac:chgData name="White, Alex" userId="eff6cc8c-37d8-483b-9c6c-6b27e9afa9bc" providerId="ADAL" clId="{BF04C754-5BF4-4E83-9615-DB14FA25AF8A}" dt="2023-10-12T11:37:53" v="291"/>
          <ac:spMkLst>
            <pc:docMk/>
            <pc:sldMk cId="2376958513" sldId="260"/>
            <ac:spMk id="2998" creationId="{062D4F7D-CD79-B1D6-25B6-AA7ACCDDA9EA}"/>
          </ac:spMkLst>
        </pc:spChg>
        <pc:spChg chg="mod">
          <ac:chgData name="White, Alex" userId="eff6cc8c-37d8-483b-9c6c-6b27e9afa9bc" providerId="ADAL" clId="{BF04C754-5BF4-4E83-9615-DB14FA25AF8A}" dt="2023-10-12T11:37:53" v="291"/>
          <ac:spMkLst>
            <pc:docMk/>
            <pc:sldMk cId="2376958513" sldId="260"/>
            <ac:spMk id="2999" creationId="{25C9489C-0EF8-67FC-5D0F-EA0D54B2F64E}"/>
          </ac:spMkLst>
        </pc:spChg>
        <pc:spChg chg="mod">
          <ac:chgData name="White, Alex" userId="eff6cc8c-37d8-483b-9c6c-6b27e9afa9bc" providerId="ADAL" clId="{BF04C754-5BF4-4E83-9615-DB14FA25AF8A}" dt="2023-10-12T11:37:53" v="291"/>
          <ac:spMkLst>
            <pc:docMk/>
            <pc:sldMk cId="2376958513" sldId="260"/>
            <ac:spMk id="3000" creationId="{866D1190-ACB9-0BEE-78B7-AEEB433D98B3}"/>
          </ac:spMkLst>
        </pc:spChg>
        <pc:spChg chg="mod">
          <ac:chgData name="White, Alex" userId="eff6cc8c-37d8-483b-9c6c-6b27e9afa9bc" providerId="ADAL" clId="{BF04C754-5BF4-4E83-9615-DB14FA25AF8A}" dt="2023-10-12T11:37:53" v="291"/>
          <ac:spMkLst>
            <pc:docMk/>
            <pc:sldMk cId="2376958513" sldId="260"/>
            <ac:spMk id="3001" creationId="{76C0C544-3929-4404-8604-7563A30FE93C}"/>
          </ac:spMkLst>
        </pc:spChg>
        <pc:spChg chg="mod">
          <ac:chgData name="White, Alex" userId="eff6cc8c-37d8-483b-9c6c-6b27e9afa9bc" providerId="ADAL" clId="{BF04C754-5BF4-4E83-9615-DB14FA25AF8A}" dt="2023-10-12T11:37:53" v="291"/>
          <ac:spMkLst>
            <pc:docMk/>
            <pc:sldMk cId="2376958513" sldId="260"/>
            <ac:spMk id="3002" creationId="{060F47CB-A1FD-5423-617E-75BF29702731}"/>
          </ac:spMkLst>
        </pc:spChg>
        <pc:spChg chg="mod">
          <ac:chgData name="White, Alex" userId="eff6cc8c-37d8-483b-9c6c-6b27e9afa9bc" providerId="ADAL" clId="{BF04C754-5BF4-4E83-9615-DB14FA25AF8A}" dt="2023-10-12T11:37:53" v="291"/>
          <ac:spMkLst>
            <pc:docMk/>
            <pc:sldMk cId="2376958513" sldId="260"/>
            <ac:spMk id="3003" creationId="{F439F36D-85E7-9E58-FB3A-7D4A5CB445D3}"/>
          </ac:spMkLst>
        </pc:spChg>
        <pc:spChg chg="mod">
          <ac:chgData name="White, Alex" userId="eff6cc8c-37d8-483b-9c6c-6b27e9afa9bc" providerId="ADAL" clId="{BF04C754-5BF4-4E83-9615-DB14FA25AF8A}" dt="2023-10-12T11:37:53" v="291"/>
          <ac:spMkLst>
            <pc:docMk/>
            <pc:sldMk cId="2376958513" sldId="260"/>
            <ac:spMk id="3004" creationId="{CE5C42B3-291B-3167-BD70-22A225789947}"/>
          </ac:spMkLst>
        </pc:spChg>
        <pc:spChg chg="mod">
          <ac:chgData name="White, Alex" userId="eff6cc8c-37d8-483b-9c6c-6b27e9afa9bc" providerId="ADAL" clId="{BF04C754-5BF4-4E83-9615-DB14FA25AF8A}" dt="2023-10-12T11:37:53" v="291"/>
          <ac:spMkLst>
            <pc:docMk/>
            <pc:sldMk cId="2376958513" sldId="260"/>
            <ac:spMk id="3005" creationId="{BB900F49-B5E1-6182-C095-C554E657CBFA}"/>
          </ac:spMkLst>
        </pc:spChg>
        <pc:spChg chg="mod">
          <ac:chgData name="White, Alex" userId="eff6cc8c-37d8-483b-9c6c-6b27e9afa9bc" providerId="ADAL" clId="{BF04C754-5BF4-4E83-9615-DB14FA25AF8A}" dt="2023-10-12T11:37:53" v="291"/>
          <ac:spMkLst>
            <pc:docMk/>
            <pc:sldMk cId="2376958513" sldId="260"/>
            <ac:spMk id="3006" creationId="{96053730-2FF9-95A7-209A-78D23E6E4C13}"/>
          </ac:spMkLst>
        </pc:spChg>
        <pc:spChg chg="mod">
          <ac:chgData name="White, Alex" userId="eff6cc8c-37d8-483b-9c6c-6b27e9afa9bc" providerId="ADAL" clId="{BF04C754-5BF4-4E83-9615-DB14FA25AF8A}" dt="2023-10-12T11:37:53" v="291"/>
          <ac:spMkLst>
            <pc:docMk/>
            <pc:sldMk cId="2376958513" sldId="260"/>
            <ac:spMk id="3007" creationId="{6DD90FFD-FF57-0C11-0498-87F39F06D43B}"/>
          </ac:spMkLst>
        </pc:spChg>
        <pc:spChg chg="mod">
          <ac:chgData name="White, Alex" userId="eff6cc8c-37d8-483b-9c6c-6b27e9afa9bc" providerId="ADAL" clId="{BF04C754-5BF4-4E83-9615-DB14FA25AF8A}" dt="2023-10-12T11:37:53" v="291"/>
          <ac:spMkLst>
            <pc:docMk/>
            <pc:sldMk cId="2376958513" sldId="260"/>
            <ac:spMk id="3008" creationId="{33FBDD5D-28EC-E19D-524D-BE6426BDEB4F}"/>
          </ac:spMkLst>
        </pc:spChg>
        <pc:spChg chg="mod">
          <ac:chgData name="White, Alex" userId="eff6cc8c-37d8-483b-9c6c-6b27e9afa9bc" providerId="ADAL" clId="{BF04C754-5BF4-4E83-9615-DB14FA25AF8A}" dt="2023-10-12T11:37:53" v="291"/>
          <ac:spMkLst>
            <pc:docMk/>
            <pc:sldMk cId="2376958513" sldId="260"/>
            <ac:spMk id="3009" creationId="{94ADA9D3-2BFA-9F69-C522-CF873B54693F}"/>
          </ac:spMkLst>
        </pc:spChg>
        <pc:spChg chg="mod">
          <ac:chgData name="White, Alex" userId="eff6cc8c-37d8-483b-9c6c-6b27e9afa9bc" providerId="ADAL" clId="{BF04C754-5BF4-4E83-9615-DB14FA25AF8A}" dt="2023-10-12T11:37:53" v="291"/>
          <ac:spMkLst>
            <pc:docMk/>
            <pc:sldMk cId="2376958513" sldId="260"/>
            <ac:spMk id="3010" creationId="{A0BBFAF0-DBF2-AEB1-35A5-9056A4166B5C}"/>
          </ac:spMkLst>
        </pc:spChg>
        <pc:spChg chg="mod">
          <ac:chgData name="White, Alex" userId="eff6cc8c-37d8-483b-9c6c-6b27e9afa9bc" providerId="ADAL" clId="{BF04C754-5BF4-4E83-9615-DB14FA25AF8A}" dt="2023-10-12T11:37:53" v="291"/>
          <ac:spMkLst>
            <pc:docMk/>
            <pc:sldMk cId="2376958513" sldId="260"/>
            <ac:spMk id="3011" creationId="{86895A09-2BA8-CDB4-CB42-A92BDDDB64A3}"/>
          </ac:spMkLst>
        </pc:spChg>
        <pc:spChg chg="mod">
          <ac:chgData name="White, Alex" userId="eff6cc8c-37d8-483b-9c6c-6b27e9afa9bc" providerId="ADAL" clId="{BF04C754-5BF4-4E83-9615-DB14FA25AF8A}" dt="2023-10-12T11:37:53" v="291"/>
          <ac:spMkLst>
            <pc:docMk/>
            <pc:sldMk cId="2376958513" sldId="260"/>
            <ac:spMk id="3012" creationId="{ABFC7076-4F01-9072-D68C-04E2EC78C84F}"/>
          </ac:spMkLst>
        </pc:spChg>
        <pc:spChg chg="mod">
          <ac:chgData name="White, Alex" userId="eff6cc8c-37d8-483b-9c6c-6b27e9afa9bc" providerId="ADAL" clId="{BF04C754-5BF4-4E83-9615-DB14FA25AF8A}" dt="2023-10-12T11:37:53" v="291"/>
          <ac:spMkLst>
            <pc:docMk/>
            <pc:sldMk cId="2376958513" sldId="260"/>
            <ac:spMk id="3013" creationId="{503DE4F1-0A9B-0D8D-6D17-46709AA0A34C}"/>
          </ac:spMkLst>
        </pc:spChg>
        <pc:spChg chg="mod">
          <ac:chgData name="White, Alex" userId="eff6cc8c-37d8-483b-9c6c-6b27e9afa9bc" providerId="ADAL" clId="{BF04C754-5BF4-4E83-9615-DB14FA25AF8A}" dt="2023-10-12T11:37:53" v="291"/>
          <ac:spMkLst>
            <pc:docMk/>
            <pc:sldMk cId="2376958513" sldId="260"/>
            <ac:spMk id="3014" creationId="{BEA30A91-BC47-9180-2A18-2780717EC2E0}"/>
          </ac:spMkLst>
        </pc:spChg>
        <pc:spChg chg="mod">
          <ac:chgData name="White, Alex" userId="eff6cc8c-37d8-483b-9c6c-6b27e9afa9bc" providerId="ADAL" clId="{BF04C754-5BF4-4E83-9615-DB14FA25AF8A}" dt="2023-10-12T11:37:53" v="291"/>
          <ac:spMkLst>
            <pc:docMk/>
            <pc:sldMk cId="2376958513" sldId="260"/>
            <ac:spMk id="3015" creationId="{C63ED9A2-8FD7-EACA-8203-51228FE1F6B3}"/>
          </ac:spMkLst>
        </pc:spChg>
        <pc:spChg chg="mod">
          <ac:chgData name="White, Alex" userId="eff6cc8c-37d8-483b-9c6c-6b27e9afa9bc" providerId="ADAL" clId="{BF04C754-5BF4-4E83-9615-DB14FA25AF8A}" dt="2023-10-12T11:37:53" v="291"/>
          <ac:spMkLst>
            <pc:docMk/>
            <pc:sldMk cId="2376958513" sldId="260"/>
            <ac:spMk id="3016" creationId="{3A75B2BC-2AAB-463C-5B15-4DEDAF9006FF}"/>
          </ac:spMkLst>
        </pc:spChg>
        <pc:spChg chg="mod">
          <ac:chgData name="White, Alex" userId="eff6cc8c-37d8-483b-9c6c-6b27e9afa9bc" providerId="ADAL" clId="{BF04C754-5BF4-4E83-9615-DB14FA25AF8A}" dt="2023-10-12T11:37:53" v="291"/>
          <ac:spMkLst>
            <pc:docMk/>
            <pc:sldMk cId="2376958513" sldId="260"/>
            <ac:spMk id="3017" creationId="{474159E4-8E1F-B015-4137-217E0D8F261E}"/>
          </ac:spMkLst>
        </pc:spChg>
        <pc:spChg chg="mod">
          <ac:chgData name="White, Alex" userId="eff6cc8c-37d8-483b-9c6c-6b27e9afa9bc" providerId="ADAL" clId="{BF04C754-5BF4-4E83-9615-DB14FA25AF8A}" dt="2023-10-12T11:37:53" v="291"/>
          <ac:spMkLst>
            <pc:docMk/>
            <pc:sldMk cId="2376958513" sldId="260"/>
            <ac:spMk id="3018" creationId="{CABCB286-AEA0-D165-2E73-F408AB0C231C}"/>
          </ac:spMkLst>
        </pc:spChg>
        <pc:spChg chg="mod">
          <ac:chgData name="White, Alex" userId="eff6cc8c-37d8-483b-9c6c-6b27e9afa9bc" providerId="ADAL" clId="{BF04C754-5BF4-4E83-9615-DB14FA25AF8A}" dt="2023-10-12T11:37:53" v="291"/>
          <ac:spMkLst>
            <pc:docMk/>
            <pc:sldMk cId="2376958513" sldId="260"/>
            <ac:spMk id="3019" creationId="{C2734359-915E-544F-ABDC-47375B65180D}"/>
          </ac:spMkLst>
        </pc:spChg>
        <pc:spChg chg="mod">
          <ac:chgData name="White, Alex" userId="eff6cc8c-37d8-483b-9c6c-6b27e9afa9bc" providerId="ADAL" clId="{BF04C754-5BF4-4E83-9615-DB14FA25AF8A}" dt="2023-10-12T11:37:53" v="291"/>
          <ac:spMkLst>
            <pc:docMk/>
            <pc:sldMk cId="2376958513" sldId="260"/>
            <ac:spMk id="3020" creationId="{6D35887E-2863-1571-5B4B-2AC9BAAEBA59}"/>
          </ac:spMkLst>
        </pc:spChg>
        <pc:spChg chg="mod">
          <ac:chgData name="White, Alex" userId="eff6cc8c-37d8-483b-9c6c-6b27e9afa9bc" providerId="ADAL" clId="{BF04C754-5BF4-4E83-9615-DB14FA25AF8A}" dt="2023-10-12T11:37:53" v="291"/>
          <ac:spMkLst>
            <pc:docMk/>
            <pc:sldMk cId="2376958513" sldId="260"/>
            <ac:spMk id="3021" creationId="{DA45E12F-F2AC-4BFB-D7C3-5C969553FDC0}"/>
          </ac:spMkLst>
        </pc:spChg>
        <pc:spChg chg="mod">
          <ac:chgData name="White, Alex" userId="eff6cc8c-37d8-483b-9c6c-6b27e9afa9bc" providerId="ADAL" clId="{BF04C754-5BF4-4E83-9615-DB14FA25AF8A}" dt="2023-10-12T11:37:53" v="291"/>
          <ac:spMkLst>
            <pc:docMk/>
            <pc:sldMk cId="2376958513" sldId="260"/>
            <ac:spMk id="3022" creationId="{857CC69A-29C6-320B-9647-730A47B13EDE}"/>
          </ac:spMkLst>
        </pc:spChg>
        <pc:spChg chg="mod">
          <ac:chgData name="White, Alex" userId="eff6cc8c-37d8-483b-9c6c-6b27e9afa9bc" providerId="ADAL" clId="{BF04C754-5BF4-4E83-9615-DB14FA25AF8A}" dt="2023-10-12T11:37:53" v="291"/>
          <ac:spMkLst>
            <pc:docMk/>
            <pc:sldMk cId="2376958513" sldId="260"/>
            <ac:spMk id="3023" creationId="{1118E9AC-9B91-1410-D543-F109B67BDEA7}"/>
          </ac:spMkLst>
        </pc:spChg>
        <pc:spChg chg="mod">
          <ac:chgData name="White, Alex" userId="eff6cc8c-37d8-483b-9c6c-6b27e9afa9bc" providerId="ADAL" clId="{BF04C754-5BF4-4E83-9615-DB14FA25AF8A}" dt="2023-10-12T11:37:53" v="291"/>
          <ac:spMkLst>
            <pc:docMk/>
            <pc:sldMk cId="2376958513" sldId="260"/>
            <ac:spMk id="3024" creationId="{38DE256C-B676-CC8E-8496-A8D82BB69088}"/>
          </ac:spMkLst>
        </pc:spChg>
        <pc:spChg chg="mod">
          <ac:chgData name="White, Alex" userId="eff6cc8c-37d8-483b-9c6c-6b27e9afa9bc" providerId="ADAL" clId="{BF04C754-5BF4-4E83-9615-DB14FA25AF8A}" dt="2023-10-12T11:37:53" v="291"/>
          <ac:spMkLst>
            <pc:docMk/>
            <pc:sldMk cId="2376958513" sldId="260"/>
            <ac:spMk id="3025" creationId="{30114948-DAB6-E807-498E-1C878AD8197D}"/>
          </ac:spMkLst>
        </pc:spChg>
        <pc:spChg chg="mod">
          <ac:chgData name="White, Alex" userId="eff6cc8c-37d8-483b-9c6c-6b27e9afa9bc" providerId="ADAL" clId="{BF04C754-5BF4-4E83-9615-DB14FA25AF8A}" dt="2023-10-12T11:37:53" v="291"/>
          <ac:spMkLst>
            <pc:docMk/>
            <pc:sldMk cId="2376958513" sldId="260"/>
            <ac:spMk id="3026" creationId="{AA5DDF1A-3040-3695-9EB3-DBFF783B3A8F}"/>
          </ac:spMkLst>
        </pc:spChg>
        <pc:spChg chg="mod">
          <ac:chgData name="White, Alex" userId="eff6cc8c-37d8-483b-9c6c-6b27e9afa9bc" providerId="ADAL" clId="{BF04C754-5BF4-4E83-9615-DB14FA25AF8A}" dt="2023-10-12T11:37:53" v="291"/>
          <ac:spMkLst>
            <pc:docMk/>
            <pc:sldMk cId="2376958513" sldId="260"/>
            <ac:spMk id="3027" creationId="{0698DF0F-1F62-3989-CB33-FC98273EE348}"/>
          </ac:spMkLst>
        </pc:spChg>
        <pc:spChg chg="mod">
          <ac:chgData name="White, Alex" userId="eff6cc8c-37d8-483b-9c6c-6b27e9afa9bc" providerId="ADAL" clId="{BF04C754-5BF4-4E83-9615-DB14FA25AF8A}" dt="2023-10-12T11:37:53" v="291"/>
          <ac:spMkLst>
            <pc:docMk/>
            <pc:sldMk cId="2376958513" sldId="260"/>
            <ac:spMk id="3028" creationId="{35DA49D7-7A69-EBE3-B584-CC58DFA63D31}"/>
          </ac:spMkLst>
        </pc:spChg>
        <pc:spChg chg="mod">
          <ac:chgData name="White, Alex" userId="eff6cc8c-37d8-483b-9c6c-6b27e9afa9bc" providerId="ADAL" clId="{BF04C754-5BF4-4E83-9615-DB14FA25AF8A}" dt="2023-10-12T11:37:53" v="291"/>
          <ac:spMkLst>
            <pc:docMk/>
            <pc:sldMk cId="2376958513" sldId="260"/>
            <ac:spMk id="3029" creationId="{D0E51E2C-D9FB-8289-A95D-B6364ED7E719}"/>
          </ac:spMkLst>
        </pc:spChg>
        <pc:spChg chg="mod">
          <ac:chgData name="White, Alex" userId="eff6cc8c-37d8-483b-9c6c-6b27e9afa9bc" providerId="ADAL" clId="{BF04C754-5BF4-4E83-9615-DB14FA25AF8A}" dt="2023-10-12T11:37:53" v="291"/>
          <ac:spMkLst>
            <pc:docMk/>
            <pc:sldMk cId="2376958513" sldId="260"/>
            <ac:spMk id="3030" creationId="{BED63D6D-2F3E-8B66-7A23-B49038D63F15}"/>
          </ac:spMkLst>
        </pc:spChg>
        <pc:spChg chg="mod">
          <ac:chgData name="White, Alex" userId="eff6cc8c-37d8-483b-9c6c-6b27e9afa9bc" providerId="ADAL" clId="{BF04C754-5BF4-4E83-9615-DB14FA25AF8A}" dt="2023-10-12T11:37:53" v="291"/>
          <ac:spMkLst>
            <pc:docMk/>
            <pc:sldMk cId="2376958513" sldId="260"/>
            <ac:spMk id="3031" creationId="{B95836F0-B0C8-616E-8B12-CC0B3C7F1B00}"/>
          </ac:spMkLst>
        </pc:spChg>
        <pc:spChg chg="mod">
          <ac:chgData name="White, Alex" userId="eff6cc8c-37d8-483b-9c6c-6b27e9afa9bc" providerId="ADAL" clId="{BF04C754-5BF4-4E83-9615-DB14FA25AF8A}" dt="2023-10-12T11:37:53" v="291"/>
          <ac:spMkLst>
            <pc:docMk/>
            <pc:sldMk cId="2376958513" sldId="260"/>
            <ac:spMk id="3032" creationId="{3A0DF5E2-C49A-1095-3B76-5E0DE5E35DEB}"/>
          </ac:spMkLst>
        </pc:spChg>
        <pc:spChg chg="mod">
          <ac:chgData name="White, Alex" userId="eff6cc8c-37d8-483b-9c6c-6b27e9afa9bc" providerId="ADAL" clId="{BF04C754-5BF4-4E83-9615-DB14FA25AF8A}" dt="2023-10-12T11:37:53" v="291"/>
          <ac:spMkLst>
            <pc:docMk/>
            <pc:sldMk cId="2376958513" sldId="260"/>
            <ac:spMk id="3033" creationId="{CBC23A09-BCF8-3900-6CA8-5DCE3F07813A}"/>
          </ac:spMkLst>
        </pc:spChg>
        <pc:spChg chg="mod">
          <ac:chgData name="White, Alex" userId="eff6cc8c-37d8-483b-9c6c-6b27e9afa9bc" providerId="ADAL" clId="{BF04C754-5BF4-4E83-9615-DB14FA25AF8A}" dt="2023-10-12T11:37:53" v="291"/>
          <ac:spMkLst>
            <pc:docMk/>
            <pc:sldMk cId="2376958513" sldId="260"/>
            <ac:spMk id="3034" creationId="{0E898C6C-CE35-7E5F-784D-2BA6EEC10C2F}"/>
          </ac:spMkLst>
        </pc:spChg>
        <pc:spChg chg="mod">
          <ac:chgData name="White, Alex" userId="eff6cc8c-37d8-483b-9c6c-6b27e9afa9bc" providerId="ADAL" clId="{BF04C754-5BF4-4E83-9615-DB14FA25AF8A}" dt="2023-10-12T11:37:53" v="291"/>
          <ac:spMkLst>
            <pc:docMk/>
            <pc:sldMk cId="2376958513" sldId="260"/>
            <ac:spMk id="3035" creationId="{01784790-063B-BD2C-867A-ED0DA789EF5F}"/>
          </ac:spMkLst>
        </pc:spChg>
        <pc:spChg chg="mod">
          <ac:chgData name="White, Alex" userId="eff6cc8c-37d8-483b-9c6c-6b27e9afa9bc" providerId="ADAL" clId="{BF04C754-5BF4-4E83-9615-DB14FA25AF8A}" dt="2023-10-12T11:37:53" v="291"/>
          <ac:spMkLst>
            <pc:docMk/>
            <pc:sldMk cId="2376958513" sldId="260"/>
            <ac:spMk id="3036" creationId="{1C9BC34E-A6AE-F6FF-17B4-FC6E47EF2699}"/>
          </ac:spMkLst>
        </pc:spChg>
        <pc:spChg chg="mod">
          <ac:chgData name="White, Alex" userId="eff6cc8c-37d8-483b-9c6c-6b27e9afa9bc" providerId="ADAL" clId="{BF04C754-5BF4-4E83-9615-DB14FA25AF8A}" dt="2023-10-12T11:37:53" v="291"/>
          <ac:spMkLst>
            <pc:docMk/>
            <pc:sldMk cId="2376958513" sldId="260"/>
            <ac:spMk id="3037" creationId="{948AD8C8-C8A6-7A15-D978-53ED931DAAAC}"/>
          </ac:spMkLst>
        </pc:spChg>
        <pc:spChg chg="mod">
          <ac:chgData name="White, Alex" userId="eff6cc8c-37d8-483b-9c6c-6b27e9afa9bc" providerId="ADAL" clId="{BF04C754-5BF4-4E83-9615-DB14FA25AF8A}" dt="2023-10-12T11:37:53" v="291"/>
          <ac:spMkLst>
            <pc:docMk/>
            <pc:sldMk cId="2376958513" sldId="260"/>
            <ac:spMk id="3038" creationId="{479F211A-0896-F41C-F128-6F1E960548EC}"/>
          </ac:spMkLst>
        </pc:spChg>
        <pc:spChg chg="mod">
          <ac:chgData name="White, Alex" userId="eff6cc8c-37d8-483b-9c6c-6b27e9afa9bc" providerId="ADAL" clId="{BF04C754-5BF4-4E83-9615-DB14FA25AF8A}" dt="2023-10-12T11:37:53" v="291"/>
          <ac:spMkLst>
            <pc:docMk/>
            <pc:sldMk cId="2376958513" sldId="260"/>
            <ac:spMk id="3039" creationId="{37FB92EB-4991-DE31-688A-FA8D8E8750D4}"/>
          </ac:spMkLst>
        </pc:spChg>
        <pc:spChg chg="mod">
          <ac:chgData name="White, Alex" userId="eff6cc8c-37d8-483b-9c6c-6b27e9afa9bc" providerId="ADAL" clId="{BF04C754-5BF4-4E83-9615-DB14FA25AF8A}" dt="2023-10-12T11:37:53" v="291"/>
          <ac:spMkLst>
            <pc:docMk/>
            <pc:sldMk cId="2376958513" sldId="260"/>
            <ac:spMk id="3040" creationId="{E3D26618-09C9-4F31-20AE-D0CCDD35D4A6}"/>
          </ac:spMkLst>
        </pc:spChg>
        <pc:spChg chg="mod">
          <ac:chgData name="White, Alex" userId="eff6cc8c-37d8-483b-9c6c-6b27e9afa9bc" providerId="ADAL" clId="{BF04C754-5BF4-4E83-9615-DB14FA25AF8A}" dt="2023-10-12T11:37:53" v="291"/>
          <ac:spMkLst>
            <pc:docMk/>
            <pc:sldMk cId="2376958513" sldId="260"/>
            <ac:spMk id="3041" creationId="{1F9B8595-8284-26FD-8278-EB45DACC6472}"/>
          </ac:spMkLst>
        </pc:spChg>
        <pc:spChg chg="mod">
          <ac:chgData name="White, Alex" userId="eff6cc8c-37d8-483b-9c6c-6b27e9afa9bc" providerId="ADAL" clId="{BF04C754-5BF4-4E83-9615-DB14FA25AF8A}" dt="2023-10-12T11:37:53" v="291"/>
          <ac:spMkLst>
            <pc:docMk/>
            <pc:sldMk cId="2376958513" sldId="260"/>
            <ac:spMk id="3042" creationId="{2AA34EEA-3698-602F-EDDC-5A5F96C3C49F}"/>
          </ac:spMkLst>
        </pc:spChg>
        <pc:spChg chg="mod">
          <ac:chgData name="White, Alex" userId="eff6cc8c-37d8-483b-9c6c-6b27e9afa9bc" providerId="ADAL" clId="{BF04C754-5BF4-4E83-9615-DB14FA25AF8A}" dt="2023-10-12T11:37:53" v="291"/>
          <ac:spMkLst>
            <pc:docMk/>
            <pc:sldMk cId="2376958513" sldId="260"/>
            <ac:spMk id="3043" creationId="{B5D79262-21FE-E762-99FD-5F536D323B75}"/>
          </ac:spMkLst>
        </pc:spChg>
        <pc:spChg chg="mod">
          <ac:chgData name="White, Alex" userId="eff6cc8c-37d8-483b-9c6c-6b27e9afa9bc" providerId="ADAL" clId="{BF04C754-5BF4-4E83-9615-DB14FA25AF8A}" dt="2023-10-12T11:37:53" v="291"/>
          <ac:spMkLst>
            <pc:docMk/>
            <pc:sldMk cId="2376958513" sldId="260"/>
            <ac:spMk id="3044" creationId="{A0C835AA-D453-5109-F8A1-B056872B84D1}"/>
          </ac:spMkLst>
        </pc:spChg>
        <pc:spChg chg="mod">
          <ac:chgData name="White, Alex" userId="eff6cc8c-37d8-483b-9c6c-6b27e9afa9bc" providerId="ADAL" clId="{BF04C754-5BF4-4E83-9615-DB14FA25AF8A}" dt="2023-10-12T11:37:53" v="291"/>
          <ac:spMkLst>
            <pc:docMk/>
            <pc:sldMk cId="2376958513" sldId="260"/>
            <ac:spMk id="3045" creationId="{A6223CC5-FD67-98B9-4342-95283CA59462}"/>
          </ac:spMkLst>
        </pc:spChg>
        <pc:spChg chg="mod">
          <ac:chgData name="White, Alex" userId="eff6cc8c-37d8-483b-9c6c-6b27e9afa9bc" providerId="ADAL" clId="{BF04C754-5BF4-4E83-9615-DB14FA25AF8A}" dt="2023-10-12T11:37:53" v="291"/>
          <ac:spMkLst>
            <pc:docMk/>
            <pc:sldMk cId="2376958513" sldId="260"/>
            <ac:spMk id="3046" creationId="{BE30C530-490B-ADE4-97F5-DC2F478B5D33}"/>
          </ac:spMkLst>
        </pc:spChg>
        <pc:spChg chg="mod">
          <ac:chgData name="White, Alex" userId="eff6cc8c-37d8-483b-9c6c-6b27e9afa9bc" providerId="ADAL" clId="{BF04C754-5BF4-4E83-9615-DB14FA25AF8A}" dt="2023-10-12T11:37:53" v="291"/>
          <ac:spMkLst>
            <pc:docMk/>
            <pc:sldMk cId="2376958513" sldId="260"/>
            <ac:spMk id="3047" creationId="{376BDD49-4364-A5C1-BA50-B40825B7A504}"/>
          </ac:spMkLst>
        </pc:spChg>
        <pc:spChg chg="mod">
          <ac:chgData name="White, Alex" userId="eff6cc8c-37d8-483b-9c6c-6b27e9afa9bc" providerId="ADAL" clId="{BF04C754-5BF4-4E83-9615-DB14FA25AF8A}" dt="2023-10-12T11:37:53" v="291"/>
          <ac:spMkLst>
            <pc:docMk/>
            <pc:sldMk cId="2376958513" sldId="260"/>
            <ac:spMk id="3048" creationId="{45B837ED-D919-8B9E-CE55-955CFC596ED1}"/>
          </ac:spMkLst>
        </pc:spChg>
        <pc:spChg chg="mod">
          <ac:chgData name="White, Alex" userId="eff6cc8c-37d8-483b-9c6c-6b27e9afa9bc" providerId="ADAL" clId="{BF04C754-5BF4-4E83-9615-DB14FA25AF8A}" dt="2023-10-12T11:37:53" v="291"/>
          <ac:spMkLst>
            <pc:docMk/>
            <pc:sldMk cId="2376958513" sldId="260"/>
            <ac:spMk id="3049" creationId="{47A9CC87-AD7B-B31C-C392-C50F59C02B7A}"/>
          </ac:spMkLst>
        </pc:spChg>
        <pc:spChg chg="mod">
          <ac:chgData name="White, Alex" userId="eff6cc8c-37d8-483b-9c6c-6b27e9afa9bc" providerId="ADAL" clId="{BF04C754-5BF4-4E83-9615-DB14FA25AF8A}" dt="2023-10-12T11:37:53" v="291"/>
          <ac:spMkLst>
            <pc:docMk/>
            <pc:sldMk cId="2376958513" sldId="260"/>
            <ac:spMk id="3050" creationId="{A083D054-74AE-06E4-08EC-FA81491C1CB3}"/>
          </ac:spMkLst>
        </pc:spChg>
        <pc:spChg chg="mod">
          <ac:chgData name="White, Alex" userId="eff6cc8c-37d8-483b-9c6c-6b27e9afa9bc" providerId="ADAL" clId="{BF04C754-5BF4-4E83-9615-DB14FA25AF8A}" dt="2023-10-12T11:37:53" v="291"/>
          <ac:spMkLst>
            <pc:docMk/>
            <pc:sldMk cId="2376958513" sldId="260"/>
            <ac:spMk id="3051" creationId="{4F37EDC0-84CB-85E0-3FED-A724BB4E9525}"/>
          </ac:spMkLst>
        </pc:spChg>
        <pc:spChg chg="mod">
          <ac:chgData name="White, Alex" userId="eff6cc8c-37d8-483b-9c6c-6b27e9afa9bc" providerId="ADAL" clId="{BF04C754-5BF4-4E83-9615-DB14FA25AF8A}" dt="2023-10-12T11:37:53" v="291"/>
          <ac:spMkLst>
            <pc:docMk/>
            <pc:sldMk cId="2376958513" sldId="260"/>
            <ac:spMk id="3052" creationId="{DC228AE3-BAB6-C2D0-042A-BD48AE70B360}"/>
          </ac:spMkLst>
        </pc:spChg>
        <pc:spChg chg="mod">
          <ac:chgData name="White, Alex" userId="eff6cc8c-37d8-483b-9c6c-6b27e9afa9bc" providerId="ADAL" clId="{BF04C754-5BF4-4E83-9615-DB14FA25AF8A}" dt="2023-10-12T11:37:53" v="291"/>
          <ac:spMkLst>
            <pc:docMk/>
            <pc:sldMk cId="2376958513" sldId="260"/>
            <ac:spMk id="3053" creationId="{2E0A3906-1EB0-2410-BEB5-F47F3FCEF89E}"/>
          </ac:spMkLst>
        </pc:spChg>
        <pc:spChg chg="mod">
          <ac:chgData name="White, Alex" userId="eff6cc8c-37d8-483b-9c6c-6b27e9afa9bc" providerId="ADAL" clId="{BF04C754-5BF4-4E83-9615-DB14FA25AF8A}" dt="2023-10-12T11:37:53" v="291"/>
          <ac:spMkLst>
            <pc:docMk/>
            <pc:sldMk cId="2376958513" sldId="260"/>
            <ac:spMk id="3054" creationId="{CDF46E83-B6F6-7E10-148B-4FAC48BD53E5}"/>
          </ac:spMkLst>
        </pc:spChg>
        <pc:spChg chg="mod">
          <ac:chgData name="White, Alex" userId="eff6cc8c-37d8-483b-9c6c-6b27e9afa9bc" providerId="ADAL" clId="{BF04C754-5BF4-4E83-9615-DB14FA25AF8A}" dt="2023-10-12T11:37:53" v="291"/>
          <ac:spMkLst>
            <pc:docMk/>
            <pc:sldMk cId="2376958513" sldId="260"/>
            <ac:spMk id="3055" creationId="{AE2FBFD2-22BA-A6EB-04EE-A57A3C1E3918}"/>
          </ac:spMkLst>
        </pc:spChg>
        <pc:spChg chg="mod">
          <ac:chgData name="White, Alex" userId="eff6cc8c-37d8-483b-9c6c-6b27e9afa9bc" providerId="ADAL" clId="{BF04C754-5BF4-4E83-9615-DB14FA25AF8A}" dt="2023-10-12T11:37:53" v="291"/>
          <ac:spMkLst>
            <pc:docMk/>
            <pc:sldMk cId="2376958513" sldId="260"/>
            <ac:spMk id="3056" creationId="{2845AE90-6D66-CD05-C26D-ED5B31AAD95D}"/>
          </ac:spMkLst>
        </pc:spChg>
        <pc:spChg chg="mod">
          <ac:chgData name="White, Alex" userId="eff6cc8c-37d8-483b-9c6c-6b27e9afa9bc" providerId="ADAL" clId="{BF04C754-5BF4-4E83-9615-DB14FA25AF8A}" dt="2023-10-12T11:37:53" v="291"/>
          <ac:spMkLst>
            <pc:docMk/>
            <pc:sldMk cId="2376958513" sldId="260"/>
            <ac:spMk id="3057" creationId="{AD803BC1-0413-92CB-5D09-4ADBA4F28F65}"/>
          </ac:spMkLst>
        </pc:spChg>
        <pc:spChg chg="mod">
          <ac:chgData name="White, Alex" userId="eff6cc8c-37d8-483b-9c6c-6b27e9afa9bc" providerId="ADAL" clId="{BF04C754-5BF4-4E83-9615-DB14FA25AF8A}" dt="2023-10-12T11:37:53" v="291"/>
          <ac:spMkLst>
            <pc:docMk/>
            <pc:sldMk cId="2376958513" sldId="260"/>
            <ac:spMk id="3058" creationId="{9CE3937D-0633-24DA-BC42-0BD19F19C254}"/>
          </ac:spMkLst>
        </pc:spChg>
        <pc:spChg chg="mod">
          <ac:chgData name="White, Alex" userId="eff6cc8c-37d8-483b-9c6c-6b27e9afa9bc" providerId="ADAL" clId="{BF04C754-5BF4-4E83-9615-DB14FA25AF8A}" dt="2023-10-12T11:37:53" v="291"/>
          <ac:spMkLst>
            <pc:docMk/>
            <pc:sldMk cId="2376958513" sldId="260"/>
            <ac:spMk id="3059" creationId="{604EEB25-3176-63CD-91AA-276BBFCDE123}"/>
          </ac:spMkLst>
        </pc:spChg>
        <pc:spChg chg="mod">
          <ac:chgData name="White, Alex" userId="eff6cc8c-37d8-483b-9c6c-6b27e9afa9bc" providerId="ADAL" clId="{BF04C754-5BF4-4E83-9615-DB14FA25AF8A}" dt="2023-10-12T11:37:53" v="291"/>
          <ac:spMkLst>
            <pc:docMk/>
            <pc:sldMk cId="2376958513" sldId="260"/>
            <ac:spMk id="3060" creationId="{5E5EF477-1978-B950-8862-D8EC8533D80A}"/>
          </ac:spMkLst>
        </pc:spChg>
        <pc:spChg chg="mod">
          <ac:chgData name="White, Alex" userId="eff6cc8c-37d8-483b-9c6c-6b27e9afa9bc" providerId="ADAL" clId="{BF04C754-5BF4-4E83-9615-DB14FA25AF8A}" dt="2023-10-12T11:37:53" v="291"/>
          <ac:spMkLst>
            <pc:docMk/>
            <pc:sldMk cId="2376958513" sldId="260"/>
            <ac:spMk id="3061" creationId="{565BB6D0-9CAA-1A20-ACFB-715103C36FD9}"/>
          </ac:spMkLst>
        </pc:spChg>
        <pc:spChg chg="mod">
          <ac:chgData name="White, Alex" userId="eff6cc8c-37d8-483b-9c6c-6b27e9afa9bc" providerId="ADAL" clId="{BF04C754-5BF4-4E83-9615-DB14FA25AF8A}" dt="2023-10-12T11:37:53" v="291"/>
          <ac:spMkLst>
            <pc:docMk/>
            <pc:sldMk cId="2376958513" sldId="260"/>
            <ac:spMk id="3062" creationId="{D5D29E0B-A21A-DD40-6773-8A222E86DEDE}"/>
          </ac:spMkLst>
        </pc:spChg>
        <pc:spChg chg="mod">
          <ac:chgData name="White, Alex" userId="eff6cc8c-37d8-483b-9c6c-6b27e9afa9bc" providerId="ADAL" clId="{BF04C754-5BF4-4E83-9615-DB14FA25AF8A}" dt="2023-10-12T11:37:53" v="291"/>
          <ac:spMkLst>
            <pc:docMk/>
            <pc:sldMk cId="2376958513" sldId="260"/>
            <ac:spMk id="3063" creationId="{2EE2FE1C-AE98-C4E7-1A8E-C666E3C009D1}"/>
          </ac:spMkLst>
        </pc:spChg>
        <pc:spChg chg="mod">
          <ac:chgData name="White, Alex" userId="eff6cc8c-37d8-483b-9c6c-6b27e9afa9bc" providerId="ADAL" clId="{BF04C754-5BF4-4E83-9615-DB14FA25AF8A}" dt="2023-10-12T11:37:53" v="291"/>
          <ac:spMkLst>
            <pc:docMk/>
            <pc:sldMk cId="2376958513" sldId="260"/>
            <ac:spMk id="3064" creationId="{2C9FA347-3E35-2DF3-EE74-213F6556514C}"/>
          </ac:spMkLst>
        </pc:spChg>
        <pc:spChg chg="mod">
          <ac:chgData name="White, Alex" userId="eff6cc8c-37d8-483b-9c6c-6b27e9afa9bc" providerId="ADAL" clId="{BF04C754-5BF4-4E83-9615-DB14FA25AF8A}" dt="2023-10-12T11:37:53" v="291"/>
          <ac:spMkLst>
            <pc:docMk/>
            <pc:sldMk cId="2376958513" sldId="260"/>
            <ac:spMk id="3065" creationId="{07577AB6-5B41-C4B3-438E-FBABD169456B}"/>
          </ac:spMkLst>
        </pc:spChg>
        <pc:spChg chg="mod">
          <ac:chgData name="White, Alex" userId="eff6cc8c-37d8-483b-9c6c-6b27e9afa9bc" providerId="ADAL" clId="{BF04C754-5BF4-4E83-9615-DB14FA25AF8A}" dt="2023-10-12T11:37:53" v="291"/>
          <ac:spMkLst>
            <pc:docMk/>
            <pc:sldMk cId="2376958513" sldId="260"/>
            <ac:spMk id="3066" creationId="{71D495A5-FA8B-21E7-27DA-01E21381687C}"/>
          </ac:spMkLst>
        </pc:spChg>
        <pc:spChg chg="mod">
          <ac:chgData name="White, Alex" userId="eff6cc8c-37d8-483b-9c6c-6b27e9afa9bc" providerId="ADAL" clId="{BF04C754-5BF4-4E83-9615-DB14FA25AF8A}" dt="2023-10-12T11:37:53" v="291"/>
          <ac:spMkLst>
            <pc:docMk/>
            <pc:sldMk cId="2376958513" sldId="260"/>
            <ac:spMk id="3067" creationId="{6175C219-FC88-B7F6-508D-139AEAEA2DCD}"/>
          </ac:spMkLst>
        </pc:spChg>
        <pc:spChg chg="mod">
          <ac:chgData name="White, Alex" userId="eff6cc8c-37d8-483b-9c6c-6b27e9afa9bc" providerId="ADAL" clId="{BF04C754-5BF4-4E83-9615-DB14FA25AF8A}" dt="2023-10-12T11:37:53" v="291"/>
          <ac:spMkLst>
            <pc:docMk/>
            <pc:sldMk cId="2376958513" sldId="260"/>
            <ac:spMk id="3068" creationId="{B553E287-39A7-33F5-8586-1094FC560BC7}"/>
          </ac:spMkLst>
        </pc:spChg>
        <pc:spChg chg="mod">
          <ac:chgData name="White, Alex" userId="eff6cc8c-37d8-483b-9c6c-6b27e9afa9bc" providerId="ADAL" clId="{BF04C754-5BF4-4E83-9615-DB14FA25AF8A}" dt="2023-10-12T11:37:53" v="291"/>
          <ac:spMkLst>
            <pc:docMk/>
            <pc:sldMk cId="2376958513" sldId="260"/>
            <ac:spMk id="3069" creationId="{9E18648D-8176-4153-CC2B-D251269F955A}"/>
          </ac:spMkLst>
        </pc:spChg>
        <pc:spChg chg="mod">
          <ac:chgData name="White, Alex" userId="eff6cc8c-37d8-483b-9c6c-6b27e9afa9bc" providerId="ADAL" clId="{BF04C754-5BF4-4E83-9615-DB14FA25AF8A}" dt="2023-10-12T11:37:53" v="291"/>
          <ac:spMkLst>
            <pc:docMk/>
            <pc:sldMk cId="2376958513" sldId="260"/>
            <ac:spMk id="3070" creationId="{B3D77E71-0A25-F37B-119C-CD140CF232D2}"/>
          </ac:spMkLst>
        </pc:spChg>
        <pc:spChg chg="mod">
          <ac:chgData name="White, Alex" userId="eff6cc8c-37d8-483b-9c6c-6b27e9afa9bc" providerId="ADAL" clId="{BF04C754-5BF4-4E83-9615-DB14FA25AF8A}" dt="2023-10-12T11:37:53" v="291"/>
          <ac:spMkLst>
            <pc:docMk/>
            <pc:sldMk cId="2376958513" sldId="260"/>
            <ac:spMk id="3071" creationId="{44C60E05-398B-B112-AD06-EF6A963A6A13}"/>
          </ac:spMkLst>
        </pc:spChg>
        <pc:spChg chg="mod">
          <ac:chgData name="White, Alex" userId="eff6cc8c-37d8-483b-9c6c-6b27e9afa9bc" providerId="ADAL" clId="{BF04C754-5BF4-4E83-9615-DB14FA25AF8A}" dt="2023-10-12T11:37:53" v="291"/>
          <ac:spMkLst>
            <pc:docMk/>
            <pc:sldMk cId="2376958513" sldId="260"/>
            <ac:spMk id="3072" creationId="{1A4375E1-1152-0748-38E3-965960BBABA5}"/>
          </ac:spMkLst>
        </pc:spChg>
        <pc:spChg chg="mod">
          <ac:chgData name="White, Alex" userId="eff6cc8c-37d8-483b-9c6c-6b27e9afa9bc" providerId="ADAL" clId="{BF04C754-5BF4-4E83-9615-DB14FA25AF8A}" dt="2023-10-12T11:37:53" v="291"/>
          <ac:spMkLst>
            <pc:docMk/>
            <pc:sldMk cId="2376958513" sldId="260"/>
            <ac:spMk id="3073" creationId="{090EFF28-786F-1195-89AA-3FFD93EB89E2}"/>
          </ac:spMkLst>
        </pc:spChg>
        <pc:spChg chg="mod">
          <ac:chgData name="White, Alex" userId="eff6cc8c-37d8-483b-9c6c-6b27e9afa9bc" providerId="ADAL" clId="{BF04C754-5BF4-4E83-9615-DB14FA25AF8A}" dt="2023-10-12T11:37:53" v="291"/>
          <ac:spMkLst>
            <pc:docMk/>
            <pc:sldMk cId="2376958513" sldId="260"/>
            <ac:spMk id="3074" creationId="{856BBD43-2BF7-DF2C-6C4A-AFF9E6C181E2}"/>
          </ac:spMkLst>
        </pc:spChg>
        <pc:spChg chg="mod">
          <ac:chgData name="White, Alex" userId="eff6cc8c-37d8-483b-9c6c-6b27e9afa9bc" providerId="ADAL" clId="{BF04C754-5BF4-4E83-9615-DB14FA25AF8A}" dt="2023-10-12T11:37:53" v="291"/>
          <ac:spMkLst>
            <pc:docMk/>
            <pc:sldMk cId="2376958513" sldId="260"/>
            <ac:spMk id="3075" creationId="{96CCD589-3A07-2025-8F5D-94B436C13D8F}"/>
          </ac:spMkLst>
        </pc:spChg>
        <pc:spChg chg="mod">
          <ac:chgData name="White, Alex" userId="eff6cc8c-37d8-483b-9c6c-6b27e9afa9bc" providerId="ADAL" clId="{BF04C754-5BF4-4E83-9615-DB14FA25AF8A}" dt="2023-10-12T11:37:53" v="291"/>
          <ac:spMkLst>
            <pc:docMk/>
            <pc:sldMk cId="2376958513" sldId="260"/>
            <ac:spMk id="3076" creationId="{A132358D-A6BD-B888-5492-73C495B83B27}"/>
          </ac:spMkLst>
        </pc:spChg>
        <pc:spChg chg="mod">
          <ac:chgData name="White, Alex" userId="eff6cc8c-37d8-483b-9c6c-6b27e9afa9bc" providerId="ADAL" clId="{BF04C754-5BF4-4E83-9615-DB14FA25AF8A}" dt="2023-10-12T11:37:53" v="291"/>
          <ac:spMkLst>
            <pc:docMk/>
            <pc:sldMk cId="2376958513" sldId="260"/>
            <ac:spMk id="3077" creationId="{18B5E4F1-ED66-97E5-9892-D41C6DB3FB81}"/>
          </ac:spMkLst>
        </pc:spChg>
        <pc:spChg chg="mod">
          <ac:chgData name="White, Alex" userId="eff6cc8c-37d8-483b-9c6c-6b27e9afa9bc" providerId="ADAL" clId="{BF04C754-5BF4-4E83-9615-DB14FA25AF8A}" dt="2023-10-12T11:37:53" v="291"/>
          <ac:spMkLst>
            <pc:docMk/>
            <pc:sldMk cId="2376958513" sldId="260"/>
            <ac:spMk id="3078" creationId="{6C7DC80F-B1CD-04A8-43A1-B5BB44BCD794}"/>
          </ac:spMkLst>
        </pc:spChg>
        <pc:spChg chg="mod">
          <ac:chgData name="White, Alex" userId="eff6cc8c-37d8-483b-9c6c-6b27e9afa9bc" providerId="ADAL" clId="{BF04C754-5BF4-4E83-9615-DB14FA25AF8A}" dt="2023-10-12T11:37:53" v="291"/>
          <ac:spMkLst>
            <pc:docMk/>
            <pc:sldMk cId="2376958513" sldId="260"/>
            <ac:spMk id="3079" creationId="{7229A7EC-9AAE-C866-D3D1-82A362EBB656}"/>
          </ac:spMkLst>
        </pc:spChg>
        <pc:spChg chg="mod">
          <ac:chgData name="White, Alex" userId="eff6cc8c-37d8-483b-9c6c-6b27e9afa9bc" providerId="ADAL" clId="{BF04C754-5BF4-4E83-9615-DB14FA25AF8A}" dt="2023-10-12T11:37:53" v="291"/>
          <ac:spMkLst>
            <pc:docMk/>
            <pc:sldMk cId="2376958513" sldId="260"/>
            <ac:spMk id="3080" creationId="{2DF60822-037F-32F7-480C-F760DB382995}"/>
          </ac:spMkLst>
        </pc:spChg>
        <pc:spChg chg="mod">
          <ac:chgData name="White, Alex" userId="eff6cc8c-37d8-483b-9c6c-6b27e9afa9bc" providerId="ADAL" clId="{BF04C754-5BF4-4E83-9615-DB14FA25AF8A}" dt="2023-10-12T11:37:53" v="291"/>
          <ac:spMkLst>
            <pc:docMk/>
            <pc:sldMk cId="2376958513" sldId="260"/>
            <ac:spMk id="3081" creationId="{CCEB81E4-45CE-632D-13C4-33B2020E5063}"/>
          </ac:spMkLst>
        </pc:spChg>
        <pc:spChg chg="mod">
          <ac:chgData name="White, Alex" userId="eff6cc8c-37d8-483b-9c6c-6b27e9afa9bc" providerId="ADAL" clId="{BF04C754-5BF4-4E83-9615-DB14FA25AF8A}" dt="2023-10-12T11:37:53" v="291"/>
          <ac:spMkLst>
            <pc:docMk/>
            <pc:sldMk cId="2376958513" sldId="260"/>
            <ac:spMk id="3082" creationId="{BF1FC3C6-BA43-8993-09AA-A093D86119C9}"/>
          </ac:spMkLst>
        </pc:spChg>
        <pc:spChg chg="mod">
          <ac:chgData name="White, Alex" userId="eff6cc8c-37d8-483b-9c6c-6b27e9afa9bc" providerId="ADAL" clId="{BF04C754-5BF4-4E83-9615-DB14FA25AF8A}" dt="2023-10-12T11:37:53" v="291"/>
          <ac:spMkLst>
            <pc:docMk/>
            <pc:sldMk cId="2376958513" sldId="260"/>
            <ac:spMk id="3083" creationId="{8C1FA1FA-0BD2-FAEE-C819-A72F9CAECE3B}"/>
          </ac:spMkLst>
        </pc:spChg>
        <pc:spChg chg="mod">
          <ac:chgData name="White, Alex" userId="eff6cc8c-37d8-483b-9c6c-6b27e9afa9bc" providerId="ADAL" clId="{BF04C754-5BF4-4E83-9615-DB14FA25AF8A}" dt="2023-10-12T11:37:53" v="291"/>
          <ac:spMkLst>
            <pc:docMk/>
            <pc:sldMk cId="2376958513" sldId="260"/>
            <ac:spMk id="3084" creationId="{5D69234B-4F32-110E-C14F-78E224F61851}"/>
          </ac:spMkLst>
        </pc:spChg>
        <pc:spChg chg="mod">
          <ac:chgData name="White, Alex" userId="eff6cc8c-37d8-483b-9c6c-6b27e9afa9bc" providerId="ADAL" clId="{BF04C754-5BF4-4E83-9615-DB14FA25AF8A}" dt="2023-10-12T11:37:53" v="291"/>
          <ac:spMkLst>
            <pc:docMk/>
            <pc:sldMk cId="2376958513" sldId="260"/>
            <ac:spMk id="3085" creationId="{169D1073-F130-D1A0-2AF9-9112D4931B8D}"/>
          </ac:spMkLst>
        </pc:spChg>
        <pc:spChg chg="mod">
          <ac:chgData name="White, Alex" userId="eff6cc8c-37d8-483b-9c6c-6b27e9afa9bc" providerId="ADAL" clId="{BF04C754-5BF4-4E83-9615-DB14FA25AF8A}" dt="2023-10-12T11:37:53" v="291"/>
          <ac:spMkLst>
            <pc:docMk/>
            <pc:sldMk cId="2376958513" sldId="260"/>
            <ac:spMk id="3086" creationId="{E01BC4A6-F087-D57E-96E9-DCFBC899351D}"/>
          </ac:spMkLst>
        </pc:spChg>
        <pc:spChg chg="mod">
          <ac:chgData name="White, Alex" userId="eff6cc8c-37d8-483b-9c6c-6b27e9afa9bc" providerId="ADAL" clId="{BF04C754-5BF4-4E83-9615-DB14FA25AF8A}" dt="2023-10-12T11:37:53" v="291"/>
          <ac:spMkLst>
            <pc:docMk/>
            <pc:sldMk cId="2376958513" sldId="260"/>
            <ac:spMk id="3087" creationId="{8B3DDEF7-960B-D43A-4190-26D266E4E888}"/>
          </ac:spMkLst>
        </pc:spChg>
        <pc:spChg chg="mod">
          <ac:chgData name="White, Alex" userId="eff6cc8c-37d8-483b-9c6c-6b27e9afa9bc" providerId="ADAL" clId="{BF04C754-5BF4-4E83-9615-DB14FA25AF8A}" dt="2023-10-12T11:37:53" v="291"/>
          <ac:spMkLst>
            <pc:docMk/>
            <pc:sldMk cId="2376958513" sldId="260"/>
            <ac:spMk id="3088" creationId="{409C86A3-7417-C3D0-8B05-92CA92875574}"/>
          </ac:spMkLst>
        </pc:spChg>
        <pc:spChg chg="mod">
          <ac:chgData name="White, Alex" userId="eff6cc8c-37d8-483b-9c6c-6b27e9afa9bc" providerId="ADAL" clId="{BF04C754-5BF4-4E83-9615-DB14FA25AF8A}" dt="2023-10-12T11:37:53" v="291"/>
          <ac:spMkLst>
            <pc:docMk/>
            <pc:sldMk cId="2376958513" sldId="260"/>
            <ac:spMk id="3089" creationId="{B6880060-010D-E83B-9D4F-72304396FB97}"/>
          </ac:spMkLst>
        </pc:spChg>
        <pc:spChg chg="mod">
          <ac:chgData name="White, Alex" userId="eff6cc8c-37d8-483b-9c6c-6b27e9afa9bc" providerId="ADAL" clId="{BF04C754-5BF4-4E83-9615-DB14FA25AF8A}" dt="2023-10-12T11:37:53" v="291"/>
          <ac:spMkLst>
            <pc:docMk/>
            <pc:sldMk cId="2376958513" sldId="260"/>
            <ac:spMk id="3090" creationId="{486258BA-C91F-C106-207C-C9ABA9E25B69}"/>
          </ac:spMkLst>
        </pc:spChg>
        <pc:spChg chg="mod">
          <ac:chgData name="White, Alex" userId="eff6cc8c-37d8-483b-9c6c-6b27e9afa9bc" providerId="ADAL" clId="{BF04C754-5BF4-4E83-9615-DB14FA25AF8A}" dt="2023-10-12T11:37:53" v="291"/>
          <ac:spMkLst>
            <pc:docMk/>
            <pc:sldMk cId="2376958513" sldId="260"/>
            <ac:spMk id="3091" creationId="{3FB090A4-FB33-0E9B-5895-97D4B497C1E5}"/>
          </ac:spMkLst>
        </pc:spChg>
        <pc:spChg chg="mod">
          <ac:chgData name="White, Alex" userId="eff6cc8c-37d8-483b-9c6c-6b27e9afa9bc" providerId="ADAL" clId="{BF04C754-5BF4-4E83-9615-DB14FA25AF8A}" dt="2023-10-12T11:37:53" v="291"/>
          <ac:spMkLst>
            <pc:docMk/>
            <pc:sldMk cId="2376958513" sldId="260"/>
            <ac:spMk id="3092" creationId="{71E96F24-1EE5-F7C1-1DC3-F1F493CA370A}"/>
          </ac:spMkLst>
        </pc:spChg>
        <pc:spChg chg="mod">
          <ac:chgData name="White, Alex" userId="eff6cc8c-37d8-483b-9c6c-6b27e9afa9bc" providerId="ADAL" clId="{BF04C754-5BF4-4E83-9615-DB14FA25AF8A}" dt="2023-10-12T11:37:53" v="291"/>
          <ac:spMkLst>
            <pc:docMk/>
            <pc:sldMk cId="2376958513" sldId="260"/>
            <ac:spMk id="3093" creationId="{8EBF045A-0ABD-71CD-E4CD-5015D28F753A}"/>
          </ac:spMkLst>
        </pc:spChg>
        <pc:spChg chg="mod">
          <ac:chgData name="White, Alex" userId="eff6cc8c-37d8-483b-9c6c-6b27e9afa9bc" providerId="ADAL" clId="{BF04C754-5BF4-4E83-9615-DB14FA25AF8A}" dt="2023-10-12T11:37:53" v="291"/>
          <ac:spMkLst>
            <pc:docMk/>
            <pc:sldMk cId="2376958513" sldId="260"/>
            <ac:spMk id="3094" creationId="{C57E0C05-8126-C593-4922-D58F634328E3}"/>
          </ac:spMkLst>
        </pc:spChg>
        <pc:spChg chg="mod">
          <ac:chgData name="White, Alex" userId="eff6cc8c-37d8-483b-9c6c-6b27e9afa9bc" providerId="ADAL" clId="{BF04C754-5BF4-4E83-9615-DB14FA25AF8A}" dt="2023-10-12T11:37:53" v="291"/>
          <ac:spMkLst>
            <pc:docMk/>
            <pc:sldMk cId="2376958513" sldId="260"/>
            <ac:spMk id="3095" creationId="{EA916D86-524F-DDBA-70C8-3160763C9E96}"/>
          </ac:spMkLst>
        </pc:spChg>
        <pc:spChg chg="mod">
          <ac:chgData name="White, Alex" userId="eff6cc8c-37d8-483b-9c6c-6b27e9afa9bc" providerId="ADAL" clId="{BF04C754-5BF4-4E83-9615-DB14FA25AF8A}" dt="2023-10-12T11:37:53" v="291"/>
          <ac:spMkLst>
            <pc:docMk/>
            <pc:sldMk cId="2376958513" sldId="260"/>
            <ac:spMk id="3096" creationId="{3D26C1B6-78E4-D223-78BE-8DB1968D29B3}"/>
          </ac:spMkLst>
        </pc:spChg>
        <pc:spChg chg="mod">
          <ac:chgData name="White, Alex" userId="eff6cc8c-37d8-483b-9c6c-6b27e9afa9bc" providerId="ADAL" clId="{BF04C754-5BF4-4E83-9615-DB14FA25AF8A}" dt="2023-10-12T11:37:53" v="291"/>
          <ac:spMkLst>
            <pc:docMk/>
            <pc:sldMk cId="2376958513" sldId="260"/>
            <ac:spMk id="3097" creationId="{E68B0FAC-9FA8-E0F0-1F6E-C5BC559CB874}"/>
          </ac:spMkLst>
        </pc:spChg>
        <pc:spChg chg="mod">
          <ac:chgData name="White, Alex" userId="eff6cc8c-37d8-483b-9c6c-6b27e9afa9bc" providerId="ADAL" clId="{BF04C754-5BF4-4E83-9615-DB14FA25AF8A}" dt="2023-10-12T11:37:53" v="291"/>
          <ac:spMkLst>
            <pc:docMk/>
            <pc:sldMk cId="2376958513" sldId="260"/>
            <ac:spMk id="3098" creationId="{CD41CE1E-D189-0EBB-F95B-4E0783BC08D5}"/>
          </ac:spMkLst>
        </pc:spChg>
        <pc:spChg chg="mod">
          <ac:chgData name="White, Alex" userId="eff6cc8c-37d8-483b-9c6c-6b27e9afa9bc" providerId="ADAL" clId="{BF04C754-5BF4-4E83-9615-DB14FA25AF8A}" dt="2023-10-12T11:37:53" v="291"/>
          <ac:spMkLst>
            <pc:docMk/>
            <pc:sldMk cId="2376958513" sldId="260"/>
            <ac:spMk id="3099" creationId="{BE998864-DF2E-0A75-3DB9-10FB934D78B9}"/>
          </ac:spMkLst>
        </pc:spChg>
        <pc:spChg chg="mod">
          <ac:chgData name="White, Alex" userId="eff6cc8c-37d8-483b-9c6c-6b27e9afa9bc" providerId="ADAL" clId="{BF04C754-5BF4-4E83-9615-DB14FA25AF8A}" dt="2023-10-12T11:37:53" v="291"/>
          <ac:spMkLst>
            <pc:docMk/>
            <pc:sldMk cId="2376958513" sldId="260"/>
            <ac:spMk id="3100" creationId="{48BFEE34-9AB8-2881-A661-D30D877DA031}"/>
          </ac:spMkLst>
        </pc:spChg>
        <pc:spChg chg="mod">
          <ac:chgData name="White, Alex" userId="eff6cc8c-37d8-483b-9c6c-6b27e9afa9bc" providerId="ADAL" clId="{BF04C754-5BF4-4E83-9615-DB14FA25AF8A}" dt="2023-10-12T11:37:53" v="291"/>
          <ac:spMkLst>
            <pc:docMk/>
            <pc:sldMk cId="2376958513" sldId="260"/>
            <ac:spMk id="3101" creationId="{770371A8-5DB2-A532-A223-73AEF7963DC5}"/>
          </ac:spMkLst>
        </pc:spChg>
        <pc:spChg chg="mod">
          <ac:chgData name="White, Alex" userId="eff6cc8c-37d8-483b-9c6c-6b27e9afa9bc" providerId="ADAL" clId="{BF04C754-5BF4-4E83-9615-DB14FA25AF8A}" dt="2023-10-12T11:37:53" v="291"/>
          <ac:spMkLst>
            <pc:docMk/>
            <pc:sldMk cId="2376958513" sldId="260"/>
            <ac:spMk id="3102" creationId="{E5B7411B-CBA6-E55A-DADB-BB4C68F84BF1}"/>
          </ac:spMkLst>
        </pc:spChg>
        <pc:spChg chg="mod">
          <ac:chgData name="White, Alex" userId="eff6cc8c-37d8-483b-9c6c-6b27e9afa9bc" providerId="ADAL" clId="{BF04C754-5BF4-4E83-9615-DB14FA25AF8A}" dt="2023-10-12T11:37:53" v="291"/>
          <ac:spMkLst>
            <pc:docMk/>
            <pc:sldMk cId="2376958513" sldId="260"/>
            <ac:spMk id="3103" creationId="{9C90F573-60C1-02CC-AA78-27313A775820}"/>
          </ac:spMkLst>
        </pc:spChg>
        <pc:spChg chg="mod">
          <ac:chgData name="White, Alex" userId="eff6cc8c-37d8-483b-9c6c-6b27e9afa9bc" providerId="ADAL" clId="{BF04C754-5BF4-4E83-9615-DB14FA25AF8A}" dt="2023-10-12T11:37:53" v="291"/>
          <ac:spMkLst>
            <pc:docMk/>
            <pc:sldMk cId="2376958513" sldId="260"/>
            <ac:spMk id="3104" creationId="{5930D9D8-3590-EE7B-0122-658DD9CC1BF3}"/>
          </ac:spMkLst>
        </pc:spChg>
        <pc:spChg chg="mod">
          <ac:chgData name="White, Alex" userId="eff6cc8c-37d8-483b-9c6c-6b27e9afa9bc" providerId="ADAL" clId="{BF04C754-5BF4-4E83-9615-DB14FA25AF8A}" dt="2023-10-12T11:37:53" v="291"/>
          <ac:spMkLst>
            <pc:docMk/>
            <pc:sldMk cId="2376958513" sldId="260"/>
            <ac:spMk id="3105" creationId="{BE71287B-E09D-C56D-9B81-DD1FFBBD1CAB}"/>
          </ac:spMkLst>
        </pc:spChg>
        <pc:spChg chg="mod">
          <ac:chgData name="White, Alex" userId="eff6cc8c-37d8-483b-9c6c-6b27e9afa9bc" providerId="ADAL" clId="{BF04C754-5BF4-4E83-9615-DB14FA25AF8A}" dt="2023-10-12T11:37:53" v="291"/>
          <ac:spMkLst>
            <pc:docMk/>
            <pc:sldMk cId="2376958513" sldId="260"/>
            <ac:spMk id="3106" creationId="{23B5D994-E29F-7302-AF94-64E34A6280F7}"/>
          </ac:spMkLst>
        </pc:spChg>
        <pc:spChg chg="mod">
          <ac:chgData name="White, Alex" userId="eff6cc8c-37d8-483b-9c6c-6b27e9afa9bc" providerId="ADAL" clId="{BF04C754-5BF4-4E83-9615-DB14FA25AF8A}" dt="2023-10-12T11:37:53" v="291"/>
          <ac:spMkLst>
            <pc:docMk/>
            <pc:sldMk cId="2376958513" sldId="260"/>
            <ac:spMk id="3107" creationId="{ABE97EA2-8F5A-3301-33F4-11D3B99E7673}"/>
          </ac:spMkLst>
        </pc:spChg>
        <pc:spChg chg="mod">
          <ac:chgData name="White, Alex" userId="eff6cc8c-37d8-483b-9c6c-6b27e9afa9bc" providerId="ADAL" clId="{BF04C754-5BF4-4E83-9615-DB14FA25AF8A}" dt="2023-10-12T11:37:53" v="291"/>
          <ac:spMkLst>
            <pc:docMk/>
            <pc:sldMk cId="2376958513" sldId="260"/>
            <ac:spMk id="3108" creationId="{022F6B93-71B4-EF9A-D142-34CBF5FE016E}"/>
          </ac:spMkLst>
        </pc:spChg>
        <pc:spChg chg="mod">
          <ac:chgData name="White, Alex" userId="eff6cc8c-37d8-483b-9c6c-6b27e9afa9bc" providerId="ADAL" clId="{BF04C754-5BF4-4E83-9615-DB14FA25AF8A}" dt="2023-10-12T11:37:53" v="291"/>
          <ac:spMkLst>
            <pc:docMk/>
            <pc:sldMk cId="2376958513" sldId="260"/>
            <ac:spMk id="3109" creationId="{C230671A-A2EA-C0CE-D23F-472B46BE8A03}"/>
          </ac:spMkLst>
        </pc:spChg>
        <pc:spChg chg="mod">
          <ac:chgData name="White, Alex" userId="eff6cc8c-37d8-483b-9c6c-6b27e9afa9bc" providerId="ADAL" clId="{BF04C754-5BF4-4E83-9615-DB14FA25AF8A}" dt="2023-10-12T11:37:53" v="291"/>
          <ac:spMkLst>
            <pc:docMk/>
            <pc:sldMk cId="2376958513" sldId="260"/>
            <ac:spMk id="3110" creationId="{6AF852BA-5FDD-11CA-1422-493EBE59500C}"/>
          </ac:spMkLst>
        </pc:spChg>
        <pc:spChg chg="mod">
          <ac:chgData name="White, Alex" userId="eff6cc8c-37d8-483b-9c6c-6b27e9afa9bc" providerId="ADAL" clId="{BF04C754-5BF4-4E83-9615-DB14FA25AF8A}" dt="2023-10-12T11:37:53" v="291"/>
          <ac:spMkLst>
            <pc:docMk/>
            <pc:sldMk cId="2376958513" sldId="260"/>
            <ac:spMk id="3111" creationId="{F04695D3-1D67-1D9F-8F38-64AC6279026C}"/>
          </ac:spMkLst>
        </pc:spChg>
        <pc:spChg chg="mod">
          <ac:chgData name="White, Alex" userId="eff6cc8c-37d8-483b-9c6c-6b27e9afa9bc" providerId="ADAL" clId="{BF04C754-5BF4-4E83-9615-DB14FA25AF8A}" dt="2023-10-12T11:37:53" v="291"/>
          <ac:spMkLst>
            <pc:docMk/>
            <pc:sldMk cId="2376958513" sldId="260"/>
            <ac:spMk id="3112" creationId="{B02CE4D1-3DF4-214B-3D8B-0172FAB10F85}"/>
          </ac:spMkLst>
        </pc:spChg>
        <pc:spChg chg="mod">
          <ac:chgData name="White, Alex" userId="eff6cc8c-37d8-483b-9c6c-6b27e9afa9bc" providerId="ADAL" clId="{BF04C754-5BF4-4E83-9615-DB14FA25AF8A}" dt="2023-10-12T11:37:53" v="291"/>
          <ac:spMkLst>
            <pc:docMk/>
            <pc:sldMk cId="2376958513" sldId="260"/>
            <ac:spMk id="3113" creationId="{FAE84F4E-6DCD-E6AA-1099-1B78B6C2EC69}"/>
          </ac:spMkLst>
        </pc:spChg>
        <pc:spChg chg="mod">
          <ac:chgData name="White, Alex" userId="eff6cc8c-37d8-483b-9c6c-6b27e9afa9bc" providerId="ADAL" clId="{BF04C754-5BF4-4E83-9615-DB14FA25AF8A}" dt="2023-10-12T11:37:53" v="291"/>
          <ac:spMkLst>
            <pc:docMk/>
            <pc:sldMk cId="2376958513" sldId="260"/>
            <ac:spMk id="3114" creationId="{556FE800-4D4F-771F-1A3B-C0662A4178D2}"/>
          </ac:spMkLst>
        </pc:spChg>
        <pc:spChg chg="mod">
          <ac:chgData name="White, Alex" userId="eff6cc8c-37d8-483b-9c6c-6b27e9afa9bc" providerId="ADAL" clId="{BF04C754-5BF4-4E83-9615-DB14FA25AF8A}" dt="2023-10-12T11:37:53" v="291"/>
          <ac:spMkLst>
            <pc:docMk/>
            <pc:sldMk cId="2376958513" sldId="260"/>
            <ac:spMk id="3115" creationId="{7FC986A6-C0A0-DD28-3D39-E2794D72E2E6}"/>
          </ac:spMkLst>
        </pc:spChg>
        <pc:spChg chg="mod">
          <ac:chgData name="White, Alex" userId="eff6cc8c-37d8-483b-9c6c-6b27e9afa9bc" providerId="ADAL" clId="{BF04C754-5BF4-4E83-9615-DB14FA25AF8A}" dt="2023-10-12T11:37:53" v="291"/>
          <ac:spMkLst>
            <pc:docMk/>
            <pc:sldMk cId="2376958513" sldId="260"/>
            <ac:spMk id="3116" creationId="{62720FD7-5FEE-058C-6B64-6DA44E540E11}"/>
          </ac:spMkLst>
        </pc:spChg>
        <pc:spChg chg="mod">
          <ac:chgData name="White, Alex" userId="eff6cc8c-37d8-483b-9c6c-6b27e9afa9bc" providerId="ADAL" clId="{BF04C754-5BF4-4E83-9615-DB14FA25AF8A}" dt="2023-10-12T11:37:53" v="291"/>
          <ac:spMkLst>
            <pc:docMk/>
            <pc:sldMk cId="2376958513" sldId="260"/>
            <ac:spMk id="3117" creationId="{A89007BE-462B-FE2F-841D-7BCCA7058C45}"/>
          </ac:spMkLst>
        </pc:spChg>
        <pc:spChg chg="mod">
          <ac:chgData name="White, Alex" userId="eff6cc8c-37d8-483b-9c6c-6b27e9afa9bc" providerId="ADAL" clId="{BF04C754-5BF4-4E83-9615-DB14FA25AF8A}" dt="2023-10-12T11:37:53" v="291"/>
          <ac:spMkLst>
            <pc:docMk/>
            <pc:sldMk cId="2376958513" sldId="260"/>
            <ac:spMk id="3118" creationId="{4C81CF59-57DD-D4B5-CE31-9FB787CB1B6D}"/>
          </ac:spMkLst>
        </pc:spChg>
        <pc:spChg chg="mod">
          <ac:chgData name="White, Alex" userId="eff6cc8c-37d8-483b-9c6c-6b27e9afa9bc" providerId="ADAL" clId="{BF04C754-5BF4-4E83-9615-DB14FA25AF8A}" dt="2023-10-12T11:37:53" v="291"/>
          <ac:spMkLst>
            <pc:docMk/>
            <pc:sldMk cId="2376958513" sldId="260"/>
            <ac:spMk id="3119" creationId="{B90C3DFE-322E-ECC3-6CED-37DFB340683A}"/>
          </ac:spMkLst>
        </pc:spChg>
        <pc:spChg chg="mod">
          <ac:chgData name="White, Alex" userId="eff6cc8c-37d8-483b-9c6c-6b27e9afa9bc" providerId="ADAL" clId="{BF04C754-5BF4-4E83-9615-DB14FA25AF8A}" dt="2023-10-12T11:37:53" v="291"/>
          <ac:spMkLst>
            <pc:docMk/>
            <pc:sldMk cId="2376958513" sldId="260"/>
            <ac:spMk id="3120" creationId="{028F0525-1439-4337-09E6-113A95F2F4D4}"/>
          </ac:spMkLst>
        </pc:spChg>
        <pc:spChg chg="mod">
          <ac:chgData name="White, Alex" userId="eff6cc8c-37d8-483b-9c6c-6b27e9afa9bc" providerId="ADAL" clId="{BF04C754-5BF4-4E83-9615-DB14FA25AF8A}" dt="2023-10-12T11:37:53" v="291"/>
          <ac:spMkLst>
            <pc:docMk/>
            <pc:sldMk cId="2376958513" sldId="260"/>
            <ac:spMk id="3121" creationId="{FE6F1A00-167C-9848-9EA8-2C5D2AD05C89}"/>
          </ac:spMkLst>
        </pc:spChg>
        <pc:spChg chg="mod">
          <ac:chgData name="White, Alex" userId="eff6cc8c-37d8-483b-9c6c-6b27e9afa9bc" providerId="ADAL" clId="{BF04C754-5BF4-4E83-9615-DB14FA25AF8A}" dt="2023-10-12T11:37:53" v="291"/>
          <ac:spMkLst>
            <pc:docMk/>
            <pc:sldMk cId="2376958513" sldId="260"/>
            <ac:spMk id="3122" creationId="{45D6ECE8-1FED-17CE-91F8-87A6E692298F}"/>
          </ac:spMkLst>
        </pc:spChg>
        <pc:spChg chg="mod">
          <ac:chgData name="White, Alex" userId="eff6cc8c-37d8-483b-9c6c-6b27e9afa9bc" providerId="ADAL" clId="{BF04C754-5BF4-4E83-9615-DB14FA25AF8A}" dt="2023-10-12T11:37:53" v="291"/>
          <ac:spMkLst>
            <pc:docMk/>
            <pc:sldMk cId="2376958513" sldId="260"/>
            <ac:spMk id="3123" creationId="{F3E664E6-5176-703D-914C-6BFCC31DB0FA}"/>
          </ac:spMkLst>
        </pc:spChg>
        <pc:spChg chg="mod">
          <ac:chgData name="White, Alex" userId="eff6cc8c-37d8-483b-9c6c-6b27e9afa9bc" providerId="ADAL" clId="{BF04C754-5BF4-4E83-9615-DB14FA25AF8A}" dt="2023-10-12T11:37:53" v="291"/>
          <ac:spMkLst>
            <pc:docMk/>
            <pc:sldMk cId="2376958513" sldId="260"/>
            <ac:spMk id="3124" creationId="{F8D7E992-1D8D-45A0-8C27-D96C56F08F40}"/>
          </ac:spMkLst>
        </pc:spChg>
        <pc:spChg chg="mod">
          <ac:chgData name="White, Alex" userId="eff6cc8c-37d8-483b-9c6c-6b27e9afa9bc" providerId="ADAL" clId="{BF04C754-5BF4-4E83-9615-DB14FA25AF8A}" dt="2023-10-12T11:37:53" v="291"/>
          <ac:spMkLst>
            <pc:docMk/>
            <pc:sldMk cId="2376958513" sldId="260"/>
            <ac:spMk id="3125" creationId="{F3AA4CAB-B348-08C3-56B5-3BCFF7F96D9E}"/>
          </ac:spMkLst>
        </pc:spChg>
        <pc:spChg chg="mod">
          <ac:chgData name="White, Alex" userId="eff6cc8c-37d8-483b-9c6c-6b27e9afa9bc" providerId="ADAL" clId="{BF04C754-5BF4-4E83-9615-DB14FA25AF8A}" dt="2023-10-12T11:37:53" v="291"/>
          <ac:spMkLst>
            <pc:docMk/>
            <pc:sldMk cId="2376958513" sldId="260"/>
            <ac:spMk id="3126" creationId="{AB7D526F-85C6-28D8-4288-B24E2FCB81DA}"/>
          </ac:spMkLst>
        </pc:spChg>
        <pc:spChg chg="mod">
          <ac:chgData name="White, Alex" userId="eff6cc8c-37d8-483b-9c6c-6b27e9afa9bc" providerId="ADAL" clId="{BF04C754-5BF4-4E83-9615-DB14FA25AF8A}" dt="2023-10-12T11:37:53" v="291"/>
          <ac:spMkLst>
            <pc:docMk/>
            <pc:sldMk cId="2376958513" sldId="260"/>
            <ac:spMk id="3127" creationId="{5E057153-F2EC-EB69-3866-61439AD4E615}"/>
          </ac:spMkLst>
        </pc:spChg>
        <pc:spChg chg="mod">
          <ac:chgData name="White, Alex" userId="eff6cc8c-37d8-483b-9c6c-6b27e9afa9bc" providerId="ADAL" clId="{BF04C754-5BF4-4E83-9615-DB14FA25AF8A}" dt="2023-10-12T11:37:53" v="291"/>
          <ac:spMkLst>
            <pc:docMk/>
            <pc:sldMk cId="2376958513" sldId="260"/>
            <ac:spMk id="3128" creationId="{18B14D8B-44CE-3BCA-D9FE-F2F5E4EE12D5}"/>
          </ac:spMkLst>
        </pc:spChg>
        <pc:spChg chg="mod">
          <ac:chgData name="White, Alex" userId="eff6cc8c-37d8-483b-9c6c-6b27e9afa9bc" providerId="ADAL" clId="{BF04C754-5BF4-4E83-9615-DB14FA25AF8A}" dt="2023-10-12T11:37:53" v="291"/>
          <ac:spMkLst>
            <pc:docMk/>
            <pc:sldMk cId="2376958513" sldId="260"/>
            <ac:spMk id="3129" creationId="{ABCF2412-14FB-9BE9-3245-AC45443C5F7A}"/>
          </ac:spMkLst>
        </pc:spChg>
        <pc:spChg chg="mod">
          <ac:chgData name="White, Alex" userId="eff6cc8c-37d8-483b-9c6c-6b27e9afa9bc" providerId="ADAL" clId="{BF04C754-5BF4-4E83-9615-DB14FA25AF8A}" dt="2023-10-12T11:37:53" v="291"/>
          <ac:spMkLst>
            <pc:docMk/>
            <pc:sldMk cId="2376958513" sldId="260"/>
            <ac:spMk id="3130" creationId="{23C00128-2444-43B5-0F79-7CA8D9BF07B9}"/>
          </ac:spMkLst>
        </pc:spChg>
        <pc:spChg chg="mod">
          <ac:chgData name="White, Alex" userId="eff6cc8c-37d8-483b-9c6c-6b27e9afa9bc" providerId="ADAL" clId="{BF04C754-5BF4-4E83-9615-DB14FA25AF8A}" dt="2023-10-12T11:37:53" v="291"/>
          <ac:spMkLst>
            <pc:docMk/>
            <pc:sldMk cId="2376958513" sldId="260"/>
            <ac:spMk id="3131" creationId="{D32A5069-298C-1043-7C8A-DFA10D20A359}"/>
          </ac:spMkLst>
        </pc:spChg>
        <pc:spChg chg="mod">
          <ac:chgData name="White, Alex" userId="eff6cc8c-37d8-483b-9c6c-6b27e9afa9bc" providerId="ADAL" clId="{BF04C754-5BF4-4E83-9615-DB14FA25AF8A}" dt="2023-10-12T11:37:53" v="291"/>
          <ac:spMkLst>
            <pc:docMk/>
            <pc:sldMk cId="2376958513" sldId="260"/>
            <ac:spMk id="3132" creationId="{DEA71DE8-D70C-F144-0676-AD08C62BAF84}"/>
          </ac:spMkLst>
        </pc:spChg>
        <pc:spChg chg="mod">
          <ac:chgData name="White, Alex" userId="eff6cc8c-37d8-483b-9c6c-6b27e9afa9bc" providerId="ADAL" clId="{BF04C754-5BF4-4E83-9615-DB14FA25AF8A}" dt="2023-10-12T11:37:53" v="291"/>
          <ac:spMkLst>
            <pc:docMk/>
            <pc:sldMk cId="2376958513" sldId="260"/>
            <ac:spMk id="3133" creationId="{75CEF0D3-F076-9CB2-F25C-DC43151D78E7}"/>
          </ac:spMkLst>
        </pc:spChg>
        <pc:spChg chg="mod">
          <ac:chgData name="White, Alex" userId="eff6cc8c-37d8-483b-9c6c-6b27e9afa9bc" providerId="ADAL" clId="{BF04C754-5BF4-4E83-9615-DB14FA25AF8A}" dt="2023-10-12T11:37:53" v="291"/>
          <ac:spMkLst>
            <pc:docMk/>
            <pc:sldMk cId="2376958513" sldId="260"/>
            <ac:spMk id="3134" creationId="{7318D25D-2C01-D7B0-07E2-943F30E44E87}"/>
          </ac:spMkLst>
        </pc:spChg>
        <pc:spChg chg="mod">
          <ac:chgData name="White, Alex" userId="eff6cc8c-37d8-483b-9c6c-6b27e9afa9bc" providerId="ADAL" clId="{BF04C754-5BF4-4E83-9615-DB14FA25AF8A}" dt="2023-10-12T11:37:53" v="291"/>
          <ac:spMkLst>
            <pc:docMk/>
            <pc:sldMk cId="2376958513" sldId="260"/>
            <ac:spMk id="3135" creationId="{54FF0E39-807B-5A9F-9E4C-5BC19B9DEBBB}"/>
          </ac:spMkLst>
        </pc:spChg>
        <pc:spChg chg="mod">
          <ac:chgData name="White, Alex" userId="eff6cc8c-37d8-483b-9c6c-6b27e9afa9bc" providerId="ADAL" clId="{BF04C754-5BF4-4E83-9615-DB14FA25AF8A}" dt="2023-10-12T11:37:53" v="291"/>
          <ac:spMkLst>
            <pc:docMk/>
            <pc:sldMk cId="2376958513" sldId="260"/>
            <ac:spMk id="3136" creationId="{AAFCD87A-A1EE-4DD0-FF4F-E2832C09162D}"/>
          </ac:spMkLst>
        </pc:spChg>
        <pc:spChg chg="mod">
          <ac:chgData name="White, Alex" userId="eff6cc8c-37d8-483b-9c6c-6b27e9afa9bc" providerId="ADAL" clId="{BF04C754-5BF4-4E83-9615-DB14FA25AF8A}" dt="2023-10-12T11:37:53" v="291"/>
          <ac:spMkLst>
            <pc:docMk/>
            <pc:sldMk cId="2376958513" sldId="260"/>
            <ac:spMk id="3137" creationId="{5988049B-EDE1-E68E-E0DB-380CCE0D38DE}"/>
          </ac:spMkLst>
        </pc:spChg>
        <pc:spChg chg="mod">
          <ac:chgData name="White, Alex" userId="eff6cc8c-37d8-483b-9c6c-6b27e9afa9bc" providerId="ADAL" clId="{BF04C754-5BF4-4E83-9615-DB14FA25AF8A}" dt="2023-10-12T11:37:53" v="291"/>
          <ac:spMkLst>
            <pc:docMk/>
            <pc:sldMk cId="2376958513" sldId="260"/>
            <ac:spMk id="3138" creationId="{8B305D80-D976-0917-5EC0-829DBC78C6FC}"/>
          </ac:spMkLst>
        </pc:spChg>
        <pc:spChg chg="mod">
          <ac:chgData name="White, Alex" userId="eff6cc8c-37d8-483b-9c6c-6b27e9afa9bc" providerId="ADAL" clId="{BF04C754-5BF4-4E83-9615-DB14FA25AF8A}" dt="2023-10-12T11:37:53" v="291"/>
          <ac:spMkLst>
            <pc:docMk/>
            <pc:sldMk cId="2376958513" sldId="260"/>
            <ac:spMk id="3139" creationId="{3DD4ACC0-DF9B-25A8-4EA9-5DF032820DAC}"/>
          </ac:spMkLst>
        </pc:spChg>
        <pc:spChg chg="mod">
          <ac:chgData name="White, Alex" userId="eff6cc8c-37d8-483b-9c6c-6b27e9afa9bc" providerId="ADAL" clId="{BF04C754-5BF4-4E83-9615-DB14FA25AF8A}" dt="2023-10-12T11:37:53" v="291"/>
          <ac:spMkLst>
            <pc:docMk/>
            <pc:sldMk cId="2376958513" sldId="260"/>
            <ac:spMk id="3140" creationId="{6CE3F7A2-5502-525A-A0FE-6DAF5CD543A4}"/>
          </ac:spMkLst>
        </pc:spChg>
        <pc:spChg chg="mod">
          <ac:chgData name="White, Alex" userId="eff6cc8c-37d8-483b-9c6c-6b27e9afa9bc" providerId="ADAL" clId="{BF04C754-5BF4-4E83-9615-DB14FA25AF8A}" dt="2023-10-12T11:37:53" v="291"/>
          <ac:spMkLst>
            <pc:docMk/>
            <pc:sldMk cId="2376958513" sldId="260"/>
            <ac:spMk id="3141" creationId="{D4681159-A5A1-5E3B-512F-36B5DA01AE98}"/>
          </ac:spMkLst>
        </pc:spChg>
        <pc:spChg chg="mod">
          <ac:chgData name="White, Alex" userId="eff6cc8c-37d8-483b-9c6c-6b27e9afa9bc" providerId="ADAL" clId="{BF04C754-5BF4-4E83-9615-DB14FA25AF8A}" dt="2023-10-12T11:37:53" v="291"/>
          <ac:spMkLst>
            <pc:docMk/>
            <pc:sldMk cId="2376958513" sldId="260"/>
            <ac:spMk id="3142" creationId="{58307329-35D5-FA25-8D62-E8CFE81CE025}"/>
          </ac:spMkLst>
        </pc:spChg>
        <pc:spChg chg="mod">
          <ac:chgData name="White, Alex" userId="eff6cc8c-37d8-483b-9c6c-6b27e9afa9bc" providerId="ADAL" clId="{BF04C754-5BF4-4E83-9615-DB14FA25AF8A}" dt="2023-10-12T11:37:53" v="291"/>
          <ac:spMkLst>
            <pc:docMk/>
            <pc:sldMk cId="2376958513" sldId="260"/>
            <ac:spMk id="3143" creationId="{A9E31372-588F-9A9D-1995-0E46E8DFB55F}"/>
          </ac:spMkLst>
        </pc:spChg>
        <pc:spChg chg="mod">
          <ac:chgData name="White, Alex" userId="eff6cc8c-37d8-483b-9c6c-6b27e9afa9bc" providerId="ADAL" clId="{BF04C754-5BF4-4E83-9615-DB14FA25AF8A}" dt="2023-10-12T11:37:53" v="291"/>
          <ac:spMkLst>
            <pc:docMk/>
            <pc:sldMk cId="2376958513" sldId="260"/>
            <ac:spMk id="3144" creationId="{D50E6038-AEA6-4FC4-E012-BB953A84724F}"/>
          </ac:spMkLst>
        </pc:spChg>
        <pc:spChg chg="mod">
          <ac:chgData name="White, Alex" userId="eff6cc8c-37d8-483b-9c6c-6b27e9afa9bc" providerId="ADAL" clId="{BF04C754-5BF4-4E83-9615-DB14FA25AF8A}" dt="2023-10-12T11:37:53" v="291"/>
          <ac:spMkLst>
            <pc:docMk/>
            <pc:sldMk cId="2376958513" sldId="260"/>
            <ac:spMk id="3145" creationId="{14BB4300-3516-6AFE-83EB-45C9789E110D}"/>
          </ac:spMkLst>
        </pc:spChg>
        <pc:spChg chg="mod">
          <ac:chgData name="White, Alex" userId="eff6cc8c-37d8-483b-9c6c-6b27e9afa9bc" providerId="ADAL" clId="{BF04C754-5BF4-4E83-9615-DB14FA25AF8A}" dt="2023-10-12T11:37:53" v="291"/>
          <ac:spMkLst>
            <pc:docMk/>
            <pc:sldMk cId="2376958513" sldId="260"/>
            <ac:spMk id="3146" creationId="{351FD788-8734-3BCD-0645-2484654FEBAD}"/>
          </ac:spMkLst>
        </pc:spChg>
        <pc:spChg chg="mod">
          <ac:chgData name="White, Alex" userId="eff6cc8c-37d8-483b-9c6c-6b27e9afa9bc" providerId="ADAL" clId="{BF04C754-5BF4-4E83-9615-DB14FA25AF8A}" dt="2023-10-12T11:37:53" v="291"/>
          <ac:spMkLst>
            <pc:docMk/>
            <pc:sldMk cId="2376958513" sldId="260"/>
            <ac:spMk id="3147" creationId="{E8CDADAE-76D4-EFFF-A6CF-0B4573F0B558}"/>
          </ac:spMkLst>
        </pc:spChg>
        <pc:spChg chg="mod">
          <ac:chgData name="White, Alex" userId="eff6cc8c-37d8-483b-9c6c-6b27e9afa9bc" providerId="ADAL" clId="{BF04C754-5BF4-4E83-9615-DB14FA25AF8A}" dt="2023-10-12T11:37:53" v="291"/>
          <ac:spMkLst>
            <pc:docMk/>
            <pc:sldMk cId="2376958513" sldId="260"/>
            <ac:spMk id="3148" creationId="{F6004F09-1F4C-113A-5788-7F9DDF0C84CB}"/>
          </ac:spMkLst>
        </pc:spChg>
        <pc:spChg chg="mod">
          <ac:chgData name="White, Alex" userId="eff6cc8c-37d8-483b-9c6c-6b27e9afa9bc" providerId="ADAL" clId="{BF04C754-5BF4-4E83-9615-DB14FA25AF8A}" dt="2023-10-12T11:37:53" v="291"/>
          <ac:spMkLst>
            <pc:docMk/>
            <pc:sldMk cId="2376958513" sldId="260"/>
            <ac:spMk id="3149" creationId="{E7D6AFD8-D8F2-2319-989C-58D082850DC8}"/>
          </ac:spMkLst>
        </pc:spChg>
        <pc:spChg chg="mod">
          <ac:chgData name="White, Alex" userId="eff6cc8c-37d8-483b-9c6c-6b27e9afa9bc" providerId="ADAL" clId="{BF04C754-5BF4-4E83-9615-DB14FA25AF8A}" dt="2023-10-12T11:37:53" v="291"/>
          <ac:spMkLst>
            <pc:docMk/>
            <pc:sldMk cId="2376958513" sldId="260"/>
            <ac:spMk id="3150" creationId="{02C2D1FC-5A83-083B-A7AD-86E90A9516B4}"/>
          </ac:spMkLst>
        </pc:spChg>
        <pc:spChg chg="mod">
          <ac:chgData name="White, Alex" userId="eff6cc8c-37d8-483b-9c6c-6b27e9afa9bc" providerId="ADAL" clId="{BF04C754-5BF4-4E83-9615-DB14FA25AF8A}" dt="2023-10-12T11:37:53" v="291"/>
          <ac:spMkLst>
            <pc:docMk/>
            <pc:sldMk cId="2376958513" sldId="260"/>
            <ac:spMk id="3151" creationId="{4C6B54CC-EE52-AE5E-F59F-2F77CBAC65B3}"/>
          </ac:spMkLst>
        </pc:spChg>
        <pc:spChg chg="mod">
          <ac:chgData name="White, Alex" userId="eff6cc8c-37d8-483b-9c6c-6b27e9afa9bc" providerId="ADAL" clId="{BF04C754-5BF4-4E83-9615-DB14FA25AF8A}" dt="2023-10-12T11:37:53" v="291"/>
          <ac:spMkLst>
            <pc:docMk/>
            <pc:sldMk cId="2376958513" sldId="260"/>
            <ac:spMk id="3152" creationId="{8B387790-3512-3DB4-E7B0-F8621CA61DB7}"/>
          </ac:spMkLst>
        </pc:spChg>
        <pc:spChg chg="mod">
          <ac:chgData name="White, Alex" userId="eff6cc8c-37d8-483b-9c6c-6b27e9afa9bc" providerId="ADAL" clId="{BF04C754-5BF4-4E83-9615-DB14FA25AF8A}" dt="2023-10-12T11:37:53" v="291"/>
          <ac:spMkLst>
            <pc:docMk/>
            <pc:sldMk cId="2376958513" sldId="260"/>
            <ac:spMk id="3153" creationId="{5A4755EC-F46A-CD5B-5917-EB57403A2B10}"/>
          </ac:spMkLst>
        </pc:spChg>
        <pc:spChg chg="mod">
          <ac:chgData name="White, Alex" userId="eff6cc8c-37d8-483b-9c6c-6b27e9afa9bc" providerId="ADAL" clId="{BF04C754-5BF4-4E83-9615-DB14FA25AF8A}" dt="2023-10-12T11:37:53" v="291"/>
          <ac:spMkLst>
            <pc:docMk/>
            <pc:sldMk cId="2376958513" sldId="260"/>
            <ac:spMk id="3154" creationId="{04BEB969-DC5F-4EB4-DCD4-5ADFCC82DF30}"/>
          </ac:spMkLst>
        </pc:spChg>
        <pc:spChg chg="mod">
          <ac:chgData name="White, Alex" userId="eff6cc8c-37d8-483b-9c6c-6b27e9afa9bc" providerId="ADAL" clId="{BF04C754-5BF4-4E83-9615-DB14FA25AF8A}" dt="2023-10-12T11:37:53" v="291"/>
          <ac:spMkLst>
            <pc:docMk/>
            <pc:sldMk cId="2376958513" sldId="260"/>
            <ac:spMk id="3155" creationId="{C6AC6FC3-FD1F-5B60-0B2A-0327DB853C85}"/>
          </ac:spMkLst>
        </pc:spChg>
        <pc:spChg chg="mod">
          <ac:chgData name="White, Alex" userId="eff6cc8c-37d8-483b-9c6c-6b27e9afa9bc" providerId="ADAL" clId="{BF04C754-5BF4-4E83-9615-DB14FA25AF8A}" dt="2023-10-12T11:37:53" v="291"/>
          <ac:spMkLst>
            <pc:docMk/>
            <pc:sldMk cId="2376958513" sldId="260"/>
            <ac:spMk id="3156" creationId="{871C31A3-0649-2FAA-D9F9-E0AF8E282489}"/>
          </ac:spMkLst>
        </pc:spChg>
        <pc:spChg chg="mod">
          <ac:chgData name="White, Alex" userId="eff6cc8c-37d8-483b-9c6c-6b27e9afa9bc" providerId="ADAL" clId="{BF04C754-5BF4-4E83-9615-DB14FA25AF8A}" dt="2023-10-12T11:37:53" v="291"/>
          <ac:spMkLst>
            <pc:docMk/>
            <pc:sldMk cId="2376958513" sldId="260"/>
            <ac:spMk id="3157" creationId="{288ADA27-5298-353C-B7D5-40A76F651CD3}"/>
          </ac:spMkLst>
        </pc:spChg>
        <pc:spChg chg="mod">
          <ac:chgData name="White, Alex" userId="eff6cc8c-37d8-483b-9c6c-6b27e9afa9bc" providerId="ADAL" clId="{BF04C754-5BF4-4E83-9615-DB14FA25AF8A}" dt="2023-10-12T11:37:53" v="291"/>
          <ac:spMkLst>
            <pc:docMk/>
            <pc:sldMk cId="2376958513" sldId="260"/>
            <ac:spMk id="3158" creationId="{060F86B4-4E0A-5A10-F620-C519AC6B62C4}"/>
          </ac:spMkLst>
        </pc:spChg>
        <pc:spChg chg="mod">
          <ac:chgData name="White, Alex" userId="eff6cc8c-37d8-483b-9c6c-6b27e9afa9bc" providerId="ADAL" clId="{BF04C754-5BF4-4E83-9615-DB14FA25AF8A}" dt="2023-10-12T11:37:53" v="291"/>
          <ac:spMkLst>
            <pc:docMk/>
            <pc:sldMk cId="2376958513" sldId="260"/>
            <ac:spMk id="3159" creationId="{28F92F37-15F8-662D-5BE5-CF6D61F3A796}"/>
          </ac:spMkLst>
        </pc:spChg>
        <pc:spChg chg="mod">
          <ac:chgData name="White, Alex" userId="eff6cc8c-37d8-483b-9c6c-6b27e9afa9bc" providerId="ADAL" clId="{BF04C754-5BF4-4E83-9615-DB14FA25AF8A}" dt="2023-10-12T11:37:53" v="291"/>
          <ac:spMkLst>
            <pc:docMk/>
            <pc:sldMk cId="2376958513" sldId="260"/>
            <ac:spMk id="3160" creationId="{2FFE12F3-E86B-5423-ED7A-157A103085B6}"/>
          </ac:spMkLst>
        </pc:spChg>
        <pc:spChg chg="mod">
          <ac:chgData name="White, Alex" userId="eff6cc8c-37d8-483b-9c6c-6b27e9afa9bc" providerId="ADAL" clId="{BF04C754-5BF4-4E83-9615-DB14FA25AF8A}" dt="2023-10-12T11:37:53" v="291"/>
          <ac:spMkLst>
            <pc:docMk/>
            <pc:sldMk cId="2376958513" sldId="260"/>
            <ac:spMk id="3161" creationId="{2D69F814-AAE2-9757-AB56-9DECBD6CE607}"/>
          </ac:spMkLst>
        </pc:spChg>
        <pc:spChg chg="mod">
          <ac:chgData name="White, Alex" userId="eff6cc8c-37d8-483b-9c6c-6b27e9afa9bc" providerId="ADAL" clId="{BF04C754-5BF4-4E83-9615-DB14FA25AF8A}" dt="2023-10-12T11:37:53" v="291"/>
          <ac:spMkLst>
            <pc:docMk/>
            <pc:sldMk cId="2376958513" sldId="260"/>
            <ac:spMk id="3162" creationId="{203AEC94-B755-7EFA-0BC9-023115689BB8}"/>
          </ac:spMkLst>
        </pc:spChg>
        <pc:spChg chg="mod">
          <ac:chgData name="White, Alex" userId="eff6cc8c-37d8-483b-9c6c-6b27e9afa9bc" providerId="ADAL" clId="{BF04C754-5BF4-4E83-9615-DB14FA25AF8A}" dt="2023-10-12T11:37:53" v="291"/>
          <ac:spMkLst>
            <pc:docMk/>
            <pc:sldMk cId="2376958513" sldId="260"/>
            <ac:spMk id="3163" creationId="{973F5578-3B12-B71A-7EAE-08E5D383C5EB}"/>
          </ac:spMkLst>
        </pc:spChg>
        <pc:spChg chg="mod">
          <ac:chgData name="White, Alex" userId="eff6cc8c-37d8-483b-9c6c-6b27e9afa9bc" providerId="ADAL" clId="{BF04C754-5BF4-4E83-9615-DB14FA25AF8A}" dt="2023-10-12T11:37:53" v="291"/>
          <ac:spMkLst>
            <pc:docMk/>
            <pc:sldMk cId="2376958513" sldId="260"/>
            <ac:spMk id="3164" creationId="{FA2E278A-946B-5907-1885-0EB961DA899A}"/>
          </ac:spMkLst>
        </pc:spChg>
        <pc:spChg chg="mod">
          <ac:chgData name="White, Alex" userId="eff6cc8c-37d8-483b-9c6c-6b27e9afa9bc" providerId="ADAL" clId="{BF04C754-5BF4-4E83-9615-DB14FA25AF8A}" dt="2023-10-12T11:37:53" v="291"/>
          <ac:spMkLst>
            <pc:docMk/>
            <pc:sldMk cId="2376958513" sldId="260"/>
            <ac:spMk id="3165" creationId="{A682C42E-A9E0-6A83-0B7B-4D980A6F5E4B}"/>
          </ac:spMkLst>
        </pc:spChg>
        <pc:spChg chg="mod">
          <ac:chgData name="White, Alex" userId="eff6cc8c-37d8-483b-9c6c-6b27e9afa9bc" providerId="ADAL" clId="{BF04C754-5BF4-4E83-9615-DB14FA25AF8A}" dt="2023-10-12T11:37:53" v="291"/>
          <ac:spMkLst>
            <pc:docMk/>
            <pc:sldMk cId="2376958513" sldId="260"/>
            <ac:spMk id="3166" creationId="{97E1D251-25AA-2114-D07A-D9EAB2865B00}"/>
          </ac:spMkLst>
        </pc:spChg>
        <pc:spChg chg="mod">
          <ac:chgData name="White, Alex" userId="eff6cc8c-37d8-483b-9c6c-6b27e9afa9bc" providerId="ADAL" clId="{BF04C754-5BF4-4E83-9615-DB14FA25AF8A}" dt="2023-10-12T11:37:53" v="291"/>
          <ac:spMkLst>
            <pc:docMk/>
            <pc:sldMk cId="2376958513" sldId="260"/>
            <ac:spMk id="3167" creationId="{A0BE7C78-471D-483E-6731-3BE2597CFDF0}"/>
          </ac:spMkLst>
        </pc:spChg>
        <pc:spChg chg="mod">
          <ac:chgData name="White, Alex" userId="eff6cc8c-37d8-483b-9c6c-6b27e9afa9bc" providerId="ADAL" clId="{BF04C754-5BF4-4E83-9615-DB14FA25AF8A}" dt="2023-10-12T11:37:53" v="291"/>
          <ac:spMkLst>
            <pc:docMk/>
            <pc:sldMk cId="2376958513" sldId="260"/>
            <ac:spMk id="3168" creationId="{24792524-3354-B26F-87BF-8FD02FA3C323}"/>
          </ac:spMkLst>
        </pc:spChg>
        <pc:spChg chg="mod">
          <ac:chgData name="White, Alex" userId="eff6cc8c-37d8-483b-9c6c-6b27e9afa9bc" providerId="ADAL" clId="{BF04C754-5BF4-4E83-9615-DB14FA25AF8A}" dt="2023-10-12T11:37:53" v="291"/>
          <ac:spMkLst>
            <pc:docMk/>
            <pc:sldMk cId="2376958513" sldId="260"/>
            <ac:spMk id="3169" creationId="{F026C96B-9B08-1ACE-59E1-4F4A17A4B7E1}"/>
          </ac:spMkLst>
        </pc:spChg>
        <pc:spChg chg="mod">
          <ac:chgData name="White, Alex" userId="eff6cc8c-37d8-483b-9c6c-6b27e9afa9bc" providerId="ADAL" clId="{BF04C754-5BF4-4E83-9615-DB14FA25AF8A}" dt="2023-10-12T11:37:53" v="291"/>
          <ac:spMkLst>
            <pc:docMk/>
            <pc:sldMk cId="2376958513" sldId="260"/>
            <ac:spMk id="3170" creationId="{EAD92AFA-C3A1-5E83-8CE5-34E5EF4B41BA}"/>
          </ac:spMkLst>
        </pc:spChg>
        <pc:spChg chg="mod">
          <ac:chgData name="White, Alex" userId="eff6cc8c-37d8-483b-9c6c-6b27e9afa9bc" providerId="ADAL" clId="{BF04C754-5BF4-4E83-9615-DB14FA25AF8A}" dt="2023-10-12T11:37:53" v="291"/>
          <ac:spMkLst>
            <pc:docMk/>
            <pc:sldMk cId="2376958513" sldId="260"/>
            <ac:spMk id="3171" creationId="{A0F09B8B-E4AA-849C-8973-8EFA85D92461}"/>
          </ac:spMkLst>
        </pc:spChg>
        <pc:spChg chg="mod">
          <ac:chgData name="White, Alex" userId="eff6cc8c-37d8-483b-9c6c-6b27e9afa9bc" providerId="ADAL" clId="{BF04C754-5BF4-4E83-9615-DB14FA25AF8A}" dt="2023-10-12T11:37:53" v="291"/>
          <ac:spMkLst>
            <pc:docMk/>
            <pc:sldMk cId="2376958513" sldId="260"/>
            <ac:spMk id="3172" creationId="{FB330AE6-485E-8A3E-4263-E380FEAEF827}"/>
          </ac:spMkLst>
        </pc:spChg>
        <pc:spChg chg="mod">
          <ac:chgData name="White, Alex" userId="eff6cc8c-37d8-483b-9c6c-6b27e9afa9bc" providerId="ADAL" clId="{BF04C754-5BF4-4E83-9615-DB14FA25AF8A}" dt="2023-10-12T11:37:53" v="291"/>
          <ac:spMkLst>
            <pc:docMk/>
            <pc:sldMk cId="2376958513" sldId="260"/>
            <ac:spMk id="3173" creationId="{5741DEE6-5A7B-F6F2-52F0-E103A3523954}"/>
          </ac:spMkLst>
        </pc:spChg>
        <pc:spChg chg="mod">
          <ac:chgData name="White, Alex" userId="eff6cc8c-37d8-483b-9c6c-6b27e9afa9bc" providerId="ADAL" clId="{BF04C754-5BF4-4E83-9615-DB14FA25AF8A}" dt="2023-10-12T11:37:53" v="291"/>
          <ac:spMkLst>
            <pc:docMk/>
            <pc:sldMk cId="2376958513" sldId="260"/>
            <ac:spMk id="3174" creationId="{D5AC17DA-9329-4191-EE6F-327D47113E4D}"/>
          </ac:spMkLst>
        </pc:spChg>
        <pc:spChg chg="mod">
          <ac:chgData name="White, Alex" userId="eff6cc8c-37d8-483b-9c6c-6b27e9afa9bc" providerId="ADAL" clId="{BF04C754-5BF4-4E83-9615-DB14FA25AF8A}" dt="2023-10-12T11:37:53" v="291"/>
          <ac:spMkLst>
            <pc:docMk/>
            <pc:sldMk cId="2376958513" sldId="260"/>
            <ac:spMk id="3175" creationId="{505DC2F9-3D9D-1DF2-821E-E8C389A7CCB0}"/>
          </ac:spMkLst>
        </pc:spChg>
        <pc:spChg chg="mod">
          <ac:chgData name="White, Alex" userId="eff6cc8c-37d8-483b-9c6c-6b27e9afa9bc" providerId="ADAL" clId="{BF04C754-5BF4-4E83-9615-DB14FA25AF8A}" dt="2023-10-12T11:37:53" v="291"/>
          <ac:spMkLst>
            <pc:docMk/>
            <pc:sldMk cId="2376958513" sldId="260"/>
            <ac:spMk id="3176" creationId="{700D78D9-CBCD-34C6-117B-617AB7AF8E02}"/>
          </ac:spMkLst>
        </pc:spChg>
        <pc:spChg chg="mod">
          <ac:chgData name="White, Alex" userId="eff6cc8c-37d8-483b-9c6c-6b27e9afa9bc" providerId="ADAL" clId="{BF04C754-5BF4-4E83-9615-DB14FA25AF8A}" dt="2023-10-12T11:37:53" v="291"/>
          <ac:spMkLst>
            <pc:docMk/>
            <pc:sldMk cId="2376958513" sldId="260"/>
            <ac:spMk id="3177" creationId="{C0706FCC-78FD-4EAB-1390-40643DFDA432}"/>
          </ac:spMkLst>
        </pc:spChg>
        <pc:spChg chg="mod">
          <ac:chgData name="White, Alex" userId="eff6cc8c-37d8-483b-9c6c-6b27e9afa9bc" providerId="ADAL" clId="{BF04C754-5BF4-4E83-9615-DB14FA25AF8A}" dt="2023-10-12T11:37:53" v="291"/>
          <ac:spMkLst>
            <pc:docMk/>
            <pc:sldMk cId="2376958513" sldId="260"/>
            <ac:spMk id="3178" creationId="{DCA71372-C021-0010-641F-83EDFF4FD5FC}"/>
          </ac:spMkLst>
        </pc:spChg>
        <pc:spChg chg="mod">
          <ac:chgData name="White, Alex" userId="eff6cc8c-37d8-483b-9c6c-6b27e9afa9bc" providerId="ADAL" clId="{BF04C754-5BF4-4E83-9615-DB14FA25AF8A}" dt="2023-10-12T11:37:53" v="291"/>
          <ac:spMkLst>
            <pc:docMk/>
            <pc:sldMk cId="2376958513" sldId="260"/>
            <ac:spMk id="3179" creationId="{CEE748CC-2937-E3BD-FB81-8A1F3BA4DBC9}"/>
          </ac:spMkLst>
        </pc:spChg>
        <pc:spChg chg="mod">
          <ac:chgData name="White, Alex" userId="eff6cc8c-37d8-483b-9c6c-6b27e9afa9bc" providerId="ADAL" clId="{BF04C754-5BF4-4E83-9615-DB14FA25AF8A}" dt="2023-10-12T11:37:53" v="291"/>
          <ac:spMkLst>
            <pc:docMk/>
            <pc:sldMk cId="2376958513" sldId="260"/>
            <ac:spMk id="3180" creationId="{05133AE4-3861-735E-1412-F06768241B0F}"/>
          </ac:spMkLst>
        </pc:spChg>
        <pc:spChg chg="mod">
          <ac:chgData name="White, Alex" userId="eff6cc8c-37d8-483b-9c6c-6b27e9afa9bc" providerId="ADAL" clId="{BF04C754-5BF4-4E83-9615-DB14FA25AF8A}" dt="2023-10-12T11:37:53" v="291"/>
          <ac:spMkLst>
            <pc:docMk/>
            <pc:sldMk cId="2376958513" sldId="260"/>
            <ac:spMk id="3181" creationId="{4EEAC636-4AFE-E563-86C9-83E32B591D60}"/>
          </ac:spMkLst>
        </pc:spChg>
        <pc:spChg chg="mod">
          <ac:chgData name="White, Alex" userId="eff6cc8c-37d8-483b-9c6c-6b27e9afa9bc" providerId="ADAL" clId="{BF04C754-5BF4-4E83-9615-DB14FA25AF8A}" dt="2023-10-12T11:37:53" v="291"/>
          <ac:spMkLst>
            <pc:docMk/>
            <pc:sldMk cId="2376958513" sldId="260"/>
            <ac:spMk id="3182" creationId="{B0DA4F70-7D86-0B8E-4527-C0CA57E650E0}"/>
          </ac:spMkLst>
        </pc:spChg>
        <pc:spChg chg="mod">
          <ac:chgData name="White, Alex" userId="eff6cc8c-37d8-483b-9c6c-6b27e9afa9bc" providerId="ADAL" clId="{BF04C754-5BF4-4E83-9615-DB14FA25AF8A}" dt="2023-10-12T11:37:53" v="291"/>
          <ac:spMkLst>
            <pc:docMk/>
            <pc:sldMk cId="2376958513" sldId="260"/>
            <ac:spMk id="3183" creationId="{95EDD366-D950-FA88-055F-2BD87A8A4595}"/>
          </ac:spMkLst>
        </pc:spChg>
        <pc:spChg chg="mod">
          <ac:chgData name="White, Alex" userId="eff6cc8c-37d8-483b-9c6c-6b27e9afa9bc" providerId="ADAL" clId="{BF04C754-5BF4-4E83-9615-DB14FA25AF8A}" dt="2023-10-12T11:37:53" v="291"/>
          <ac:spMkLst>
            <pc:docMk/>
            <pc:sldMk cId="2376958513" sldId="260"/>
            <ac:spMk id="3184" creationId="{FD9E2E20-B674-A999-EE45-B3F4358315B6}"/>
          </ac:spMkLst>
        </pc:spChg>
        <pc:spChg chg="mod">
          <ac:chgData name="White, Alex" userId="eff6cc8c-37d8-483b-9c6c-6b27e9afa9bc" providerId="ADAL" clId="{BF04C754-5BF4-4E83-9615-DB14FA25AF8A}" dt="2023-10-12T11:37:53" v="291"/>
          <ac:spMkLst>
            <pc:docMk/>
            <pc:sldMk cId="2376958513" sldId="260"/>
            <ac:spMk id="3185" creationId="{3643D1F3-9546-3C4D-AEC5-1AE76BD3D4AA}"/>
          </ac:spMkLst>
        </pc:spChg>
        <pc:spChg chg="mod">
          <ac:chgData name="White, Alex" userId="eff6cc8c-37d8-483b-9c6c-6b27e9afa9bc" providerId="ADAL" clId="{BF04C754-5BF4-4E83-9615-DB14FA25AF8A}" dt="2023-10-12T11:37:53" v="291"/>
          <ac:spMkLst>
            <pc:docMk/>
            <pc:sldMk cId="2376958513" sldId="260"/>
            <ac:spMk id="3186" creationId="{53CD4433-8958-DCE1-1EC1-1D92CEA1500C}"/>
          </ac:spMkLst>
        </pc:spChg>
        <pc:spChg chg="mod">
          <ac:chgData name="White, Alex" userId="eff6cc8c-37d8-483b-9c6c-6b27e9afa9bc" providerId="ADAL" clId="{BF04C754-5BF4-4E83-9615-DB14FA25AF8A}" dt="2023-10-12T11:37:53" v="291"/>
          <ac:spMkLst>
            <pc:docMk/>
            <pc:sldMk cId="2376958513" sldId="260"/>
            <ac:spMk id="3187" creationId="{C2E7B488-1AF4-661F-C022-23216EAE73F5}"/>
          </ac:spMkLst>
        </pc:spChg>
        <pc:spChg chg="mod">
          <ac:chgData name="White, Alex" userId="eff6cc8c-37d8-483b-9c6c-6b27e9afa9bc" providerId="ADAL" clId="{BF04C754-5BF4-4E83-9615-DB14FA25AF8A}" dt="2023-10-12T11:37:53" v="291"/>
          <ac:spMkLst>
            <pc:docMk/>
            <pc:sldMk cId="2376958513" sldId="260"/>
            <ac:spMk id="3188" creationId="{481F3245-F5FA-7058-E8B8-A0F8D542E0A4}"/>
          </ac:spMkLst>
        </pc:spChg>
        <pc:spChg chg="mod">
          <ac:chgData name="White, Alex" userId="eff6cc8c-37d8-483b-9c6c-6b27e9afa9bc" providerId="ADAL" clId="{BF04C754-5BF4-4E83-9615-DB14FA25AF8A}" dt="2023-10-12T11:37:53" v="291"/>
          <ac:spMkLst>
            <pc:docMk/>
            <pc:sldMk cId="2376958513" sldId="260"/>
            <ac:spMk id="3189" creationId="{A26C2A3A-5EA2-7CE4-3BBF-AF338ADE3EAE}"/>
          </ac:spMkLst>
        </pc:spChg>
        <pc:spChg chg="mod">
          <ac:chgData name="White, Alex" userId="eff6cc8c-37d8-483b-9c6c-6b27e9afa9bc" providerId="ADAL" clId="{BF04C754-5BF4-4E83-9615-DB14FA25AF8A}" dt="2023-10-12T11:37:53" v="291"/>
          <ac:spMkLst>
            <pc:docMk/>
            <pc:sldMk cId="2376958513" sldId="260"/>
            <ac:spMk id="3190" creationId="{547D160B-0AA8-B652-F5B5-83728F33C0AF}"/>
          </ac:spMkLst>
        </pc:spChg>
        <pc:spChg chg="mod">
          <ac:chgData name="White, Alex" userId="eff6cc8c-37d8-483b-9c6c-6b27e9afa9bc" providerId="ADAL" clId="{BF04C754-5BF4-4E83-9615-DB14FA25AF8A}" dt="2023-10-12T11:37:53" v="291"/>
          <ac:spMkLst>
            <pc:docMk/>
            <pc:sldMk cId="2376958513" sldId="260"/>
            <ac:spMk id="3191" creationId="{2F5285C9-49CD-1919-BAA4-F74C09909AA7}"/>
          </ac:spMkLst>
        </pc:spChg>
        <pc:spChg chg="mod">
          <ac:chgData name="White, Alex" userId="eff6cc8c-37d8-483b-9c6c-6b27e9afa9bc" providerId="ADAL" clId="{BF04C754-5BF4-4E83-9615-DB14FA25AF8A}" dt="2023-10-12T11:37:53" v="291"/>
          <ac:spMkLst>
            <pc:docMk/>
            <pc:sldMk cId="2376958513" sldId="260"/>
            <ac:spMk id="3192" creationId="{0BE7CC9D-5847-39A4-DFD1-CDF2022F9E9C}"/>
          </ac:spMkLst>
        </pc:spChg>
        <pc:spChg chg="mod">
          <ac:chgData name="White, Alex" userId="eff6cc8c-37d8-483b-9c6c-6b27e9afa9bc" providerId="ADAL" clId="{BF04C754-5BF4-4E83-9615-DB14FA25AF8A}" dt="2023-10-12T11:37:53" v="291"/>
          <ac:spMkLst>
            <pc:docMk/>
            <pc:sldMk cId="2376958513" sldId="260"/>
            <ac:spMk id="3193" creationId="{CCE6BCDA-415D-2D97-2D36-A3EBD85FAC9A}"/>
          </ac:spMkLst>
        </pc:spChg>
        <pc:spChg chg="mod">
          <ac:chgData name="White, Alex" userId="eff6cc8c-37d8-483b-9c6c-6b27e9afa9bc" providerId="ADAL" clId="{BF04C754-5BF4-4E83-9615-DB14FA25AF8A}" dt="2023-10-12T11:37:53" v="291"/>
          <ac:spMkLst>
            <pc:docMk/>
            <pc:sldMk cId="2376958513" sldId="260"/>
            <ac:spMk id="3194" creationId="{A3D2526A-5795-1512-AE0F-9069FA9F563A}"/>
          </ac:spMkLst>
        </pc:spChg>
        <pc:spChg chg="mod">
          <ac:chgData name="White, Alex" userId="eff6cc8c-37d8-483b-9c6c-6b27e9afa9bc" providerId="ADAL" clId="{BF04C754-5BF4-4E83-9615-DB14FA25AF8A}" dt="2023-10-12T11:37:53" v="291"/>
          <ac:spMkLst>
            <pc:docMk/>
            <pc:sldMk cId="2376958513" sldId="260"/>
            <ac:spMk id="3195" creationId="{4B1F9009-B679-587C-D82C-A4B1226F3428}"/>
          </ac:spMkLst>
        </pc:spChg>
        <pc:spChg chg="mod">
          <ac:chgData name="White, Alex" userId="eff6cc8c-37d8-483b-9c6c-6b27e9afa9bc" providerId="ADAL" clId="{BF04C754-5BF4-4E83-9615-DB14FA25AF8A}" dt="2023-10-12T11:37:53" v="291"/>
          <ac:spMkLst>
            <pc:docMk/>
            <pc:sldMk cId="2376958513" sldId="260"/>
            <ac:spMk id="3196" creationId="{B0EE201B-A075-1824-94F7-5E7EC405D3A3}"/>
          </ac:spMkLst>
        </pc:spChg>
        <pc:spChg chg="mod">
          <ac:chgData name="White, Alex" userId="eff6cc8c-37d8-483b-9c6c-6b27e9afa9bc" providerId="ADAL" clId="{BF04C754-5BF4-4E83-9615-DB14FA25AF8A}" dt="2023-10-12T11:37:53" v="291"/>
          <ac:spMkLst>
            <pc:docMk/>
            <pc:sldMk cId="2376958513" sldId="260"/>
            <ac:spMk id="3197" creationId="{6B55E063-1985-F0C6-1B10-0A9F5C9E3295}"/>
          </ac:spMkLst>
        </pc:spChg>
        <pc:spChg chg="mod">
          <ac:chgData name="White, Alex" userId="eff6cc8c-37d8-483b-9c6c-6b27e9afa9bc" providerId="ADAL" clId="{BF04C754-5BF4-4E83-9615-DB14FA25AF8A}" dt="2023-10-12T11:37:53" v="291"/>
          <ac:spMkLst>
            <pc:docMk/>
            <pc:sldMk cId="2376958513" sldId="260"/>
            <ac:spMk id="3198" creationId="{89A5BFA8-730A-6999-11C8-78C5728D4094}"/>
          </ac:spMkLst>
        </pc:spChg>
        <pc:spChg chg="mod">
          <ac:chgData name="White, Alex" userId="eff6cc8c-37d8-483b-9c6c-6b27e9afa9bc" providerId="ADAL" clId="{BF04C754-5BF4-4E83-9615-DB14FA25AF8A}" dt="2023-10-12T11:37:53" v="291"/>
          <ac:spMkLst>
            <pc:docMk/>
            <pc:sldMk cId="2376958513" sldId="260"/>
            <ac:spMk id="3199" creationId="{9AD69175-98A3-49A2-BF71-98906BDF3164}"/>
          </ac:spMkLst>
        </pc:spChg>
        <pc:spChg chg="mod">
          <ac:chgData name="White, Alex" userId="eff6cc8c-37d8-483b-9c6c-6b27e9afa9bc" providerId="ADAL" clId="{BF04C754-5BF4-4E83-9615-DB14FA25AF8A}" dt="2023-10-12T11:37:53" v="291"/>
          <ac:spMkLst>
            <pc:docMk/>
            <pc:sldMk cId="2376958513" sldId="260"/>
            <ac:spMk id="3200" creationId="{7C039C5A-A172-66E4-E924-D96AD418E282}"/>
          </ac:spMkLst>
        </pc:spChg>
        <pc:spChg chg="mod">
          <ac:chgData name="White, Alex" userId="eff6cc8c-37d8-483b-9c6c-6b27e9afa9bc" providerId="ADAL" clId="{BF04C754-5BF4-4E83-9615-DB14FA25AF8A}" dt="2023-10-12T11:37:53" v="291"/>
          <ac:spMkLst>
            <pc:docMk/>
            <pc:sldMk cId="2376958513" sldId="260"/>
            <ac:spMk id="3201" creationId="{7CEE76AF-9230-3B0B-FCA5-A29F17EB1A12}"/>
          </ac:spMkLst>
        </pc:spChg>
        <pc:spChg chg="mod">
          <ac:chgData name="White, Alex" userId="eff6cc8c-37d8-483b-9c6c-6b27e9afa9bc" providerId="ADAL" clId="{BF04C754-5BF4-4E83-9615-DB14FA25AF8A}" dt="2023-10-12T11:37:53" v="291"/>
          <ac:spMkLst>
            <pc:docMk/>
            <pc:sldMk cId="2376958513" sldId="260"/>
            <ac:spMk id="3202" creationId="{8C135852-6980-4BB1-F721-50E0AE8422CF}"/>
          </ac:spMkLst>
        </pc:spChg>
        <pc:spChg chg="mod">
          <ac:chgData name="White, Alex" userId="eff6cc8c-37d8-483b-9c6c-6b27e9afa9bc" providerId="ADAL" clId="{BF04C754-5BF4-4E83-9615-DB14FA25AF8A}" dt="2023-10-12T11:37:53" v="291"/>
          <ac:spMkLst>
            <pc:docMk/>
            <pc:sldMk cId="2376958513" sldId="260"/>
            <ac:spMk id="3203" creationId="{108BA680-64BB-F6CD-DFCB-74F3BF685CDF}"/>
          </ac:spMkLst>
        </pc:spChg>
        <pc:spChg chg="mod">
          <ac:chgData name="White, Alex" userId="eff6cc8c-37d8-483b-9c6c-6b27e9afa9bc" providerId="ADAL" clId="{BF04C754-5BF4-4E83-9615-DB14FA25AF8A}" dt="2023-10-12T11:37:53" v="291"/>
          <ac:spMkLst>
            <pc:docMk/>
            <pc:sldMk cId="2376958513" sldId="260"/>
            <ac:spMk id="3204" creationId="{58D0234F-E5EE-231A-D0E7-78EECE056484}"/>
          </ac:spMkLst>
        </pc:spChg>
        <pc:spChg chg="mod">
          <ac:chgData name="White, Alex" userId="eff6cc8c-37d8-483b-9c6c-6b27e9afa9bc" providerId="ADAL" clId="{BF04C754-5BF4-4E83-9615-DB14FA25AF8A}" dt="2023-10-12T11:37:53" v="291"/>
          <ac:spMkLst>
            <pc:docMk/>
            <pc:sldMk cId="2376958513" sldId="260"/>
            <ac:spMk id="3205" creationId="{3BA83049-BE63-362D-8EAC-3BE6DEF0F2D4}"/>
          </ac:spMkLst>
        </pc:spChg>
        <pc:spChg chg="mod">
          <ac:chgData name="White, Alex" userId="eff6cc8c-37d8-483b-9c6c-6b27e9afa9bc" providerId="ADAL" clId="{BF04C754-5BF4-4E83-9615-DB14FA25AF8A}" dt="2023-10-12T11:37:53" v="291"/>
          <ac:spMkLst>
            <pc:docMk/>
            <pc:sldMk cId="2376958513" sldId="260"/>
            <ac:spMk id="3206" creationId="{8F9B8738-2732-EBEC-340C-67FAB97AA3C4}"/>
          </ac:spMkLst>
        </pc:spChg>
        <pc:spChg chg="mod">
          <ac:chgData name="White, Alex" userId="eff6cc8c-37d8-483b-9c6c-6b27e9afa9bc" providerId="ADAL" clId="{BF04C754-5BF4-4E83-9615-DB14FA25AF8A}" dt="2023-10-12T11:37:53" v="291"/>
          <ac:spMkLst>
            <pc:docMk/>
            <pc:sldMk cId="2376958513" sldId="260"/>
            <ac:spMk id="3207" creationId="{9ACD5AA3-CB4F-598E-1D97-BC3E9F5F5096}"/>
          </ac:spMkLst>
        </pc:spChg>
        <pc:spChg chg="mod">
          <ac:chgData name="White, Alex" userId="eff6cc8c-37d8-483b-9c6c-6b27e9afa9bc" providerId="ADAL" clId="{BF04C754-5BF4-4E83-9615-DB14FA25AF8A}" dt="2023-10-12T11:37:53" v="291"/>
          <ac:spMkLst>
            <pc:docMk/>
            <pc:sldMk cId="2376958513" sldId="260"/>
            <ac:spMk id="3208" creationId="{68D44D26-8F63-0E7F-64B0-BC50273C8A9B}"/>
          </ac:spMkLst>
        </pc:spChg>
        <pc:spChg chg="mod">
          <ac:chgData name="White, Alex" userId="eff6cc8c-37d8-483b-9c6c-6b27e9afa9bc" providerId="ADAL" clId="{BF04C754-5BF4-4E83-9615-DB14FA25AF8A}" dt="2023-10-12T11:37:53" v="291"/>
          <ac:spMkLst>
            <pc:docMk/>
            <pc:sldMk cId="2376958513" sldId="260"/>
            <ac:spMk id="3209" creationId="{F5E7F02F-BADF-8907-8671-FD49713F9EE5}"/>
          </ac:spMkLst>
        </pc:spChg>
        <pc:spChg chg="mod">
          <ac:chgData name="White, Alex" userId="eff6cc8c-37d8-483b-9c6c-6b27e9afa9bc" providerId="ADAL" clId="{BF04C754-5BF4-4E83-9615-DB14FA25AF8A}" dt="2023-10-12T11:37:53" v="291"/>
          <ac:spMkLst>
            <pc:docMk/>
            <pc:sldMk cId="2376958513" sldId="260"/>
            <ac:spMk id="3210" creationId="{A5647D7F-0596-3EFF-8594-5058A823FA4A}"/>
          </ac:spMkLst>
        </pc:spChg>
        <pc:spChg chg="mod">
          <ac:chgData name="White, Alex" userId="eff6cc8c-37d8-483b-9c6c-6b27e9afa9bc" providerId="ADAL" clId="{BF04C754-5BF4-4E83-9615-DB14FA25AF8A}" dt="2023-10-12T11:37:53" v="291"/>
          <ac:spMkLst>
            <pc:docMk/>
            <pc:sldMk cId="2376958513" sldId="260"/>
            <ac:spMk id="3211" creationId="{CDCD5618-618F-8014-A16C-0DE199640631}"/>
          </ac:spMkLst>
        </pc:spChg>
        <pc:spChg chg="mod">
          <ac:chgData name="White, Alex" userId="eff6cc8c-37d8-483b-9c6c-6b27e9afa9bc" providerId="ADAL" clId="{BF04C754-5BF4-4E83-9615-DB14FA25AF8A}" dt="2023-10-12T11:37:53" v="291"/>
          <ac:spMkLst>
            <pc:docMk/>
            <pc:sldMk cId="2376958513" sldId="260"/>
            <ac:spMk id="3212" creationId="{2DC7C427-213A-0823-C974-0CC2E5E96F30}"/>
          </ac:spMkLst>
        </pc:spChg>
        <pc:spChg chg="mod">
          <ac:chgData name="White, Alex" userId="eff6cc8c-37d8-483b-9c6c-6b27e9afa9bc" providerId="ADAL" clId="{BF04C754-5BF4-4E83-9615-DB14FA25AF8A}" dt="2023-10-12T11:37:53" v="291"/>
          <ac:spMkLst>
            <pc:docMk/>
            <pc:sldMk cId="2376958513" sldId="260"/>
            <ac:spMk id="3213" creationId="{C260C6A5-007E-2B43-DBE2-3A92134064F2}"/>
          </ac:spMkLst>
        </pc:spChg>
        <pc:spChg chg="mod">
          <ac:chgData name="White, Alex" userId="eff6cc8c-37d8-483b-9c6c-6b27e9afa9bc" providerId="ADAL" clId="{BF04C754-5BF4-4E83-9615-DB14FA25AF8A}" dt="2023-10-12T11:37:53" v="291"/>
          <ac:spMkLst>
            <pc:docMk/>
            <pc:sldMk cId="2376958513" sldId="260"/>
            <ac:spMk id="3214" creationId="{784DECC4-59EA-0B96-855E-6F8D7AAD3419}"/>
          </ac:spMkLst>
        </pc:spChg>
        <pc:spChg chg="mod">
          <ac:chgData name="White, Alex" userId="eff6cc8c-37d8-483b-9c6c-6b27e9afa9bc" providerId="ADAL" clId="{BF04C754-5BF4-4E83-9615-DB14FA25AF8A}" dt="2023-10-12T11:37:53" v="291"/>
          <ac:spMkLst>
            <pc:docMk/>
            <pc:sldMk cId="2376958513" sldId="260"/>
            <ac:spMk id="3215" creationId="{90AB804B-1362-9AAC-037A-52F8C69C35D6}"/>
          </ac:spMkLst>
        </pc:spChg>
        <pc:spChg chg="mod">
          <ac:chgData name="White, Alex" userId="eff6cc8c-37d8-483b-9c6c-6b27e9afa9bc" providerId="ADAL" clId="{BF04C754-5BF4-4E83-9615-DB14FA25AF8A}" dt="2023-10-12T11:37:53" v="291"/>
          <ac:spMkLst>
            <pc:docMk/>
            <pc:sldMk cId="2376958513" sldId="260"/>
            <ac:spMk id="3216" creationId="{11CF7120-B25A-0238-820D-0A14228A6D4F}"/>
          </ac:spMkLst>
        </pc:spChg>
        <pc:spChg chg="mod">
          <ac:chgData name="White, Alex" userId="eff6cc8c-37d8-483b-9c6c-6b27e9afa9bc" providerId="ADAL" clId="{BF04C754-5BF4-4E83-9615-DB14FA25AF8A}" dt="2023-10-12T11:37:53" v="291"/>
          <ac:spMkLst>
            <pc:docMk/>
            <pc:sldMk cId="2376958513" sldId="260"/>
            <ac:spMk id="3217" creationId="{0D166CD3-8318-6799-46D8-D7382E7E00BC}"/>
          </ac:spMkLst>
        </pc:spChg>
        <pc:spChg chg="mod">
          <ac:chgData name="White, Alex" userId="eff6cc8c-37d8-483b-9c6c-6b27e9afa9bc" providerId="ADAL" clId="{BF04C754-5BF4-4E83-9615-DB14FA25AF8A}" dt="2023-10-12T11:37:53" v="291"/>
          <ac:spMkLst>
            <pc:docMk/>
            <pc:sldMk cId="2376958513" sldId="260"/>
            <ac:spMk id="3218" creationId="{F4F617CC-4C42-98F7-AFC9-EEB305865A81}"/>
          </ac:spMkLst>
        </pc:spChg>
        <pc:spChg chg="mod">
          <ac:chgData name="White, Alex" userId="eff6cc8c-37d8-483b-9c6c-6b27e9afa9bc" providerId="ADAL" clId="{BF04C754-5BF4-4E83-9615-DB14FA25AF8A}" dt="2023-10-12T11:37:53" v="291"/>
          <ac:spMkLst>
            <pc:docMk/>
            <pc:sldMk cId="2376958513" sldId="260"/>
            <ac:spMk id="3219" creationId="{5D053E43-8F81-1A23-00D0-4395104AB932}"/>
          </ac:spMkLst>
        </pc:spChg>
        <pc:spChg chg="mod">
          <ac:chgData name="White, Alex" userId="eff6cc8c-37d8-483b-9c6c-6b27e9afa9bc" providerId="ADAL" clId="{BF04C754-5BF4-4E83-9615-DB14FA25AF8A}" dt="2023-10-12T11:37:53" v="291"/>
          <ac:spMkLst>
            <pc:docMk/>
            <pc:sldMk cId="2376958513" sldId="260"/>
            <ac:spMk id="3220" creationId="{A6C711B3-E404-707F-B939-E6A475C55EFA}"/>
          </ac:spMkLst>
        </pc:spChg>
        <pc:spChg chg="mod">
          <ac:chgData name="White, Alex" userId="eff6cc8c-37d8-483b-9c6c-6b27e9afa9bc" providerId="ADAL" clId="{BF04C754-5BF4-4E83-9615-DB14FA25AF8A}" dt="2023-10-12T11:37:53" v="291"/>
          <ac:spMkLst>
            <pc:docMk/>
            <pc:sldMk cId="2376958513" sldId="260"/>
            <ac:spMk id="3221" creationId="{5CB859C6-3EAA-0D79-80A0-A9480AEC49EC}"/>
          </ac:spMkLst>
        </pc:spChg>
        <pc:spChg chg="mod">
          <ac:chgData name="White, Alex" userId="eff6cc8c-37d8-483b-9c6c-6b27e9afa9bc" providerId="ADAL" clId="{BF04C754-5BF4-4E83-9615-DB14FA25AF8A}" dt="2023-10-12T11:37:53" v="291"/>
          <ac:spMkLst>
            <pc:docMk/>
            <pc:sldMk cId="2376958513" sldId="260"/>
            <ac:spMk id="3222" creationId="{F0A8FC63-57ED-92D2-1A30-09EDC6359047}"/>
          </ac:spMkLst>
        </pc:spChg>
        <pc:spChg chg="mod">
          <ac:chgData name="White, Alex" userId="eff6cc8c-37d8-483b-9c6c-6b27e9afa9bc" providerId="ADAL" clId="{BF04C754-5BF4-4E83-9615-DB14FA25AF8A}" dt="2023-10-12T11:37:53" v="291"/>
          <ac:spMkLst>
            <pc:docMk/>
            <pc:sldMk cId="2376958513" sldId="260"/>
            <ac:spMk id="3223" creationId="{34704F32-FEF2-8ACB-B8BA-800CB4C0781D}"/>
          </ac:spMkLst>
        </pc:spChg>
        <pc:spChg chg="mod">
          <ac:chgData name="White, Alex" userId="eff6cc8c-37d8-483b-9c6c-6b27e9afa9bc" providerId="ADAL" clId="{BF04C754-5BF4-4E83-9615-DB14FA25AF8A}" dt="2023-10-12T11:37:53" v="291"/>
          <ac:spMkLst>
            <pc:docMk/>
            <pc:sldMk cId="2376958513" sldId="260"/>
            <ac:spMk id="3224" creationId="{BD9A2F95-0260-F9EA-B619-E58A548221D0}"/>
          </ac:spMkLst>
        </pc:spChg>
        <pc:spChg chg="mod">
          <ac:chgData name="White, Alex" userId="eff6cc8c-37d8-483b-9c6c-6b27e9afa9bc" providerId="ADAL" clId="{BF04C754-5BF4-4E83-9615-DB14FA25AF8A}" dt="2023-10-12T11:37:53" v="291"/>
          <ac:spMkLst>
            <pc:docMk/>
            <pc:sldMk cId="2376958513" sldId="260"/>
            <ac:spMk id="3225" creationId="{26610362-1C17-E020-804E-BB297FDA4CE1}"/>
          </ac:spMkLst>
        </pc:spChg>
        <pc:spChg chg="mod">
          <ac:chgData name="White, Alex" userId="eff6cc8c-37d8-483b-9c6c-6b27e9afa9bc" providerId="ADAL" clId="{BF04C754-5BF4-4E83-9615-DB14FA25AF8A}" dt="2023-10-12T11:37:53" v="291"/>
          <ac:spMkLst>
            <pc:docMk/>
            <pc:sldMk cId="2376958513" sldId="260"/>
            <ac:spMk id="3226" creationId="{E267A15F-93B9-B9EE-8577-3D8DF07E3D66}"/>
          </ac:spMkLst>
        </pc:spChg>
        <pc:spChg chg="mod">
          <ac:chgData name="White, Alex" userId="eff6cc8c-37d8-483b-9c6c-6b27e9afa9bc" providerId="ADAL" clId="{BF04C754-5BF4-4E83-9615-DB14FA25AF8A}" dt="2023-10-12T11:37:53" v="291"/>
          <ac:spMkLst>
            <pc:docMk/>
            <pc:sldMk cId="2376958513" sldId="260"/>
            <ac:spMk id="3227" creationId="{503CE14E-C6BD-3899-4B8F-8DCB20B5DF7C}"/>
          </ac:spMkLst>
        </pc:spChg>
        <pc:spChg chg="mod">
          <ac:chgData name="White, Alex" userId="eff6cc8c-37d8-483b-9c6c-6b27e9afa9bc" providerId="ADAL" clId="{BF04C754-5BF4-4E83-9615-DB14FA25AF8A}" dt="2023-10-12T11:37:53" v="291"/>
          <ac:spMkLst>
            <pc:docMk/>
            <pc:sldMk cId="2376958513" sldId="260"/>
            <ac:spMk id="3228" creationId="{26C64AAA-9F4D-51B7-EB14-4E794E095DE2}"/>
          </ac:spMkLst>
        </pc:spChg>
        <pc:spChg chg="mod">
          <ac:chgData name="White, Alex" userId="eff6cc8c-37d8-483b-9c6c-6b27e9afa9bc" providerId="ADAL" clId="{BF04C754-5BF4-4E83-9615-DB14FA25AF8A}" dt="2023-10-12T11:37:53" v="291"/>
          <ac:spMkLst>
            <pc:docMk/>
            <pc:sldMk cId="2376958513" sldId="260"/>
            <ac:spMk id="3229" creationId="{F426D982-93AD-0AB9-C414-2086822FA86B}"/>
          </ac:spMkLst>
        </pc:spChg>
        <pc:spChg chg="mod">
          <ac:chgData name="White, Alex" userId="eff6cc8c-37d8-483b-9c6c-6b27e9afa9bc" providerId="ADAL" clId="{BF04C754-5BF4-4E83-9615-DB14FA25AF8A}" dt="2023-10-12T11:37:53" v="291"/>
          <ac:spMkLst>
            <pc:docMk/>
            <pc:sldMk cId="2376958513" sldId="260"/>
            <ac:spMk id="3230" creationId="{E5044780-0A19-A64F-27A3-89F498DE48A5}"/>
          </ac:spMkLst>
        </pc:spChg>
        <pc:spChg chg="mod">
          <ac:chgData name="White, Alex" userId="eff6cc8c-37d8-483b-9c6c-6b27e9afa9bc" providerId="ADAL" clId="{BF04C754-5BF4-4E83-9615-DB14FA25AF8A}" dt="2023-10-12T11:37:53" v="291"/>
          <ac:spMkLst>
            <pc:docMk/>
            <pc:sldMk cId="2376958513" sldId="260"/>
            <ac:spMk id="3231" creationId="{50F78069-9ED5-E682-F9DE-479F97058258}"/>
          </ac:spMkLst>
        </pc:spChg>
        <pc:spChg chg="mod">
          <ac:chgData name="White, Alex" userId="eff6cc8c-37d8-483b-9c6c-6b27e9afa9bc" providerId="ADAL" clId="{BF04C754-5BF4-4E83-9615-DB14FA25AF8A}" dt="2023-10-12T11:37:53" v="291"/>
          <ac:spMkLst>
            <pc:docMk/>
            <pc:sldMk cId="2376958513" sldId="260"/>
            <ac:spMk id="3232" creationId="{5259EF85-825D-0A7F-DD3C-650E24218B3C}"/>
          </ac:spMkLst>
        </pc:spChg>
        <pc:spChg chg="mod">
          <ac:chgData name="White, Alex" userId="eff6cc8c-37d8-483b-9c6c-6b27e9afa9bc" providerId="ADAL" clId="{BF04C754-5BF4-4E83-9615-DB14FA25AF8A}" dt="2023-10-12T11:37:53" v="291"/>
          <ac:spMkLst>
            <pc:docMk/>
            <pc:sldMk cId="2376958513" sldId="260"/>
            <ac:spMk id="3233" creationId="{E2247D4A-807C-7166-4AF3-A54797F99BC1}"/>
          </ac:spMkLst>
        </pc:spChg>
        <pc:spChg chg="mod">
          <ac:chgData name="White, Alex" userId="eff6cc8c-37d8-483b-9c6c-6b27e9afa9bc" providerId="ADAL" clId="{BF04C754-5BF4-4E83-9615-DB14FA25AF8A}" dt="2023-10-12T11:37:53" v="291"/>
          <ac:spMkLst>
            <pc:docMk/>
            <pc:sldMk cId="2376958513" sldId="260"/>
            <ac:spMk id="3234" creationId="{82E09439-A2BC-E5C3-4272-EC15E8B57D34}"/>
          </ac:spMkLst>
        </pc:spChg>
        <pc:spChg chg="mod">
          <ac:chgData name="White, Alex" userId="eff6cc8c-37d8-483b-9c6c-6b27e9afa9bc" providerId="ADAL" clId="{BF04C754-5BF4-4E83-9615-DB14FA25AF8A}" dt="2023-10-12T11:37:53" v="291"/>
          <ac:spMkLst>
            <pc:docMk/>
            <pc:sldMk cId="2376958513" sldId="260"/>
            <ac:spMk id="3235" creationId="{22AE9ACD-4702-2F2D-659D-EDC78A4EE569}"/>
          </ac:spMkLst>
        </pc:spChg>
        <pc:spChg chg="mod">
          <ac:chgData name="White, Alex" userId="eff6cc8c-37d8-483b-9c6c-6b27e9afa9bc" providerId="ADAL" clId="{BF04C754-5BF4-4E83-9615-DB14FA25AF8A}" dt="2023-10-12T11:37:53" v="291"/>
          <ac:spMkLst>
            <pc:docMk/>
            <pc:sldMk cId="2376958513" sldId="260"/>
            <ac:spMk id="3236" creationId="{1D4FEBF9-314B-CC37-1D16-262152AA785D}"/>
          </ac:spMkLst>
        </pc:spChg>
        <pc:spChg chg="mod">
          <ac:chgData name="White, Alex" userId="eff6cc8c-37d8-483b-9c6c-6b27e9afa9bc" providerId="ADAL" clId="{BF04C754-5BF4-4E83-9615-DB14FA25AF8A}" dt="2023-10-12T11:37:53" v="291"/>
          <ac:spMkLst>
            <pc:docMk/>
            <pc:sldMk cId="2376958513" sldId="260"/>
            <ac:spMk id="3237" creationId="{B4A07938-B829-C57D-FC6A-396DCDAC63F9}"/>
          </ac:spMkLst>
        </pc:spChg>
        <pc:spChg chg="mod">
          <ac:chgData name="White, Alex" userId="eff6cc8c-37d8-483b-9c6c-6b27e9afa9bc" providerId="ADAL" clId="{BF04C754-5BF4-4E83-9615-DB14FA25AF8A}" dt="2023-10-12T11:37:53" v="291"/>
          <ac:spMkLst>
            <pc:docMk/>
            <pc:sldMk cId="2376958513" sldId="260"/>
            <ac:spMk id="3238" creationId="{4DDDCB6F-C4A2-4258-A303-1F261F7A2F7B}"/>
          </ac:spMkLst>
        </pc:spChg>
        <pc:spChg chg="mod">
          <ac:chgData name="White, Alex" userId="eff6cc8c-37d8-483b-9c6c-6b27e9afa9bc" providerId="ADAL" clId="{BF04C754-5BF4-4E83-9615-DB14FA25AF8A}" dt="2023-10-12T11:37:53" v="291"/>
          <ac:spMkLst>
            <pc:docMk/>
            <pc:sldMk cId="2376958513" sldId="260"/>
            <ac:spMk id="3239" creationId="{684FE60E-8F89-00CE-8B3B-DFADE8E8ABD5}"/>
          </ac:spMkLst>
        </pc:spChg>
        <pc:spChg chg="mod">
          <ac:chgData name="White, Alex" userId="eff6cc8c-37d8-483b-9c6c-6b27e9afa9bc" providerId="ADAL" clId="{BF04C754-5BF4-4E83-9615-DB14FA25AF8A}" dt="2023-10-12T11:37:53" v="291"/>
          <ac:spMkLst>
            <pc:docMk/>
            <pc:sldMk cId="2376958513" sldId="260"/>
            <ac:spMk id="3240" creationId="{66B82F6C-9D2C-B4EA-ECDB-60B7B35D4E7E}"/>
          </ac:spMkLst>
        </pc:spChg>
        <pc:spChg chg="mod">
          <ac:chgData name="White, Alex" userId="eff6cc8c-37d8-483b-9c6c-6b27e9afa9bc" providerId="ADAL" clId="{BF04C754-5BF4-4E83-9615-DB14FA25AF8A}" dt="2023-10-12T11:37:53" v="291"/>
          <ac:spMkLst>
            <pc:docMk/>
            <pc:sldMk cId="2376958513" sldId="260"/>
            <ac:spMk id="3241" creationId="{BD622F7B-2549-FB9D-BD55-A65BAD629832}"/>
          </ac:spMkLst>
        </pc:spChg>
        <pc:spChg chg="mod">
          <ac:chgData name="White, Alex" userId="eff6cc8c-37d8-483b-9c6c-6b27e9afa9bc" providerId="ADAL" clId="{BF04C754-5BF4-4E83-9615-DB14FA25AF8A}" dt="2023-10-12T11:37:53" v="291"/>
          <ac:spMkLst>
            <pc:docMk/>
            <pc:sldMk cId="2376958513" sldId="260"/>
            <ac:spMk id="3242" creationId="{77539A25-3545-6834-0F9A-DEA02114155A}"/>
          </ac:spMkLst>
        </pc:spChg>
        <pc:spChg chg="mod">
          <ac:chgData name="White, Alex" userId="eff6cc8c-37d8-483b-9c6c-6b27e9afa9bc" providerId="ADAL" clId="{BF04C754-5BF4-4E83-9615-DB14FA25AF8A}" dt="2023-10-12T11:37:53" v="291"/>
          <ac:spMkLst>
            <pc:docMk/>
            <pc:sldMk cId="2376958513" sldId="260"/>
            <ac:spMk id="3243" creationId="{35E9EFEC-A39D-3D4D-FC32-318BFB11E491}"/>
          </ac:spMkLst>
        </pc:spChg>
        <pc:spChg chg="mod">
          <ac:chgData name="White, Alex" userId="eff6cc8c-37d8-483b-9c6c-6b27e9afa9bc" providerId="ADAL" clId="{BF04C754-5BF4-4E83-9615-DB14FA25AF8A}" dt="2023-10-12T11:37:53" v="291"/>
          <ac:spMkLst>
            <pc:docMk/>
            <pc:sldMk cId="2376958513" sldId="260"/>
            <ac:spMk id="3244" creationId="{6BFDCDB1-9B0E-F03C-032B-5CDE96DB3BB8}"/>
          </ac:spMkLst>
        </pc:spChg>
        <pc:spChg chg="mod">
          <ac:chgData name="White, Alex" userId="eff6cc8c-37d8-483b-9c6c-6b27e9afa9bc" providerId="ADAL" clId="{BF04C754-5BF4-4E83-9615-DB14FA25AF8A}" dt="2023-10-12T11:37:53" v="291"/>
          <ac:spMkLst>
            <pc:docMk/>
            <pc:sldMk cId="2376958513" sldId="260"/>
            <ac:spMk id="3245" creationId="{DA5833F7-0A2B-891B-3854-DA09A5309751}"/>
          </ac:spMkLst>
        </pc:spChg>
        <pc:spChg chg="mod">
          <ac:chgData name="White, Alex" userId="eff6cc8c-37d8-483b-9c6c-6b27e9afa9bc" providerId="ADAL" clId="{BF04C754-5BF4-4E83-9615-DB14FA25AF8A}" dt="2023-10-12T11:37:53" v="291"/>
          <ac:spMkLst>
            <pc:docMk/>
            <pc:sldMk cId="2376958513" sldId="260"/>
            <ac:spMk id="3246" creationId="{FBE3221F-A99C-1001-ADA0-35ED9B608172}"/>
          </ac:spMkLst>
        </pc:spChg>
        <pc:spChg chg="mod">
          <ac:chgData name="White, Alex" userId="eff6cc8c-37d8-483b-9c6c-6b27e9afa9bc" providerId="ADAL" clId="{BF04C754-5BF4-4E83-9615-DB14FA25AF8A}" dt="2023-10-12T11:37:53" v="291"/>
          <ac:spMkLst>
            <pc:docMk/>
            <pc:sldMk cId="2376958513" sldId="260"/>
            <ac:spMk id="3247" creationId="{681FF069-EA0A-B21A-829B-4A182B1ADFF8}"/>
          </ac:spMkLst>
        </pc:spChg>
        <pc:spChg chg="mod">
          <ac:chgData name="White, Alex" userId="eff6cc8c-37d8-483b-9c6c-6b27e9afa9bc" providerId="ADAL" clId="{BF04C754-5BF4-4E83-9615-DB14FA25AF8A}" dt="2023-10-12T11:37:53" v="291"/>
          <ac:spMkLst>
            <pc:docMk/>
            <pc:sldMk cId="2376958513" sldId="260"/>
            <ac:spMk id="3248" creationId="{C21812BB-7B04-54C3-955A-6A177C7DC137}"/>
          </ac:spMkLst>
        </pc:spChg>
        <pc:spChg chg="mod">
          <ac:chgData name="White, Alex" userId="eff6cc8c-37d8-483b-9c6c-6b27e9afa9bc" providerId="ADAL" clId="{BF04C754-5BF4-4E83-9615-DB14FA25AF8A}" dt="2023-10-12T11:37:53" v="291"/>
          <ac:spMkLst>
            <pc:docMk/>
            <pc:sldMk cId="2376958513" sldId="260"/>
            <ac:spMk id="3249" creationId="{5F0980FF-3C10-95BD-0590-9DD3FF5C8199}"/>
          </ac:spMkLst>
        </pc:spChg>
        <pc:spChg chg="mod">
          <ac:chgData name="White, Alex" userId="eff6cc8c-37d8-483b-9c6c-6b27e9afa9bc" providerId="ADAL" clId="{BF04C754-5BF4-4E83-9615-DB14FA25AF8A}" dt="2023-10-12T11:37:53" v="291"/>
          <ac:spMkLst>
            <pc:docMk/>
            <pc:sldMk cId="2376958513" sldId="260"/>
            <ac:spMk id="3250" creationId="{27A6CEAD-3AD8-08B9-D659-0E38EC572046}"/>
          </ac:spMkLst>
        </pc:spChg>
        <pc:spChg chg="mod">
          <ac:chgData name="White, Alex" userId="eff6cc8c-37d8-483b-9c6c-6b27e9afa9bc" providerId="ADAL" clId="{BF04C754-5BF4-4E83-9615-DB14FA25AF8A}" dt="2023-10-12T11:37:53" v="291"/>
          <ac:spMkLst>
            <pc:docMk/>
            <pc:sldMk cId="2376958513" sldId="260"/>
            <ac:spMk id="3251" creationId="{4D6F4173-A93F-98D1-D898-C08C0EA9F699}"/>
          </ac:spMkLst>
        </pc:spChg>
        <pc:spChg chg="mod">
          <ac:chgData name="White, Alex" userId="eff6cc8c-37d8-483b-9c6c-6b27e9afa9bc" providerId="ADAL" clId="{BF04C754-5BF4-4E83-9615-DB14FA25AF8A}" dt="2023-10-12T11:37:53" v="291"/>
          <ac:spMkLst>
            <pc:docMk/>
            <pc:sldMk cId="2376958513" sldId="260"/>
            <ac:spMk id="3252" creationId="{6E05C39C-E741-13B4-BD2B-ECB208878A67}"/>
          </ac:spMkLst>
        </pc:spChg>
        <pc:spChg chg="mod">
          <ac:chgData name="White, Alex" userId="eff6cc8c-37d8-483b-9c6c-6b27e9afa9bc" providerId="ADAL" clId="{BF04C754-5BF4-4E83-9615-DB14FA25AF8A}" dt="2023-10-12T11:37:53" v="291"/>
          <ac:spMkLst>
            <pc:docMk/>
            <pc:sldMk cId="2376958513" sldId="260"/>
            <ac:spMk id="3253" creationId="{BE4E23AA-70F4-F844-149B-7E4575F46507}"/>
          </ac:spMkLst>
        </pc:spChg>
        <pc:spChg chg="mod">
          <ac:chgData name="White, Alex" userId="eff6cc8c-37d8-483b-9c6c-6b27e9afa9bc" providerId="ADAL" clId="{BF04C754-5BF4-4E83-9615-DB14FA25AF8A}" dt="2023-10-12T11:37:53" v="291"/>
          <ac:spMkLst>
            <pc:docMk/>
            <pc:sldMk cId="2376958513" sldId="260"/>
            <ac:spMk id="3254" creationId="{4B118F88-A729-3BD2-897B-1991FDCA0B6D}"/>
          </ac:spMkLst>
        </pc:spChg>
        <pc:spChg chg="mod">
          <ac:chgData name="White, Alex" userId="eff6cc8c-37d8-483b-9c6c-6b27e9afa9bc" providerId="ADAL" clId="{BF04C754-5BF4-4E83-9615-DB14FA25AF8A}" dt="2023-10-12T11:37:53" v="291"/>
          <ac:spMkLst>
            <pc:docMk/>
            <pc:sldMk cId="2376958513" sldId="260"/>
            <ac:spMk id="3255" creationId="{65646684-9725-C68F-573D-374E6A86FE34}"/>
          </ac:spMkLst>
        </pc:spChg>
        <pc:spChg chg="mod">
          <ac:chgData name="White, Alex" userId="eff6cc8c-37d8-483b-9c6c-6b27e9afa9bc" providerId="ADAL" clId="{BF04C754-5BF4-4E83-9615-DB14FA25AF8A}" dt="2023-10-12T11:37:53" v="291"/>
          <ac:spMkLst>
            <pc:docMk/>
            <pc:sldMk cId="2376958513" sldId="260"/>
            <ac:spMk id="3256" creationId="{B0836380-3586-3244-3887-1B7081602CD2}"/>
          </ac:spMkLst>
        </pc:spChg>
        <pc:spChg chg="mod">
          <ac:chgData name="White, Alex" userId="eff6cc8c-37d8-483b-9c6c-6b27e9afa9bc" providerId="ADAL" clId="{BF04C754-5BF4-4E83-9615-DB14FA25AF8A}" dt="2023-10-12T11:37:53" v="291"/>
          <ac:spMkLst>
            <pc:docMk/>
            <pc:sldMk cId="2376958513" sldId="260"/>
            <ac:spMk id="3257" creationId="{EB2F6336-EA4D-6E68-93E1-4AE50765301D}"/>
          </ac:spMkLst>
        </pc:spChg>
        <pc:spChg chg="mod">
          <ac:chgData name="White, Alex" userId="eff6cc8c-37d8-483b-9c6c-6b27e9afa9bc" providerId="ADAL" clId="{BF04C754-5BF4-4E83-9615-DB14FA25AF8A}" dt="2023-10-12T11:37:53" v="291"/>
          <ac:spMkLst>
            <pc:docMk/>
            <pc:sldMk cId="2376958513" sldId="260"/>
            <ac:spMk id="3258" creationId="{F5D198B9-6947-633A-4F71-82F40CE86843}"/>
          </ac:spMkLst>
        </pc:spChg>
        <pc:spChg chg="mod">
          <ac:chgData name="White, Alex" userId="eff6cc8c-37d8-483b-9c6c-6b27e9afa9bc" providerId="ADAL" clId="{BF04C754-5BF4-4E83-9615-DB14FA25AF8A}" dt="2023-10-12T11:37:53" v="291"/>
          <ac:spMkLst>
            <pc:docMk/>
            <pc:sldMk cId="2376958513" sldId="260"/>
            <ac:spMk id="3259" creationId="{77D4EBAF-3FE1-4EFA-51B9-21A4C13724F0}"/>
          </ac:spMkLst>
        </pc:spChg>
        <pc:spChg chg="mod">
          <ac:chgData name="White, Alex" userId="eff6cc8c-37d8-483b-9c6c-6b27e9afa9bc" providerId="ADAL" clId="{BF04C754-5BF4-4E83-9615-DB14FA25AF8A}" dt="2023-10-12T11:37:53" v="291"/>
          <ac:spMkLst>
            <pc:docMk/>
            <pc:sldMk cId="2376958513" sldId="260"/>
            <ac:spMk id="3260" creationId="{CC47CAB8-8567-9351-8772-955A31BD1DE9}"/>
          </ac:spMkLst>
        </pc:spChg>
        <pc:spChg chg="mod">
          <ac:chgData name="White, Alex" userId="eff6cc8c-37d8-483b-9c6c-6b27e9afa9bc" providerId="ADAL" clId="{BF04C754-5BF4-4E83-9615-DB14FA25AF8A}" dt="2023-10-12T11:37:53" v="291"/>
          <ac:spMkLst>
            <pc:docMk/>
            <pc:sldMk cId="2376958513" sldId="260"/>
            <ac:spMk id="3261" creationId="{9481357B-333C-DFF0-DD15-99279A06C982}"/>
          </ac:spMkLst>
        </pc:spChg>
        <pc:spChg chg="mod">
          <ac:chgData name="White, Alex" userId="eff6cc8c-37d8-483b-9c6c-6b27e9afa9bc" providerId="ADAL" clId="{BF04C754-5BF4-4E83-9615-DB14FA25AF8A}" dt="2023-10-12T11:37:53" v="291"/>
          <ac:spMkLst>
            <pc:docMk/>
            <pc:sldMk cId="2376958513" sldId="260"/>
            <ac:spMk id="3262" creationId="{132CA652-2F2F-4A75-9CE5-465957FDEEB8}"/>
          </ac:spMkLst>
        </pc:spChg>
        <pc:spChg chg="mod">
          <ac:chgData name="White, Alex" userId="eff6cc8c-37d8-483b-9c6c-6b27e9afa9bc" providerId="ADAL" clId="{BF04C754-5BF4-4E83-9615-DB14FA25AF8A}" dt="2023-10-12T11:37:53" v="291"/>
          <ac:spMkLst>
            <pc:docMk/>
            <pc:sldMk cId="2376958513" sldId="260"/>
            <ac:spMk id="3263" creationId="{B4546FA9-C255-20F6-A638-C65BA717EE9E}"/>
          </ac:spMkLst>
        </pc:spChg>
        <pc:spChg chg="mod">
          <ac:chgData name="White, Alex" userId="eff6cc8c-37d8-483b-9c6c-6b27e9afa9bc" providerId="ADAL" clId="{BF04C754-5BF4-4E83-9615-DB14FA25AF8A}" dt="2023-10-12T11:37:53" v="291"/>
          <ac:spMkLst>
            <pc:docMk/>
            <pc:sldMk cId="2376958513" sldId="260"/>
            <ac:spMk id="3264" creationId="{99631EF9-E2E6-5046-C61B-1CCDFAA78C85}"/>
          </ac:spMkLst>
        </pc:spChg>
        <pc:spChg chg="mod">
          <ac:chgData name="White, Alex" userId="eff6cc8c-37d8-483b-9c6c-6b27e9afa9bc" providerId="ADAL" clId="{BF04C754-5BF4-4E83-9615-DB14FA25AF8A}" dt="2023-10-12T11:37:53" v="291"/>
          <ac:spMkLst>
            <pc:docMk/>
            <pc:sldMk cId="2376958513" sldId="260"/>
            <ac:spMk id="3265" creationId="{A0CD6EFB-E54B-6383-DB67-52B7A94092DF}"/>
          </ac:spMkLst>
        </pc:spChg>
        <pc:spChg chg="mod">
          <ac:chgData name="White, Alex" userId="eff6cc8c-37d8-483b-9c6c-6b27e9afa9bc" providerId="ADAL" clId="{BF04C754-5BF4-4E83-9615-DB14FA25AF8A}" dt="2023-10-12T11:37:53" v="291"/>
          <ac:spMkLst>
            <pc:docMk/>
            <pc:sldMk cId="2376958513" sldId="260"/>
            <ac:spMk id="3266" creationId="{6C010AF8-0859-9DF8-B9D9-AF6BFF3A5E87}"/>
          </ac:spMkLst>
        </pc:spChg>
        <pc:spChg chg="mod">
          <ac:chgData name="White, Alex" userId="eff6cc8c-37d8-483b-9c6c-6b27e9afa9bc" providerId="ADAL" clId="{BF04C754-5BF4-4E83-9615-DB14FA25AF8A}" dt="2023-10-12T11:37:53" v="291"/>
          <ac:spMkLst>
            <pc:docMk/>
            <pc:sldMk cId="2376958513" sldId="260"/>
            <ac:spMk id="3267" creationId="{13DA7D52-347C-38FE-E642-CA0736FA4009}"/>
          </ac:spMkLst>
        </pc:spChg>
        <pc:spChg chg="mod">
          <ac:chgData name="White, Alex" userId="eff6cc8c-37d8-483b-9c6c-6b27e9afa9bc" providerId="ADAL" clId="{BF04C754-5BF4-4E83-9615-DB14FA25AF8A}" dt="2023-10-12T11:37:53" v="291"/>
          <ac:spMkLst>
            <pc:docMk/>
            <pc:sldMk cId="2376958513" sldId="260"/>
            <ac:spMk id="3268" creationId="{D1A7CED7-7A3A-528A-D89F-12AD1C7B0182}"/>
          </ac:spMkLst>
        </pc:spChg>
        <pc:spChg chg="mod">
          <ac:chgData name="White, Alex" userId="eff6cc8c-37d8-483b-9c6c-6b27e9afa9bc" providerId="ADAL" clId="{BF04C754-5BF4-4E83-9615-DB14FA25AF8A}" dt="2023-10-12T11:37:53" v="291"/>
          <ac:spMkLst>
            <pc:docMk/>
            <pc:sldMk cId="2376958513" sldId="260"/>
            <ac:spMk id="3269" creationId="{AB6D0B04-8259-4E4F-580D-B33DD92EB636}"/>
          </ac:spMkLst>
        </pc:spChg>
        <pc:spChg chg="mod">
          <ac:chgData name="White, Alex" userId="eff6cc8c-37d8-483b-9c6c-6b27e9afa9bc" providerId="ADAL" clId="{BF04C754-5BF4-4E83-9615-DB14FA25AF8A}" dt="2023-10-12T11:37:53" v="291"/>
          <ac:spMkLst>
            <pc:docMk/>
            <pc:sldMk cId="2376958513" sldId="260"/>
            <ac:spMk id="3270" creationId="{37D62C5B-2DF6-E988-B56B-D33C5C69A03C}"/>
          </ac:spMkLst>
        </pc:spChg>
        <pc:spChg chg="mod">
          <ac:chgData name="White, Alex" userId="eff6cc8c-37d8-483b-9c6c-6b27e9afa9bc" providerId="ADAL" clId="{BF04C754-5BF4-4E83-9615-DB14FA25AF8A}" dt="2023-10-12T11:37:53" v="291"/>
          <ac:spMkLst>
            <pc:docMk/>
            <pc:sldMk cId="2376958513" sldId="260"/>
            <ac:spMk id="3271" creationId="{3BA1C4A0-1402-70E5-23FA-B17BB288F52C}"/>
          </ac:spMkLst>
        </pc:spChg>
        <pc:spChg chg="mod">
          <ac:chgData name="White, Alex" userId="eff6cc8c-37d8-483b-9c6c-6b27e9afa9bc" providerId="ADAL" clId="{BF04C754-5BF4-4E83-9615-DB14FA25AF8A}" dt="2023-10-12T11:37:53" v="291"/>
          <ac:spMkLst>
            <pc:docMk/>
            <pc:sldMk cId="2376958513" sldId="260"/>
            <ac:spMk id="3272" creationId="{7991879E-FA7D-9643-5D90-93E4ED9ADF0B}"/>
          </ac:spMkLst>
        </pc:spChg>
        <pc:spChg chg="mod">
          <ac:chgData name="White, Alex" userId="eff6cc8c-37d8-483b-9c6c-6b27e9afa9bc" providerId="ADAL" clId="{BF04C754-5BF4-4E83-9615-DB14FA25AF8A}" dt="2023-10-12T11:37:53" v="291"/>
          <ac:spMkLst>
            <pc:docMk/>
            <pc:sldMk cId="2376958513" sldId="260"/>
            <ac:spMk id="3273" creationId="{E29EE578-72C6-A0CA-1AD0-4857D3920992}"/>
          </ac:spMkLst>
        </pc:spChg>
        <pc:spChg chg="mod">
          <ac:chgData name="White, Alex" userId="eff6cc8c-37d8-483b-9c6c-6b27e9afa9bc" providerId="ADAL" clId="{BF04C754-5BF4-4E83-9615-DB14FA25AF8A}" dt="2023-10-12T11:37:53" v="291"/>
          <ac:spMkLst>
            <pc:docMk/>
            <pc:sldMk cId="2376958513" sldId="260"/>
            <ac:spMk id="3274" creationId="{A0E55D78-AC17-4E2A-1B7B-75B11B5BACD1}"/>
          </ac:spMkLst>
        </pc:spChg>
        <pc:spChg chg="mod">
          <ac:chgData name="White, Alex" userId="eff6cc8c-37d8-483b-9c6c-6b27e9afa9bc" providerId="ADAL" clId="{BF04C754-5BF4-4E83-9615-DB14FA25AF8A}" dt="2023-10-12T11:37:53" v="291"/>
          <ac:spMkLst>
            <pc:docMk/>
            <pc:sldMk cId="2376958513" sldId="260"/>
            <ac:spMk id="3275" creationId="{FB7DAFC8-8A81-27DE-7C14-A9E9F88EA8C3}"/>
          </ac:spMkLst>
        </pc:spChg>
        <pc:spChg chg="mod">
          <ac:chgData name="White, Alex" userId="eff6cc8c-37d8-483b-9c6c-6b27e9afa9bc" providerId="ADAL" clId="{BF04C754-5BF4-4E83-9615-DB14FA25AF8A}" dt="2023-10-12T11:37:53" v="291"/>
          <ac:spMkLst>
            <pc:docMk/>
            <pc:sldMk cId="2376958513" sldId="260"/>
            <ac:spMk id="3276" creationId="{9A1E0C5E-3828-35C4-1CAB-ACD4D1ADB623}"/>
          </ac:spMkLst>
        </pc:spChg>
        <pc:spChg chg="mod">
          <ac:chgData name="White, Alex" userId="eff6cc8c-37d8-483b-9c6c-6b27e9afa9bc" providerId="ADAL" clId="{BF04C754-5BF4-4E83-9615-DB14FA25AF8A}" dt="2023-10-12T11:37:53" v="291"/>
          <ac:spMkLst>
            <pc:docMk/>
            <pc:sldMk cId="2376958513" sldId="260"/>
            <ac:spMk id="3277" creationId="{325F0FEB-CCA8-5FCC-C833-BA9681ACA35A}"/>
          </ac:spMkLst>
        </pc:spChg>
        <pc:spChg chg="mod">
          <ac:chgData name="White, Alex" userId="eff6cc8c-37d8-483b-9c6c-6b27e9afa9bc" providerId="ADAL" clId="{BF04C754-5BF4-4E83-9615-DB14FA25AF8A}" dt="2023-10-12T11:37:53" v="291"/>
          <ac:spMkLst>
            <pc:docMk/>
            <pc:sldMk cId="2376958513" sldId="260"/>
            <ac:spMk id="3278" creationId="{A2A0D7CD-7D9F-95E7-A462-501BBF702D33}"/>
          </ac:spMkLst>
        </pc:spChg>
        <pc:spChg chg="mod">
          <ac:chgData name="White, Alex" userId="eff6cc8c-37d8-483b-9c6c-6b27e9afa9bc" providerId="ADAL" clId="{BF04C754-5BF4-4E83-9615-DB14FA25AF8A}" dt="2023-10-12T11:37:53" v="291"/>
          <ac:spMkLst>
            <pc:docMk/>
            <pc:sldMk cId="2376958513" sldId="260"/>
            <ac:spMk id="3279" creationId="{FBD03F30-4953-3828-FE85-388ED3CD7179}"/>
          </ac:spMkLst>
        </pc:spChg>
        <pc:spChg chg="mod">
          <ac:chgData name="White, Alex" userId="eff6cc8c-37d8-483b-9c6c-6b27e9afa9bc" providerId="ADAL" clId="{BF04C754-5BF4-4E83-9615-DB14FA25AF8A}" dt="2023-10-12T11:37:53" v="291"/>
          <ac:spMkLst>
            <pc:docMk/>
            <pc:sldMk cId="2376958513" sldId="260"/>
            <ac:spMk id="3280" creationId="{1551B499-5360-9D95-6DDF-47CFF89D99F2}"/>
          </ac:spMkLst>
        </pc:spChg>
        <pc:spChg chg="mod">
          <ac:chgData name="White, Alex" userId="eff6cc8c-37d8-483b-9c6c-6b27e9afa9bc" providerId="ADAL" clId="{BF04C754-5BF4-4E83-9615-DB14FA25AF8A}" dt="2023-10-12T11:37:53" v="291"/>
          <ac:spMkLst>
            <pc:docMk/>
            <pc:sldMk cId="2376958513" sldId="260"/>
            <ac:spMk id="3281" creationId="{812A19DC-E956-277E-B32C-D963919D9355}"/>
          </ac:spMkLst>
        </pc:spChg>
        <pc:spChg chg="mod">
          <ac:chgData name="White, Alex" userId="eff6cc8c-37d8-483b-9c6c-6b27e9afa9bc" providerId="ADAL" clId="{BF04C754-5BF4-4E83-9615-DB14FA25AF8A}" dt="2023-10-12T11:37:53" v="291"/>
          <ac:spMkLst>
            <pc:docMk/>
            <pc:sldMk cId="2376958513" sldId="260"/>
            <ac:spMk id="3282" creationId="{E7A4DAD6-4B06-E1D7-004A-1844F992148A}"/>
          </ac:spMkLst>
        </pc:spChg>
        <pc:spChg chg="mod">
          <ac:chgData name="White, Alex" userId="eff6cc8c-37d8-483b-9c6c-6b27e9afa9bc" providerId="ADAL" clId="{BF04C754-5BF4-4E83-9615-DB14FA25AF8A}" dt="2023-10-12T11:37:53" v="291"/>
          <ac:spMkLst>
            <pc:docMk/>
            <pc:sldMk cId="2376958513" sldId="260"/>
            <ac:spMk id="3283" creationId="{E981DC7A-D8AA-559E-8A5D-4EB1181A4410}"/>
          </ac:spMkLst>
        </pc:spChg>
        <pc:spChg chg="mod">
          <ac:chgData name="White, Alex" userId="eff6cc8c-37d8-483b-9c6c-6b27e9afa9bc" providerId="ADAL" clId="{BF04C754-5BF4-4E83-9615-DB14FA25AF8A}" dt="2023-10-12T11:37:53" v="291"/>
          <ac:spMkLst>
            <pc:docMk/>
            <pc:sldMk cId="2376958513" sldId="260"/>
            <ac:spMk id="3284" creationId="{19717DDF-2E35-FF4D-6676-13431F488082}"/>
          </ac:spMkLst>
        </pc:spChg>
        <pc:spChg chg="mod">
          <ac:chgData name="White, Alex" userId="eff6cc8c-37d8-483b-9c6c-6b27e9afa9bc" providerId="ADAL" clId="{BF04C754-5BF4-4E83-9615-DB14FA25AF8A}" dt="2023-10-12T11:37:53" v="291"/>
          <ac:spMkLst>
            <pc:docMk/>
            <pc:sldMk cId="2376958513" sldId="260"/>
            <ac:spMk id="3285" creationId="{15CDD5F6-E922-3409-AB3B-C66F5B550239}"/>
          </ac:spMkLst>
        </pc:spChg>
        <pc:spChg chg="mod">
          <ac:chgData name="White, Alex" userId="eff6cc8c-37d8-483b-9c6c-6b27e9afa9bc" providerId="ADAL" clId="{BF04C754-5BF4-4E83-9615-DB14FA25AF8A}" dt="2023-10-12T11:37:53" v="291"/>
          <ac:spMkLst>
            <pc:docMk/>
            <pc:sldMk cId="2376958513" sldId="260"/>
            <ac:spMk id="3286" creationId="{E85F4C20-597C-457E-97C1-831E3550E6B7}"/>
          </ac:spMkLst>
        </pc:spChg>
        <pc:spChg chg="mod">
          <ac:chgData name="White, Alex" userId="eff6cc8c-37d8-483b-9c6c-6b27e9afa9bc" providerId="ADAL" clId="{BF04C754-5BF4-4E83-9615-DB14FA25AF8A}" dt="2023-10-12T11:37:53" v="291"/>
          <ac:spMkLst>
            <pc:docMk/>
            <pc:sldMk cId="2376958513" sldId="260"/>
            <ac:spMk id="3287" creationId="{CBF8C2BC-6C84-83FC-0A8C-67653919A052}"/>
          </ac:spMkLst>
        </pc:spChg>
        <pc:spChg chg="mod">
          <ac:chgData name="White, Alex" userId="eff6cc8c-37d8-483b-9c6c-6b27e9afa9bc" providerId="ADAL" clId="{BF04C754-5BF4-4E83-9615-DB14FA25AF8A}" dt="2023-10-12T11:37:53" v="291"/>
          <ac:spMkLst>
            <pc:docMk/>
            <pc:sldMk cId="2376958513" sldId="260"/>
            <ac:spMk id="3288" creationId="{DAFDA917-EA44-FFB3-2F85-65CBCCD7B912}"/>
          </ac:spMkLst>
        </pc:spChg>
        <pc:spChg chg="mod">
          <ac:chgData name="White, Alex" userId="eff6cc8c-37d8-483b-9c6c-6b27e9afa9bc" providerId="ADAL" clId="{BF04C754-5BF4-4E83-9615-DB14FA25AF8A}" dt="2023-10-12T11:37:53" v="291"/>
          <ac:spMkLst>
            <pc:docMk/>
            <pc:sldMk cId="2376958513" sldId="260"/>
            <ac:spMk id="3289" creationId="{43189C61-3900-3AE4-0FA2-0AF9F4441FF7}"/>
          </ac:spMkLst>
        </pc:spChg>
        <pc:spChg chg="mod">
          <ac:chgData name="White, Alex" userId="eff6cc8c-37d8-483b-9c6c-6b27e9afa9bc" providerId="ADAL" clId="{BF04C754-5BF4-4E83-9615-DB14FA25AF8A}" dt="2023-10-12T11:37:53" v="291"/>
          <ac:spMkLst>
            <pc:docMk/>
            <pc:sldMk cId="2376958513" sldId="260"/>
            <ac:spMk id="3290" creationId="{5A8A53E7-C13D-2ECD-B539-9A2DAC26A693}"/>
          </ac:spMkLst>
        </pc:spChg>
        <pc:spChg chg="mod">
          <ac:chgData name="White, Alex" userId="eff6cc8c-37d8-483b-9c6c-6b27e9afa9bc" providerId="ADAL" clId="{BF04C754-5BF4-4E83-9615-DB14FA25AF8A}" dt="2023-10-12T11:37:53" v="291"/>
          <ac:spMkLst>
            <pc:docMk/>
            <pc:sldMk cId="2376958513" sldId="260"/>
            <ac:spMk id="3291" creationId="{632F15FE-741C-243A-EACE-4C455D088E30}"/>
          </ac:spMkLst>
        </pc:spChg>
        <pc:spChg chg="mod">
          <ac:chgData name="White, Alex" userId="eff6cc8c-37d8-483b-9c6c-6b27e9afa9bc" providerId="ADAL" clId="{BF04C754-5BF4-4E83-9615-DB14FA25AF8A}" dt="2023-10-12T11:37:53" v="291"/>
          <ac:spMkLst>
            <pc:docMk/>
            <pc:sldMk cId="2376958513" sldId="260"/>
            <ac:spMk id="3292" creationId="{82403EDB-4153-1AEB-FA6A-029EDDF57417}"/>
          </ac:spMkLst>
        </pc:spChg>
        <pc:spChg chg="mod">
          <ac:chgData name="White, Alex" userId="eff6cc8c-37d8-483b-9c6c-6b27e9afa9bc" providerId="ADAL" clId="{BF04C754-5BF4-4E83-9615-DB14FA25AF8A}" dt="2023-10-12T11:37:53" v="291"/>
          <ac:spMkLst>
            <pc:docMk/>
            <pc:sldMk cId="2376958513" sldId="260"/>
            <ac:spMk id="3293" creationId="{D5A43287-ED05-9DB3-6455-96DA5331B0AF}"/>
          </ac:spMkLst>
        </pc:spChg>
        <pc:spChg chg="mod">
          <ac:chgData name="White, Alex" userId="eff6cc8c-37d8-483b-9c6c-6b27e9afa9bc" providerId="ADAL" clId="{BF04C754-5BF4-4E83-9615-DB14FA25AF8A}" dt="2023-10-12T11:37:53" v="291"/>
          <ac:spMkLst>
            <pc:docMk/>
            <pc:sldMk cId="2376958513" sldId="260"/>
            <ac:spMk id="3294" creationId="{1A79C0F8-09ED-1CA8-514A-77D8EF65DEEC}"/>
          </ac:spMkLst>
        </pc:spChg>
        <pc:spChg chg="mod">
          <ac:chgData name="White, Alex" userId="eff6cc8c-37d8-483b-9c6c-6b27e9afa9bc" providerId="ADAL" clId="{BF04C754-5BF4-4E83-9615-DB14FA25AF8A}" dt="2023-10-12T11:37:53" v="291"/>
          <ac:spMkLst>
            <pc:docMk/>
            <pc:sldMk cId="2376958513" sldId="260"/>
            <ac:spMk id="3295" creationId="{454023CC-964A-D516-12A9-B24E0223C091}"/>
          </ac:spMkLst>
        </pc:spChg>
        <pc:spChg chg="mod">
          <ac:chgData name="White, Alex" userId="eff6cc8c-37d8-483b-9c6c-6b27e9afa9bc" providerId="ADAL" clId="{BF04C754-5BF4-4E83-9615-DB14FA25AF8A}" dt="2023-10-12T11:37:53" v="291"/>
          <ac:spMkLst>
            <pc:docMk/>
            <pc:sldMk cId="2376958513" sldId="260"/>
            <ac:spMk id="3296" creationId="{5D678729-8EA4-D3DB-565B-B135013329FA}"/>
          </ac:spMkLst>
        </pc:spChg>
        <pc:spChg chg="mod">
          <ac:chgData name="White, Alex" userId="eff6cc8c-37d8-483b-9c6c-6b27e9afa9bc" providerId="ADAL" clId="{BF04C754-5BF4-4E83-9615-DB14FA25AF8A}" dt="2023-10-12T11:37:53" v="291"/>
          <ac:spMkLst>
            <pc:docMk/>
            <pc:sldMk cId="2376958513" sldId="260"/>
            <ac:spMk id="3297" creationId="{2C156369-A3CB-6B1F-B989-5E3DC0015212}"/>
          </ac:spMkLst>
        </pc:spChg>
        <pc:spChg chg="mod">
          <ac:chgData name="White, Alex" userId="eff6cc8c-37d8-483b-9c6c-6b27e9afa9bc" providerId="ADAL" clId="{BF04C754-5BF4-4E83-9615-DB14FA25AF8A}" dt="2023-10-12T11:37:53" v="291"/>
          <ac:spMkLst>
            <pc:docMk/>
            <pc:sldMk cId="2376958513" sldId="260"/>
            <ac:spMk id="3298" creationId="{BFB1187E-A721-96D8-4795-0F7CA4F3F173}"/>
          </ac:spMkLst>
        </pc:spChg>
        <pc:spChg chg="mod">
          <ac:chgData name="White, Alex" userId="eff6cc8c-37d8-483b-9c6c-6b27e9afa9bc" providerId="ADAL" clId="{BF04C754-5BF4-4E83-9615-DB14FA25AF8A}" dt="2023-10-12T11:37:53" v="291"/>
          <ac:spMkLst>
            <pc:docMk/>
            <pc:sldMk cId="2376958513" sldId="260"/>
            <ac:spMk id="3299" creationId="{F9306EBA-2638-D695-A85A-C56E8A916E45}"/>
          </ac:spMkLst>
        </pc:spChg>
        <pc:spChg chg="mod">
          <ac:chgData name="White, Alex" userId="eff6cc8c-37d8-483b-9c6c-6b27e9afa9bc" providerId="ADAL" clId="{BF04C754-5BF4-4E83-9615-DB14FA25AF8A}" dt="2023-10-12T11:37:53" v="291"/>
          <ac:spMkLst>
            <pc:docMk/>
            <pc:sldMk cId="2376958513" sldId="260"/>
            <ac:spMk id="3300" creationId="{FA303ECF-7DA5-EF34-14C2-92CE78540802}"/>
          </ac:spMkLst>
        </pc:spChg>
        <pc:spChg chg="mod">
          <ac:chgData name="White, Alex" userId="eff6cc8c-37d8-483b-9c6c-6b27e9afa9bc" providerId="ADAL" clId="{BF04C754-5BF4-4E83-9615-DB14FA25AF8A}" dt="2023-10-12T11:37:53" v="291"/>
          <ac:spMkLst>
            <pc:docMk/>
            <pc:sldMk cId="2376958513" sldId="260"/>
            <ac:spMk id="3301" creationId="{CC369345-446B-3BE6-85D2-75F6BE7FE838}"/>
          </ac:spMkLst>
        </pc:spChg>
        <pc:spChg chg="mod">
          <ac:chgData name="White, Alex" userId="eff6cc8c-37d8-483b-9c6c-6b27e9afa9bc" providerId="ADAL" clId="{BF04C754-5BF4-4E83-9615-DB14FA25AF8A}" dt="2023-10-12T11:37:53" v="291"/>
          <ac:spMkLst>
            <pc:docMk/>
            <pc:sldMk cId="2376958513" sldId="260"/>
            <ac:spMk id="3302" creationId="{46B257EF-DF76-0291-98AC-EE602BB720AA}"/>
          </ac:spMkLst>
        </pc:spChg>
        <pc:spChg chg="mod">
          <ac:chgData name="White, Alex" userId="eff6cc8c-37d8-483b-9c6c-6b27e9afa9bc" providerId="ADAL" clId="{BF04C754-5BF4-4E83-9615-DB14FA25AF8A}" dt="2023-10-12T11:37:53" v="291"/>
          <ac:spMkLst>
            <pc:docMk/>
            <pc:sldMk cId="2376958513" sldId="260"/>
            <ac:spMk id="3303" creationId="{C4B8AC47-495C-C031-635B-E9F287AA8377}"/>
          </ac:spMkLst>
        </pc:spChg>
        <pc:spChg chg="mod">
          <ac:chgData name="White, Alex" userId="eff6cc8c-37d8-483b-9c6c-6b27e9afa9bc" providerId="ADAL" clId="{BF04C754-5BF4-4E83-9615-DB14FA25AF8A}" dt="2023-10-12T11:37:53" v="291"/>
          <ac:spMkLst>
            <pc:docMk/>
            <pc:sldMk cId="2376958513" sldId="260"/>
            <ac:spMk id="3304" creationId="{C6B347F1-C1BF-A08E-6956-DFCF262E72E2}"/>
          </ac:spMkLst>
        </pc:spChg>
        <pc:spChg chg="mod">
          <ac:chgData name="White, Alex" userId="eff6cc8c-37d8-483b-9c6c-6b27e9afa9bc" providerId="ADAL" clId="{BF04C754-5BF4-4E83-9615-DB14FA25AF8A}" dt="2023-10-12T11:37:53" v="291"/>
          <ac:spMkLst>
            <pc:docMk/>
            <pc:sldMk cId="2376958513" sldId="260"/>
            <ac:spMk id="3305" creationId="{EFD13DAD-79CC-3E20-B5D0-E5105AD0FD0B}"/>
          </ac:spMkLst>
        </pc:spChg>
        <pc:spChg chg="mod">
          <ac:chgData name="White, Alex" userId="eff6cc8c-37d8-483b-9c6c-6b27e9afa9bc" providerId="ADAL" clId="{BF04C754-5BF4-4E83-9615-DB14FA25AF8A}" dt="2023-10-12T11:37:53" v="291"/>
          <ac:spMkLst>
            <pc:docMk/>
            <pc:sldMk cId="2376958513" sldId="260"/>
            <ac:spMk id="3306" creationId="{E2A9235D-B926-307A-09E7-521FE4628C4D}"/>
          </ac:spMkLst>
        </pc:spChg>
        <pc:spChg chg="mod">
          <ac:chgData name="White, Alex" userId="eff6cc8c-37d8-483b-9c6c-6b27e9afa9bc" providerId="ADAL" clId="{BF04C754-5BF4-4E83-9615-DB14FA25AF8A}" dt="2023-10-12T11:37:53" v="291"/>
          <ac:spMkLst>
            <pc:docMk/>
            <pc:sldMk cId="2376958513" sldId="260"/>
            <ac:spMk id="3307" creationId="{29D45FBB-0874-3FAF-8C20-4414EB0DD4F8}"/>
          </ac:spMkLst>
        </pc:spChg>
        <pc:spChg chg="mod">
          <ac:chgData name="White, Alex" userId="eff6cc8c-37d8-483b-9c6c-6b27e9afa9bc" providerId="ADAL" clId="{BF04C754-5BF4-4E83-9615-DB14FA25AF8A}" dt="2023-10-12T11:37:53" v="291"/>
          <ac:spMkLst>
            <pc:docMk/>
            <pc:sldMk cId="2376958513" sldId="260"/>
            <ac:spMk id="3308" creationId="{B0F17AC4-7ECF-85B6-B495-7985BFFB729E}"/>
          </ac:spMkLst>
        </pc:spChg>
        <pc:spChg chg="mod">
          <ac:chgData name="White, Alex" userId="eff6cc8c-37d8-483b-9c6c-6b27e9afa9bc" providerId="ADAL" clId="{BF04C754-5BF4-4E83-9615-DB14FA25AF8A}" dt="2023-10-12T11:37:53" v="291"/>
          <ac:spMkLst>
            <pc:docMk/>
            <pc:sldMk cId="2376958513" sldId="260"/>
            <ac:spMk id="3309" creationId="{312D7370-6F04-4110-81A6-5FA043121668}"/>
          </ac:spMkLst>
        </pc:spChg>
        <pc:spChg chg="mod">
          <ac:chgData name="White, Alex" userId="eff6cc8c-37d8-483b-9c6c-6b27e9afa9bc" providerId="ADAL" clId="{BF04C754-5BF4-4E83-9615-DB14FA25AF8A}" dt="2023-10-12T11:37:53" v="291"/>
          <ac:spMkLst>
            <pc:docMk/>
            <pc:sldMk cId="2376958513" sldId="260"/>
            <ac:spMk id="3310" creationId="{1BC65C71-2254-698D-F086-20D65DE10CB0}"/>
          </ac:spMkLst>
        </pc:spChg>
        <pc:spChg chg="mod">
          <ac:chgData name="White, Alex" userId="eff6cc8c-37d8-483b-9c6c-6b27e9afa9bc" providerId="ADAL" clId="{BF04C754-5BF4-4E83-9615-DB14FA25AF8A}" dt="2023-10-12T11:37:53" v="291"/>
          <ac:spMkLst>
            <pc:docMk/>
            <pc:sldMk cId="2376958513" sldId="260"/>
            <ac:spMk id="3311" creationId="{A4800884-AC4A-F51F-B876-F5C2C33F8A7C}"/>
          </ac:spMkLst>
        </pc:spChg>
        <pc:spChg chg="mod">
          <ac:chgData name="White, Alex" userId="eff6cc8c-37d8-483b-9c6c-6b27e9afa9bc" providerId="ADAL" clId="{BF04C754-5BF4-4E83-9615-DB14FA25AF8A}" dt="2023-10-12T11:37:53" v="291"/>
          <ac:spMkLst>
            <pc:docMk/>
            <pc:sldMk cId="2376958513" sldId="260"/>
            <ac:spMk id="3312" creationId="{310A1ECD-C85E-8A4F-2C57-873DDF76E963}"/>
          </ac:spMkLst>
        </pc:spChg>
        <pc:spChg chg="mod">
          <ac:chgData name="White, Alex" userId="eff6cc8c-37d8-483b-9c6c-6b27e9afa9bc" providerId="ADAL" clId="{BF04C754-5BF4-4E83-9615-DB14FA25AF8A}" dt="2023-10-12T11:37:53" v="291"/>
          <ac:spMkLst>
            <pc:docMk/>
            <pc:sldMk cId="2376958513" sldId="260"/>
            <ac:spMk id="3313" creationId="{0FCA934A-9BAD-7509-3096-8A4E093BF88D}"/>
          </ac:spMkLst>
        </pc:spChg>
        <pc:spChg chg="mod">
          <ac:chgData name="White, Alex" userId="eff6cc8c-37d8-483b-9c6c-6b27e9afa9bc" providerId="ADAL" clId="{BF04C754-5BF4-4E83-9615-DB14FA25AF8A}" dt="2023-10-12T11:37:53" v="291"/>
          <ac:spMkLst>
            <pc:docMk/>
            <pc:sldMk cId="2376958513" sldId="260"/>
            <ac:spMk id="3314" creationId="{06D60D4B-33D2-D4CA-809C-53494E08FAF2}"/>
          </ac:spMkLst>
        </pc:spChg>
        <pc:spChg chg="mod">
          <ac:chgData name="White, Alex" userId="eff6cc8c-37d8-483b-9c6c-6b27e9afa9bc" providerId="ADAL" clId="{BF04C754-5BF4-4E83-9615-DB14FA25AF8A}" dt="2023-10-12T11:37:53" v="291"/>
          <ac:spMkLst>
            <pc:docMk/>
            <pc:sldMk cId="2376958513" sldId="260"/>
            <ac:spMk id="3315" creationId="{2FDD37F7-1E46-7868-9E7F-6DA4860DAEEE}"/>
          </ac:spMkLst>
        </pc:spChg>
        <pc:spChg chg="mod">
          <ac:chgData name="White, Alex" userId="eff6cc8c-37d8-483b-9c6c-6b27e9afa9bc" providerId="ADAL" clId="{BF04C754-5BF4-4E83-9615-DB14FA25AF8A}" dt="2023-10-12T11:37:53" v="291"/>
          <ac:spMkLst>
            <pc:docMk/>
            <pc:sldMk cId="2376958513" sldId="260"/>
            <ac:spMk id="3316" creationId="{9B0C46F0-F84B-3FDE-C155-0E7063809821}"/>
          </ac:spMkLst>
        </pc:spChg>
        <pc:spChg chg="mod">
          <ac:chgData name="White, Alex" userId="eff6cc8c-37d8-483b-9c6c-6b27e9afa9bc" providerId="ADAL" clId="{BF04C754-5BF4-4E83-9615-DB14FA25AF8A}" dt="2023-10-12T11:37:53" v="291"/>
          <ac:spMkLst>
            <pc:docMk/>
            <pc:sldMk cId="2376958513" sldId="260"/>
            <ac:spMk id="3317" creationId="{08F2E78F-9A41-56F7-60BB-26B6BD422D94}"/>
          </ac:spMkLst>
        </pc:spChg>
        <pc:spChg chg="mod">
          <ac:chgData name="White, Alex" userId="eff6cc8c-37d8-483b-9c6c-6b27e9afa9bc" providerId="ADAL" clId="{BF04C754-5BF4-4E83-9615-DB14FA25AF8A}" dt="2023-10-12T11:37:53" v="291"/>
          <ac:spMkLst>
            <pc:docMk/>
            <pc:sldMk cId="2376958513" sldId="260"/>
            <ac:spMk id="3318" creationId="{DC43B18A-7635-8C74-63F8-1E4810C58D0A}"/>
          </ac:spMkLst>
        </pc:spChg>
        <pc:spChg chg="mod">
          <ac:chgData name="White, Alex" userId="eff6cc8c-37d8-483b-9c6c-6b27e9afa9bc" providerId="ADAL" clId="{BF04C754-5BF4-4E83-9615-DB14FA25AF8A}" dt="2023-10-12T11:37:53" v="291"/>
          <ac:spMkLst>
            <pc:docMk/>
            <pc:sldMk cId="2376958513" sldId="260"/>
            <ac:spMk id="3319" creationId="{CC0493B7-9E9F-06B0-EA4C-F69ACFAA45D5}"/>
          </ac:spMkLst>
        </pc:spChg>
        <pc:spChg chg="mod">
          <ac:chgData name="White, Alex" userId="eff6cc8c-37d8-483b-9c6c-6b27e9afa9bc" providerId="ADAL" clId="{BF04C754-5BF4-4E83-9615-DB14FA25AF8A}" dt="2023-10-12T11:37:53" v="291"/>
          <ac:spMkLst>
            <pc:docMk/>
            <pc:sldMk cId="2376958513" sldId="260"/>
            <ac:spMk id="3320" creationId="{1A682028-652D-7518-976E-4C00E5208DC2}"/>
          </ac:spMkLst>
        </pc:spChg>
        <pc:spChg chg="mod">
          <ac:chgData name="White, Alex" userId="eff6cc8c-37d8-483b-9c6c-6b27e9afa9bc" providerId="ADAL" clId="{BF04C754-5BF4-4E83-9615-DB14FA25AF8A}" dt="2023-10-12T11:37:53" v="291"/>
          <ac:spMkLst>
            <pc:docMk/>
            <pc:sldMk cId="2376958513" sldId="260"/>
            <ac:spMk id="3321" creationId="{C64398FA-20FB-139E-CD0F-61683EAC46A1}"/>
          </ac:spMkLst>
        </pc:spChg>
        <pc:spChg chg="mod">
          <ac:chgData name="White, Alex" userId="eff6cc8c-37d8-483b-9c6c-6b27e9afa9bc" providerId="ADAL" clId="{BF04C754-5BF4-4E83-9615-DB14FA25AF8A}" dt="2023-10-12T11:37:53" v="291"/>
          <ac:spMkLst>
            <pc:docMk/>
            <pc:sldMk cId="2376958513" sldId="260"/>
            <ac:spMk id="3322" creationId="{CB44EC80-45DC-89AB-47EB-5D12277B00DE}"/>
          </ac:spMkLst>
        </pc:spChg>
        <pc:spChg chg="mod">
          <ac:chgData name="White, Alex" userId="eff6cc8c-37d8-483b-9c6c-6b27e9afa9bc" providerId="ADAL" clId="{BF04C754-5BF4-4E83-9615-DB14FA25AF8A}" dt="2023-10-12T11:37:53" v="291"/>
          <ac:spMkLst>
            <pc:docMk/>
            <pc:sldMk cId="2376958513" sldId="260"/>
            <ac:spMk id="3323" creationId="{DE77BE45-751C-8931-DE2E-C7A23D17EFAC}"/>
          </ac:spMkLst>
        </pc:spChg>
        <pc:spChg chg="mod">
          <ac:chgData name="White, Alex" userId="eff6cc8c-37d8-483b-9c6c-6b27e9afa9bc" providerId="ADAL" clId="{BF04C754-5BF4-4E83-9615-DB14FA25AF8A}" dt="2023-10-12T11:37:53" v="291"/>
          <ac:spMkLst>
            <pc:docMk/>
            <pc:sldMk cId="2376958513" sldId="260"/>
            <ac:spMk id="3324" creationId="{E952638C-AE20-7AB2-A725-EB2CF346DF6E}"/>
          </ac:spMkLst>
        </pc:spChg>
        <pc:spChg chg="mod">
          <ac:chgData name="White, Alex" userId="eff6cc8c-37d8-483b-9c6c-6b27e9afa9bc" providerId="ADAL" clId="{BF04C754-5BF4-4E83-9615-DB14FA25AF8A}" dt="2023-10-12T11:37:53" v="291"/>
          <ac:spMkLst>
            <pc:docMk/>
            <pc:sldMk cId="2376958513" sldId="260"/>
            <ac:spMk id="3325" creationId="{98BD1CB5-DDE9-5E3D-3559-845334F02B4B}"/>
          </ac:spMkLst>
        </pc:spChg>
        <pc:spChg chg="mod">
          <ac:chgData name="White, Alex" userId="eff6cc8c-37d8-483b-9c6c-6b27e9afa9bc" providerId="ADAL" clId="{BF04C754-5BF4-4E83-9615-DB14FA25AF8A}" dt="2023-10-12T11:37:53" v="291"/>
          <ac:spMkLst>
            <pc:docMk/>
            <pc:sldMk cId="2376958513" sldId="260"/>
            <ac:spMk id="3326" creationId="{4378D19E-B3E0-740A-8C2D-8BF9CADEFE5C}"/>
          </ac:spMkLst>
        </pc:spChg>
        <pc:spChg chg="mod">
          <ac:chgData name="White, Alex" userId="eff6cc8c-37d8-483b-9c6c-6b27e9afa9bc" providerId="ADAL" clId="{BF04C754-5BF4-4E83-9615-DB14FA25AF8A}" dt="2023-10-12T11:37:53" v="291"/>
          <ac:spMkLst>
            <pc:docMk/>
            <pc:sldMk cId="2376958513" sldId="260"/>
            <ac:spMk id="3327" creationId="{523AF4C5-9ED2-1C85-F2B5-CC69594D48D4}"/>
          </ac:spMkLst>
        </pc:spChg>
        <pc:spChg chg="mod">
          <ac:chgData name="White, Alex" userId="eff6cc8c-37d8-483b-9c6c-6b27e9afa9bc" providerId="ADAL" clId="{BF04C754-5BF4-4E83-9615-DB14FA25AF8A}" dt="2023-10-12T11:37:53" v="291"/>
          <ac:spMkLst>
            <pc:docMk/>
            <pc:sldMk cId="2376958513" sldId="260"/>
            <ac:spMk id="3328" creationId="{78C46AC2-CA49-E707-88B1-AE347AB85770}"/>
          </ac:spMkLst>
        </pc:spChg>
        <pc:spChg chg="mod">
          <ac:chgData name="White, Alex" userId="eff6cc8c-37d8-483b-9c6c-6b27e9afa9bc" providerId="ADAL" clId="{BF04C754-5BF4-4E83-9615-DB14FA25AF8A}" dt="2023-10-12T11:37:53" v="291"/>
          <ac:spMkLst>
            <pc:docMk/>
            <pc:sldMk cId="2376958513" sldId="260"/>
            <ac:spMk id="3329" creationId="{FE0F315A-F06F-98A0-AC2A-413AF756C4F6}"/>
          </ac:spMkLst>
        </pc:spChg>
        <pc:spChg chg="mod">
          <ac:chgData name="White, Alex" userId="eff6cc8c-37d8-483b-9c6c-6b27e9afa9bc" providerId="ADAL" clId="{BF04C754-5BF4-4E83-9615-DB14FA25AF8A}" dt="2023-10-12T11:37:53" v="291"/>
          <ac:spMkLst>
            <pc:docMk/>
            <pc:sldMk cId="2376958513" sldId="260"/>
            <ac:spMk id="3330" creationId="{7A2591C4-3A95-5CDB-4911-BA0415B79E41}"/>
          </ac:spMkLst>
        </pc:spChg>
        <pc:spChg chg="mod">
          <ac:chgData name="White, Alex" userId="eff6cc8c-37d8-483b-9c6c-6b27e9afa9bc" providerId="ADAL" clId="{BF04C754-5BF4-4E83-9615-DB14FA25AF8A}" dt="2023-10-12T11:37:53" v="291"/>
          <ac:spMkLst>
            <pc:docMk/>
            <pc:sldMk cId="2376958513" sldId="260"/>
            <ac:spMk id="3331" creationId="{1CACB6EA-8FC1-F943-813F-07F7528B46F8}"/>
          </ac:spMkLst>
        </pc:spChg>
        <pc:spChg chg="mod">
          <ac:chgData name="White, Alex" userId="eff6cc8c-37d8-483b-9c6c-6b27e9afa9bc" providerId="ADAL" clId="{BF04C754-5BF4-4E83-9615-DB14FA25AF8A}" dt="2023-10-12T11:37:53" v="291"/>
          <ac:spMkLst>
            <pc:docMk/>
            <pc:sldMk cId="2376958513" sldId="260"/>
            <ac:spMk id="3332" creationId="{1ABA5AAD-4782-3313-9B39-FCF6D6D7D312}"/>
          </ac:spMkLst>
        </pc:spChg>
        <pc:spChg chg="mod">
          <ac:chgData name="White, Alex" userId="eff6cc8c-37d8-483b-9c6c-6b27e9afa9bc" providerId="ADAL" clId="{BF04C754-5BF4-4E83-9615-DB14FA25AF8A}" dt="2023-10-12T11:37:53" v="291"/>
          <ac:spMkLst>
            <pc:docMk/>
            <pc:sldMk cId="2376958513" sldId="260"/>
            <ac:spMk id="3333" creationId="{CD2A46F3-A725-67CA-F97F-94B35472B698}"/>
          </ac:spMkLst>
        </pc:spChg>
        <pc:spChg chg="mod">
          <ac:chgData name="White, Alex" userId="eff6cc8c-37d8-483b-9c6c-6b27e9afa9bc" providerId="ADAL" clId="{BF04C754-5BF4-4E83-9615-DB14FA25AF8A}" dt="2023-10-12T11:37:53" v="291"/>
          <ac:spMkLst>
            <pc:docMk/>
            <pc:sldMk cId="2376958513" sldId="260"/>
            <ac:spMk id="3334" creationId="{9DF22989-7010-F13B-E887-CF4E2710C234}"/>
          </ac:spMkLst>
        </pc:spChg>
        <pc:spChg chg="mod">
          <ac:chgData name="White, Alex" userId="eff6cc8c-37d8-483b-9c6c-6b27e9afa9bc" providerId="ADAL" clId="{BF04C754-5BF4-4E83-9615-DB14FA25AF8A}" dt="2023-10-12T11:37:53" v="291"/>
          <ac:spMkLst>
            <pc:docMk/>
            <pc:sldMk cId="2376958513" sldId="260"/>
            <ac:spMk id="3335" creationId="{469882FC-5911-1023-6834-B71AC9B0F52C}"/>
          </ac:spMkLst>
        </pc:spChg>
        <pc:spChg chg="mod">
          <ac:chgData name="White, Alex" userId="eff6cc8c-37d8-483b-9c6c-6b27e9afa9bc" providerId="ADAL" clId="{BF04C754-5BF4-4E83-9615-DB14FA25AF8A}" dt="2023-10-12T11:37:53" v="291"/>
          <ac:spMkLst>
            <pc:docMk/>
            <pc:sldMk cId="2376958513" sldId="260"/>
            <ac:spMk id="3336" creationId="{93ADE350-8066-8E1B-037F-BCD17910C1F1}"/>
          </ac:spMkLst>
        </pc:spChg>
        <pc:spChg chg="mod">
          <ac:chgData name="White, Alex" userId="eff6cc8c-37d8-483b-9c6c-6b27e9afa9bc" providerId="ADAL" clId="{BF04C754-5BF4-4E83-9615-DB14FA25AF8A}" dt="2023-10-12T11:37:53" v="291"/>
          <ac:spMkLst>
            <pc:docMk/>
            <pc:sldMk cId="2376958513" sldId="260"/>
            <ac:spMk id="3337" creationId="{72814BE0-6BA6-2E84-9FC4-0E8D653047B3}"/>
          </ac:spMkLst>
        </pc:spChg>
        <pc:spChg chg="mod">
          <ac:chgData name="White, Alex" userId="eff6cc8c-37d8-483b-9c6c-6b27e9afa9bc" providerId="ADAL" clId="{BF04C754-5BF4-4E83-9615-DB14FA25AF8A}" dt="2023-10-12T11:37:53" v="291"/>
          <ac:spMkLst>
            <pc:docMk/>
            <pc:sldMk cId="2376958513" sldId="260"/>
            <ac:spMk id="3338" creationId="{910851D9-8789-6784-C8CE-EFC34C7EBB5A}"/>
          </ac:spMkLst>
        </pc:spChg>
        <pc:spChg chg="mod">
          <ac:chgData name="White, Alex" userId="eff6cc8c-37d8-483b-9c6c-6b27e9afa9bc" providerId="ADAL" clId="{BF04C754-5BF4-4E83-9615-DB14FA25AF8A}" dt="2023-10-12T11:37:53" v="291"/>
          <ac:spMkLst>
            <pc:docMk/>
            <pc:sldMk cId="2376958513" sldId="260"/>
            <ac:spMk id="3339" creationId="{713392B2-A5EB-8A9A-ACEE-3162D1FBD380}"/>
          </ac:spMkLst>
        </pc:spChg>
        <pc:spChg chg="mod">
          <ac:chgData name="White, Alex" userId="eff6cc8c-37d8-483b-9c6c-6b27e9afa9bc" providerId="ADAL" clId="{BF04C754-5BF4-4E83-9615-DB14FA25AF8A}" dt="2023-10-12T11:37:53" v="291"/>
          <ac:spMkLst>
            <pc:docMk/>
            <pc:sldMk cId="2376958513" sldId="260"/>
            <ac:spMk id="3340" creationId="{CC8488CC-DAB1-2761-237D-080C72ECA1E3}"/>
          </ac:spMkLst>
        </pc:spChg>
        <pc:spChg chg="mod">
          <ac:chgData name="White, Alex" userId="eff6cc8c-37d8-483b-9c6c-6b27e9afa9bc" providerId="ADAL" clId="{BF04C754-5BF4-4E83-9615-DB14FA25AF8A}" dt="2023-10-12T11:37:53" v="291"/>
          <ac:spMkLst>
            <pc:docMk/>
            <pc:sldMk cId="2376958513" sldId="260"/>
            <ac:spMk id="3341" creationId="{4683A4B0-B824-0FC2-D365-57F730A25119}"/>
          </ac:spMkLst>
        </pc:spChg>
        <pc:spChg chg="mod">
          <ac:chgData name="White, Alex" userId="eff6cc8c-37d8-483b-9c6c-6b27e9afa9bc" providerId="ADAL" clId="{BF04C754-5BF4-4E83-9615-DB14FA25AF8A}" dt="2023-10-12T11:37:53" v="291"/>
          <ac:spMkLst>
            <pc:docMk/>
            <pc:sldMk cId="2376958513" sldId="260"/>
            <ac:spMk id="3342" creationId="{F9B78E27-05D8-81F9-7821-CA75ACDCA162}"/>
          </ac:spMkLst>
        </pc:spChg>
        <pc:spChg chg="mod">
          <ac:chgData name="White, Alex" userId="eff6cc8c-37d8-483b-9c6c-6b27e9afa9bc" providerId="ADAL" clId="{BF04C754-5BF4-4E83-9615-DB14FA25AF8A}" dt="2023-10-12T11:37:53" v="291"/>
          <ac:spMkLst>
            <pc:docMk/>
            <pc:sldMk cId="2376958513" sldId="260"/>
            <ac:spMk id="3343" creationId="{E756D302-A24B-8542-E62D-2DB3CC46A6D6}"/>
          </ac:spMkLst>
        </pc:spChg>
        <pc:spChg chg="mod">
          <ac:chgData name="White, Alex" userId="eff6cc8c-37d8-483b-9c6c-6b27e9afa9bc" providerId="ADAL" clId="{BF04C754-5BF4-4E83-9615-DB14FA25AF8A}" dt="2023-10-12T11:37:53" v="291"/>
          <ac:spMkLst>
            <pc:docMk/>
            <pc:sldMk cId="2376958513" sldId="260"/>
            <ac:spMk id="3344" creationId="{592A529C-D528-4183-54B2-D0DCF2EB5289}"/>
          </ac:spMkLst>
        </pc:spChg>
        <pc:spChg chg="mod">
          <ac:chgData name="White, Alex" userId="eff6cc8c-37d8-483b-9c6c-6b27e9afa9bc" providerId="ADAL" clId="{BF04C754-5BF4-4E83-9615-DB14FA25AF8A}" dt="2023-10-12T11:37:53" v="291"/>
          <ac:spMkLst>
            <pc:docMk/>
            <pc:sldMk cId="2376958513" sldId="260"/>
            <ac:spMk id="3345" creationId="{2B083F09-30FE-70C9-6416-8037B5F9CD04}"/>
          </ac:spMkLst>
        </pc:spChg>
        <pc:spChg chg="mod">
          <ac:chgData name="White, Alex" userId="eff6cc8c-37d8-483b-9c6c-6b27e9afa9bc" providerId="ADAL" clId="{BF04C754-5BF4-4E83-9615-DB14FA25AF8A}" dt="2023-10-12T11:37:53" v="291"/>
          <ac:spMkLst>
            <pc:docMk/>
            <pc:sldMk cId="2376958513" sldId="260"/>
            <ac:spMk id="3346" creationId="{D69EB20A-7559-1C10-4441-17D30AABC390}"/>
          </ac:spMkLst>
        </pc:spChg>
        <pc:spChg chg="mod">
          <ac:chgData name="White, Alex" userId="eff6cc8c-37d8-483b-9c6c-6b27e9afa9bc" providerId="ADAL" clId="{BF04C754-5BF4-4E83-9615-DB14FA25AF8A}" dt="2023-10-12T11:37:53" v="291"/>
          <ac:spMkLst>
            <pc:docMk/>
            <pc:sldMk cId="2376958513" sldId="260"/>
            <ac:spMk id="3347" creationId="{70B73D37-A20A-53F8-30F2-FC492DADD587}"/>
          </ac:spMkLst>
        </pc:spChg>
        <pc:spChg chg="mod">
          <ac:chgData name="White, Alex" userId="eff6cc8c-37d8-483b-9c6c-6b27e9afa9bc" providerId="ADAL" clId="{BF04C754-5BF4-4E83-9615-DB14FA25AF8A}" dt="2023-10-12T11:37:53" v="291"/>
          <ac:spMkLst>
            <pc:docMk/>
            <pc:sldMk cId="2376958513" sldId="260"/>
            <ac:spMk id="3348" creationId="{3534926F-D3F9-3C22-C974-68A3E6A63ABA}"/>
          </ac:spMkLst>
        </pc:spChg>
        <pc:spChg chg="mod">
          <ac:chgData name="White, Alex" userId="eff6cc8c-37d8-483b-9c6c-6b27e9afa9bc" providerId="ADAL" clId="{BF04C754-5BF4-4E83-9615-DB14FA25AF8A}" dt="2023-10-12T11:37:53" v="291"/>
          <ac:spMkLst>
            <pc:docMk/>
            <pc:sldMk cId="2376958513" sldId="260"/>
            <ac:spMk id="3349" creationId="{5EA2C8D7-A2AC-FF8E-0A50-1EFF8C099A4C}"/>
          </ac:spMkLst>
        </pc:spChg>
        <pc:spChg chg="mod">
          <ac:chgData name="White, Alex" userId="eff6cc8c-37d8-483b-9c6c-6b27e9afa9bc" providerId="ADAL" clId="{BF04C754-5BF4-4E83-9615-DB14FA25AF8A}" dt="2023-10-12T11:37:53" v="291"/>
          <ac:spMkLst>
            <pc:docMk/>
            <pc:sldMk cId="2376958513" sldId="260"/>
            <ac:spMk id="3350" creationId="{A9597E78-FA55-72E9-41F4-C0DC831EF49B}"/>
          </ac:spMkLst>
        </pc:spChg>
        <pc:spChg chg="mod">
          <ac:chgData name="White, Alex" userId="eff6cc8c-37d8-483b-9c6c-6b27e9afa9bc" providerId="ADAL" clId="{BF04C754-5BF4-4E83-9615-DB14FA25AF8A}" dt="2023-10-12T11:37:53" v="291"/>
          <ac:spMkLst>
            <pc:docMk/>
            <pc:sldMk cId="2376958513" sldId="260"/>
            <ac:spMk id="3351" creationId="{34A579AC-6472-EF36-53FA-67054AF5A337}"/>
          </ac:spMkLst>
        </pc:spChg>
        <pc:spChg chg="mod">
          <ac:chgData name="White, Alex" userId="eff6cc8c-37d8-483b-9c6c-6b27e9afa9bc" providerId="ADAL" clId="{BF04C754-5BF4-4E83-9615-DB14FA25AF8A}" dt="2023-10-12T11:37:53" v="291"/>
          <ac:spMkLst>
            <pc:docMk/>
            <pc:sldMk cId="2376958513" sldId="260"/>
            <ac:spMk id="3352" creationId="{0A62B9A0-3E18-74BB-911B-1CAAEEAA7911}"/>
          </ac:spMkLst>
        </pc:spChg>
        <pc:spChg chg="mod">
          <ac:chgData name="White, Alex" userId="eff6cc8c-37d8-483b-9c6c-6b27e9afa9bc" providerId="ADAL" clId="{BF04C754-5BF4-4E83-9615-DB14FA25AF8A}" dt="2023-10-12T11:37:53" v="291"/>
          <ac:spMkLst>
            <pc:docMk/>
            <pc:sldMk cId="2376958513" sldId="260"/>
            <ac:spMk id="3353" creationId="{B686768C-32FC-026E-C06C-3372A7F3186D}"/>
          </ac:spMkLst>
        </pc:spChg>
        <pc:spChg chg="mod">
          <ac:chgData name="White, Alex" userId="eff6cc8c-37d8-483b-9c6c-6b27e9afa9bc" providerId="ADAL" clId="{BF04C754-5BF4-4E83-9615-DB14FA25AF8A}" dt="2023-10-12T11:37:53" v="291"/>
          <ac:spMkLst>
            <pc:docMk/>
            <pc:sldMk cId="2376958513" sldId="260"/>
            <ac:spMk id="3354" creationId="{1DE32422-796F-00EF-FCE6-63250A9E7F63}"/>
          </ac:spMkLst>
        </pc:spChg>
        <pc:spChg chg="mod">
          <ac:chgData name="White, Alex" userId="eff6cc8c-37d8-483b-9c6c-6b27e9afa9bc" providerId="ADAL" clId="{BF04C754-5BF4-4E83-9615-DB14FA25AF8A}" dt="2023-10-12T11:37:53" v="291"/>
          <ac:spMkLst>
            <pc:docMk/>
            <pc:sldMk cId="2376958513" sldId="260"/>
            <ac:spMk id="3355" creationId="{24E4A837-F4C1-C156-F99E-778EE0F55C64}"/>
          </ac:spMkLst>
        </pc:spChg>
        <pc:spChg chg="mod">
          <ac:chgData name="White, Alex" userId="eff6cc8c-37d8-483b-9c6c-6b27e9afa9bc" providerId="ADAL" clId="{BF04C754-5BF4-4E83-9615-DB14FA25AF8A}" dt="2023-10-12T11:37:53" v="291"/>
          <ac:spMkLst>
            <pc:docMk/>
            <pc:sldMk cId="2376958513" sldId="260"/>
            <ac:spMk id="3356" creationId="{72538ABD-BE49-1D05-DD00-F2FB28DCC6CB}"/>
          </ac:spMkLst>
        </pc:spChg>
        <pc:spChg chg="mod">
          <ac:chgData name="White, Alex" userId="eff6cc8c-37d8-483b-9c6c-6b27e9afa9bc" providerId="ADAL" clId="{BF04C754-5BF4-4E83-9615-DB14FA25AF8A}" dt="2023-10-12T11:37:53" v="291"/>
          <ac:spMkLst>
            <pc:docMk/>
            <pc:sldMk cId="2376958513" sldId="260"/>
            <ac:spMk id="3357" creationId="{7988D30B-F6DF-9D6E-8AD9-144C42505502}"/>
          </ac:spMkLst>
        </pc:spChg>
        <pc:spChg chg="mod">
          <ac:chgData name="White, Alex" userId="eff6cc8c-37d8-483b-9c6c-6b27e9afa9bc" providerId="ADAL" clId="{BF04C754-5BF4-4E83-9615-DB14FA25AF8A}" dt="2023-10-12T11:37:53" v="291"/>
          <ac:spMkLst>
            <pc:docMk/>
            <pc:sldMk cId="2376958513" sldId="260"/>
            <ac:spMk id="3358" creationId="{BF26226D-1C51-C6B2-B55D-449E7C508368}"/>
          </ac:spMkLst>
        </pc:spChg>
        <pc:spChg chg="mod">
          <ac:chgData name="White, Alex" userId="eff6cc8c-37d8-483b-9c6c-6b27e9afa9bc" providerId="ADAL" clId="{BF04C754-5BF4-4E83-9615-DB14FA25AF8A}" dt="2023-10-12T11:37:53" v="291"/>
          <ac:spMkLst>
            <pc:docMk/>
            <pc:sldMk cId="2376958513" sldId="260"/>
            <ac:spMk id="3359" creationId="{C6AC86E7-3D30-E861-976F-5B05A9E053C0}"/>
          </ac:spMkLst>
        </pc:spChg>
        <pc:spChg chg="mod">
          <ac:chgData name="White, Alex" userId="eff6cc8c-37d8-483b-9c6c-6b27e9afa9bc" providerId="ADAL" clId="{BF04C754-5BF4-4E83-9615-DB14FA25AF8A}" dt="2023-10-12T11:37:53" v="291"/>
          <ac:spMkLst>
            <pc:docMk/>
            <pc:sldMk cId="2376958513" sldId="260"/>
            <ac:spMk id="3360" creationId="{264EB625-2610-043A-4C6C-17CB348271BB}"/>
          </ac:spMkLst>
        </pc:spChg>
        <pc:spChg chg="mod">
          <ac:chgData name="White, Alex" userId="eff6cc8c-37d8-483b-9c6c-6b27e9afa9bc" providerId="ADAL" clId="{BF04C754-5BF4-4E83-9615-DB14FA25AF8A}" dt="2023-10-12T11:37:53" v="291"/>
          <ac:spMkLst>
            <pc:docMk/>
            <pc:sldMk cId="2376958513" sldId="260"/>
            <ac:spMk id="3361" creationId="{54B6F0ED-9D98-7DEE-2393-A2BEFFCCFE5F}"/>
          </ac:spMkLst>
        </pc:spChg>
        <pc:spChg chg="mod">
          <ac:chgData name="White, Alex" userId="eff6cc8c-37d8-483b-9c6c-6b27e9afa9bc" providerId="ADAL" clId="{BF04C754-5BF4-4E83-9615-DB14FA25AF8A}" dt="2023-10-12T11:37:53" v="291"/>
          <ac:spMkLst>
            <pc:docMk/>
            <pc:sldMk cId="2376958513" sldId="260"/>
            <ac:spMk id="3362" creationId="{7BE81BE6-7ABA-B2F0-46F5-17CF0EC9E2E0}"/>
          </ac:spMkLst>
        </pc:spChg>
        <pc:spChg chg="mod">
          <ac:chgData name="White, Alex" userId="eff6cc8c-37d8-483b-9c6c-6b27e9afa9bc" providerId="ADAL" clId="{BF04C754-5BF4-4E83-9615-DB14FA25AF8A}" dt="2023-10-12T11:37:53" v="291"/>
          <ac:spMkLst>
            <pc:docMk/>
            <pc:sldMk cId="2376958513" sldId="260"/>
            <ac:spMk id="3363" creationId="{3E12ACF5-7B76-01AC-CDAC-39C051C6F90F}"/>
          </ac:spMkLst>
        </pc:spChg>
        <pc:spChg chg="mod">
          <ac:chgData name="White, Alex" userId="eff6cc8c-37d8-483b-9c6c-6b27e9afa9bc" providerId="ADAL" clId="{BF04C754-5BF4-4E83-9615-DB14FA25AF8A}" dt="2023-10-12T11:37:53" v="291"/>
          <ac:spMkLst>
            <pc:docMk/>
            <pc:sldMk cId="2376958513" sldId="260"/>
            <ac:spMk id="3364" creationId="{B0D43EB3-57E5-D20B-F5B9-47D9E3891F9C}"/>
          </ac:spMkLst>
        </pc:spChg>
        <pc:spChg chg="mod">
          <ac:chgData name="White, Alex" userId="eff6cc8c-37d8-483b-9c6c-6b27e9afa9bc" providerId="ADAL" clId="{BF04C754-5BF4-4E83-9615-DB14FA25AF8A}" dt="2023-10-12T11:37:53" v="291"/>
          <ac:spMkLst>
            <pc:docMk/>
            <pc:sldMk cId="2376958513" sldId="260"/>
            <ac:spMk id="3365" creationId="{0DD145F5-8564-0486-FB47-6951F13345AA}"/>
          </ac:spMkLst>
        </pc:spChg>
        <pc:spChg chg="mod">
          <ac:chgData name="White, Alex" userId="eff6cc8c-37d8-483b-9c6c-6b27e9afa9bc" providerId="ADAL" clId="{BF04C754-5BF4-4E83-9615-DB14FA25AF8A}" dt="2023-10-12T11:37:53" v="291"/>
          <ac:spMkLst>
            <pc:docMk/>
            <pc:sldMk cId="2376958513" sldId="260"/>
            <ac:spMk id="3366" creationId="{C83EEAB6-45BF-3C0A-C301-2842E52A7201}"/>
          </ac:spMkLst>
        </pc:spChg>
        <pc:spChg chg="mod">
          <ac:chgData name="White, Alex" userId="eff6cc8c-37d8-483b-9c6c-6b27e9afa9bc" providerId="ADAL" clId="{BF04C754-5BF4-4E83-9615-DB14FA25AF8A}" dt="2023-10-12T11:37:53" v="291"/>
          <ac:spMkLst>
            <pc:docMk/>
            <pc:sldMk cId="2376958513" sldId="260"/>
            <ac:spMk id="3367" creationId="{09C26A66-A764-D8A4-D493-DF42F4698D11}"/>
          </ac:spMkLst>
        </pc:spChg>
        <pc:spChg chg="mod">
          <ac:chgData name="White, Alex" userId="eff6cc8c-37d8-483b-9c6c-6b27e9afa9bc" providerId="ADAL" clId="{BF04C754-5BF4-4E83-9615-DB14FA25AF8A}" dt="2023-10-12T11:37:53" v="291"/>
          <ac:spMkLst>
            <pc:docMk/>
            <pc:sldMk cId="2376958513" sldId="260"/>
            <ac:spMk id="3368" creationId="{AC581FA4-0C3B-5867-FA68-9F58F7A78945}"/>
          </ac:spMkLst>
        </pc:spChg>
        <pc:spChg chg="mod">
          <ac:chgData name="White, Alex" userId="eff6cc8c-37d8-483b-9c6c-6b27e9afa9bc" providerId="ADAL" clId="{BF04C754-5BF4-4E83-9615-DB14FA25AF8A}" dt="2023-10-12T11:37:53" v="291"/>
          <ac:spMkLst>
            <pc:docMk/>
            <pc:sldMk cId="2376958513" sldId="260"/>
            <ac:spMk id="3369" creationId="{A6ADDEC2-2957-492A-C576-0176E70F707B}"/>
          </ac:spMkLst>
        </pc:spChg>
        <pc:spChg chg="mod">
          <ac:chgData name="White, Alex" userId="eff6cc8c-37d8-483b-9c6c-6b27e9afa9bc" providerId="ADAL" clId="{BF04C754-5BF4-4E83-9615-DB14FA25AF8A}" dt="2023-10-12T11:37:53" v="291"/>
          <ac:spMkLst>
            <pc:docMk/>
            <pc:sldMk cId="2376958513" sldId="260"/>
            <ac:spMk id="3370" creationId="{F492D5CC-FFBE-D88E-0715-7B545EF4E117}"/>
          </ac:spMkLst>
        </pc:spChg>
        <pc:spChg chg="mod">
          <ac:chgData name="White, Alex" userId="eff6cc8c-37d8-483b-9c6c-6b27e9afa9bc" providerId="ADAL" clId="{BF04C754-5BF4-4E83-9615-DB14FA25AF8A}" dt="2023-10-12T11:37:53" v="291"/>
          <ac:spMkLst>
            <pc:docMk/>
            <pc:sldMk cId="2376958513" sldId="260"/>
            <ac:spMk id="3371" creationId="{38EFE112-6F08-FCBE-47BA-60D4B4D3DC6A}"/>
          </ac:spMkLst>
        </pc:spChg>
        <pc:spChg chg="mod">
          <ac:chgData name="White, Alex" userId="eff6cc8c-37d8-483b-9c6c-6b27e9afa9bc" providerId="ADAL" clId="{BF04C754-5BF4-4E83-9615-DB14FA25AF8A}" dt="2023-10-12T11:37:53" v="291"/>
          <ac:spMkLst>
            <pc:docMk/>
            <pc:sldMk cId="2376958513" sldId="260"/>
            <ac:spMk id="3372" creationId="{FB1A1DA9-AC97-896F-75A4-40766740B421}"/>
          </ac:spMkLst>
        </pc:spChg>
        <pc:spChg chg="mod">
          <ac:chgData name="White, Alex" userId="eff6cc8c-37d8-483b-9c6c-6b27e9afa9bc" providerId="ADAL" clId="{BF04C754-5BF4-4E83-9615-DB14FA25AF8A}" dt="2023-10-12T11:37:53" v="291"/>
          <ac:spMkLst>
            <pc:docMk/>
            <pc:sldMk cId="2376958513" sldId="260"/>
            <ac:spMk id="3373" creationId="{34EFD834-57EF-52EF-6477-CFF39D1D2C60}"/>
          </ac:spMkLst>
        </pc:spChg>
        <pc:spChg chg="mod">
          <ac:chgData name="White, Alex" userId="eff6cc8c-37d8-483b-9c6c-6b27e9afa9bc" providerId="ADAL" clId="{BF04C754-5BF4-4E83-9615-DB14FA25AF8A}" dt="2023-10-12T11:37:53" v="291"/>
          <ac:spMkLst>
            <pc:docMk/>
            <pc:sldMk cId="2376958513" sldId="260"/>
            <ac:spMk id="3374" creationId="{6FBAC28B-AB94-03BC-0E41-3775147C8304}"/>
          </ac:spMkLst>
        </pc:spChg>
        <pc:spChg chg="mod">
          <ac:chgData name="White, Alex" userId="eff6cc8c-37d8-483b-9c6c-6b27e9afa9bc" providerId="ADAL" clId="{BF04C754-5BF4-4E83-9615-DB14FA25AF8A}" dt="2023-10-12T11:37:53" v="291"/>
          <ac:spMkLst>
            <pc:docMk/>
            <pc:sldMk cId="2376958513" sldId="260"/>
            <ac:spMk id="3375" creationId="{E0422BF2-576E-B9DC-C059-30569C82F3C8}"/>
          </ac:spMkLst>
        </pc:spChg>
        <pc:spChg chg="mod">
          <ac:chgData name="White, Alex" userId="eff6cc8c-37d8-483b-9c6c-6b27e9afa9bc" providerId="ADAL" clId="{BF04C754-5BF4-4E83-9615-DB14FA25AF8A}" dt="2023-10-12T11:37:53" v="291"/>
          <ac:spMkLst>
            <pc:docMk/>
            <pc:sldMk cId="2376958513" sldId="260"/>
            <ac:spMk id="3376" creationId="{E73DD86E-8AA2-C424-445B-FE1410FA13D4}"/>
          </ac:spMkLst>
        </pc:spChg>
        <pc:spChg chg="mod">
          <ac:chgData name="White, Alex" userId="eff6cc8c-37d8-483b-9c6c-6b27e9afa9bc" providerId="ADAL" clId="{BF04C754-5BF4-4E83-9615-DB14FA25AF8A}" dt="2023-10-12T11:37:53" v="291"/>
          <ac:spMkLst>
            <pc:docMk/>
            <pc:sldMk cId="2376958513" sldId="260"/>
            <ac:spMk id="3377" creationId="{F99FBD72-DC6F-A3C7-762B-483CEE145B60}"/>
          </ac:spMkLst>
        </pc:spChg>
        <pc:spChg chg="mod">
          <ac:chgData name="White, Alex" userId="eff6cc8c-37d8-483b-9c6c-6b27e9afa9bc" providerId="ADAL" clId="{BF04C754-5BF4-4E83-9615-DB14FA25AF8A}" dt="2023-10-12T11:37:53" v="291"/>
          <ac:spMkLst>
            <pc:docMk/>
            <pc:sldMk cId="2376958513" sldId="260"/>
            <ac:spMk id="3378" creationId="{FE368962-14B2-5532-C31F-15E612F4D53C}"/>
          </ac:spMkLst>
        </pc:spChg>
        <pc:spChg chg="mod">
          <ac:chgData name="White, Alex" userId="eff6cc8c-37d8-483b-9c6c-6b27e9afa9bc" providerId="ADAL" clId="{BF04C754-5BF4-4E83-9615-DB14FA25AF8A}" dt="2023-10-12T11:37:53" v="291"/>
          <ac:spMkLst>
            <pc:docMk/>
            <pc:sldMk cId="2376958513" sldId="260"/>
            <ac:spMk id="3379" creationId="{A12B94FE-BEE2-929B-0587-4D8EA77A2921}"/>
          </ac:spMkLst>
        </pc:spChg>
        <pc:spChg chg="mod">
          <ac:chgData name="White, Alex" userId="eff6cc8c-37d8-483b-9c6c-6b27e9afa9bc" providerId="ADAL" clId="{BF04C754-5BF4-4E83-9615-DB14FA25AF8A}" dt="2023-10-12T11:37:53" v="291"/>
          <ac:spMkLst>
            <pc:docMk/>
            <pc:sldMk cId="2376958513" sldId="260"/>
            <ac:spMk id="3380" creationId="{4AC7B56F-C470-0EA3-AFC2-9B7D07225D81}"/>
          </ac:spMkLst>
        </pc:spChg>
        <pc:spChg chg="mod">
          <ac:chgData name="White, Alex" userId="eff6cc8c-37d8-483b-9c6c-6b27e9afa9bc" providerId="ADAL" clId="{BF04C754-5BF4-4E83-9615-DB14FA25AF8A}" dt="2023-10-12T11:37:53" v="291"/>
          <ac:spMkLst>
            <pc:docMk/>
            <pc:sldMk cId="2376958513" sldId="260"/>
            <ac:spMk id="3381" creationId="{6F7F3484-B77D-03F7-39D1-B1C013F707C5}"/>
          </ac:spMkLst>
        </pc:spChg>
        <pc:spChg chg="mod">
          <ac:chgData name="White, Alex" userId="eff6cc8c-37d8-483b-9c6c-6b27e9afa9bc" providerId="ADAL" clId="{BF04C754-5BF4-4E83-9615-DB14FA25AF8A}" dt="2023-10-12T11:37:53" v="291"/>
          <ac:spMkLst>
            <pc:docMk/>
            <pc:sldMk cId="2376958513" sldId="260"/>
            <ac:spMk id="3382" creationId="{D60753CE-278F-CE88-0B2F-6A96106D6076}"/>
          </ac:spMkLst>
        </pc:spChg>
        <pc:spChg chg="mod">
          <ac:chgData name="White, Alex" userId="eff6cc8c-37d8-483b-9c6c-6b27e9afa9bc" providerId="ADAL" clId="{BF04C754-5BF4-4E83-9615-DB14FA25AF8A}" dt="2023-10-12T11:37:53" v="291"/>
          <ac:spMkLst>
            <pc:docMk/>
            <pc:sldMk cId="2376958513" sldId="260"/>
            <ac:spMk id="3383" creationId="{D30AF6E6-FEC4-FE93-6CB6-483B1F4DCBCC}"/>
          </ac:spMkLst>
        </pc:spChg>
        <pc:spChg chg="mod">
          <ac:chgData name="White, Alex" userId="eff6cc8c-37d8-483b-9c6c-6b27e9afa9bc" providerId="ADAL" clId="{BF04C754-5BF4-4E83-9615-DB14FA25AF8A}" dt="2023-10-12T11:37:53" v="291"/>
          <ac:spMkLst>
            <pc:docMk/>
            <pc:sldMk cId="2376958513" sldId="260"/>
            <ac:spMk id="3384" creationId="{E31D9F5A-2DF0-3679-3C89-87635CBA89F4}"/>
          </ac:spMkLst>
        </pc:spChg>
        <pc:spChg chg="mod">
          <ac:chgData name="White, Alex" userId="eff6cc8c-37d8-483b-9c6c-6b27e9afa9bc" providerId="ADAL" clId="{BF04C754-5BF4-4E83-9615-DB14FA25AF8A}" dt="2023-10-12T11:37:53" v="291"/>
          <ac:spMkLst>
            <pc:docMk/>
            <pc:sldMk cId="2376958513" sldId="260"/>
            <ac:spMk id="3385" creationId="{0B770120-DC87-1ADF-B99C-8B43DC6B7367}"/>
          </ac:spMkLst>
        </pc:spChg>
        <pc:spChg chg="mod">
          <ac:chgData name="White, Alex" userId="eff6cc8c-37d8-483b-9c6c-6b27e9afa9bc" providerId="ADAL" clId="{BF04C754-5BF4-4E83-9615-DB14FA25AF8A}" dt="2023-10-12T11:37:53" v="291"/>
          <ac:spMkLst>
            <pc:docMk/>
            <pc:sldMk cId="2376958513" sldId="260"/>
            <ac:spMk id="3386" creationId="{A23E4BF6-44CD-F294-AAE8-57B5F058DCE9}"/>
          </ac:spMkLst>
        </pc:spChg>
        <pc:spChg chg="mod">
          <ac:chgData name="White, Alex" userId="eff6cc8c-37d8-483b-9c6c-6b27e9afa9bc" providerId="ADAL" clId="{BF04C754-5BF4-4E83-9615-DB14FA25AF8A}" dt="2023-10-12T11:37:53" v="291"/>
          <ac:spMkLst>
            <pc:docMk/>
            <pc:sldMk cId="2376958513" sldId="260"/>
            <ac:spMk id="3387" creationId="{D2A96D96-B315-5EE6-48F8-DFA82610E210}"/>
          </ac:spMkLst>
        </pc:spChg>
        <pc:spChg chg="mod">
          <ac:chgData name="White, Alex" userId="eff6cc8c-37d8-483b-9c6c-6b27e9afa9bc" providerId="ADAL" clId="{BF04C754-5BF4-4E83-9615-DB14FA25AF8A}" dt="2023-10-12T11:37:53" v="291"/>
          <ac:spMkLst>
            <pc:docMk/>
            <pc:sldMk cId="2376958513" sldId="260"/>
            <ac:spMk id="3388" creationId="{1C315876-7152-B552-1E84-D8487FE1A9B6}"/>
          </ac:spMkLst>
        </pc:spChg>
        <pc:spChg chg="mod">
          <ac:chgData name="White, Alex" userId="eff6cc8c-37d8-483b-9c6c-6b27e9afa9bc" providerId="ADAL" clId="{BF04C754-5BF4-4E83-9615-DB14FA25AF8A}" dt="2023-10-12T11:37:53" v="291"/>
          <ac:spMkLst>
            <pc:docMk/>
            <pc:sldMk cId="2376958513" sldId="260"/>
            <ac:spMk id="3389" creationId="{30C7A444-CCF1-5D5B-E9F2-2848EA906BD3}"/>
          </ac:spMkLst>
        </pc:spChg>
        <pc:spChg chg="mod">
          <ac:chgData name="White, Alex" userId="eff6cc8c-37d8-483b-9c6c-6b27e9afa9bc" providerId="ADAL" clId="{BF04C754-5BF4-4E83-9615-DB14FA25AF8A}" dt="2023-10-12T11:37:53" v="291"/>
          <ac:spMkLst>
            <pc:docMk/>
            <pc:sldMk cId="2376958513" sldId="260"/>
            <ac:spMk id="3390" creationId="{75B91682-E165-2896-EB1B-FFE8CF3C8D63}"/>
          </ac:spMkLst>
        </pc:spChg>
        <pc:spChg chg="mod">
          <ac:chgData name="White, Alex" userId="eff6cc8c-37d8-483b-9c6c-6b27e9afa9bc" providerId="ADAL" clId="{BF04C754-5BF4-4E83-9615-DB14FA25AF8A}" dt="2023-10-12T11:37:53" v="291"/>
          <ac:spMkLst>
            <pc:docMk/>
            <pc:sldMk cId="2376958513" sldId="260"/>
            <ac:spMk id="3391" creationId="{8C23BC10-621A-69C3-3200-8364FE13C3CA}"/>
          </ac:spMkLst>
        </pc:spChg>
        <pc:spChg chg="mod">
          <ac:chgData name="White, Alex" userId="eff6cc8c-37d8-483b-9c6c-6b27e9afa9bc" providerId="ADAL" clId="{BF04C754-5BF4-4E83-9615-DB14FA25AF8A}" dt="2023-10-12T11:37:53" v="291"/>
          <ac:spMkLst>
            <pc:docMk/>
            <pc:sldMk cId="2376958513" sldId="260"/>
            <ac:spMk id="3392" creationId="{D9E80A60-2943-5221-1381-2487F1A6EF33}"/>
          </ac:spMkLst>
        </pc:spChg>
        <pc:spChg chg="mod">
          <ac:chgData name="White, Alex" userId="eff6cc8c-37d8-483b-9c6c-6b27e9afa9bc" providerId="ADAL" clId="{BF04C754-5BF4-4E83-9615-DB14FA25AF8A}" dt="2023-10-12T11:37:53" v="291"/>
          <ac:spMkLst>
            <pc:docMk/>
            <pc:sldMk cId="2376958513" sldId="260"/>
            <ac:spMk id="3393" creationId="{F6144919-1C48-CBAB-FDF8-92E5FCC65FE7}"/>
          </ac:spMkLst>
        </pc:spChg>
        <pc:spChg chg="mod">
          <ac:chgData name="White, Alex" userId="eff6cc8c-37d8-483b-9c6c-6b27e9afa9bc" providerId="ADAL" clId="{BF04C754-5BF4-4E83-9615-DB14FA25AF8A}" dt="2023-10-12T11:37:53" v="291"/>
          <ac:spMkLst>
            <pc:docMk/>
            <pc:sldMk cId="2376958513" sldId="260"/>
            <ac:spMk id="3394" creationId="{70C27C57-38AB-62E4-6F32-87FAA6A4680F}"/>
          </ac:spMkLst>
        </pc:spChg>
        <pc:spChg chg="mod">
          <ac:chgData name="White, Alex" userId="eff6cc8c-37d8-483b-9c6c-6b27e9afa9bc" providerId="ADAL" clId="{BF04C754-5BF4-4E83-9615-DB14FA25AF8A}" dt="2023-10-12T11:37:53" v="291"/>
          <ac:spMkLst>
            <pc:docMk/>
            <pc:sldMk cId="2376958513" sldId="260"/>
            <ac:spMk id="3395" creationId="{363A994D-03B4-D53A-DD6E-88A33C2369F3}"/>
          </ac:spMkLst>
        </pc:spChg>
        <pc:spChg chg="mod">
          <ac:chgData name="White, Alex" userId="eff6cc8c-37d8-483b-9c6c-6b27e9afa9bc" providerId="ADAL" clId="{BF04C754-5BF4-4E83-9615-DB14FA25AF8A}" dt="2023-10-12T11:37:53" v="291"/>
          <ac:spMkLst>
            <pc:docMk/>
            <pc:sldMk cId="2376958513" sldId="260"/>
            <ac:spMk id="3396" creationId="{F11E515C-EEE1-FBB3-26CD-9706ED28636C}"/>
          </ac:spMkLst>
        </pc:spChg>
        <pc:spChg chg="mod">
          <ac:chgData name="White, Alex" userId="eff6cc8c-37d8-483b-9c6c-6b27e9afa9bc" providerId="ADAL" clId="{BF04C754-5BF4-4E83-9615-DB14FA25AF8A}" dt="2023-10-12T11:37:53" v="291"/>
          <ac:spMkLst>
            <pc:docMk/>
            <pc:sldMk cId="2376958513" sldId="260"/>
            <ac:spMk id="3397" creationId="{7C67AF84-D2F3-C637-82F5-DFBD85BE7F29}"/>
          </ac:spMkLst>
        </pc:spChg>
        <pc:spChg chg="mod">
          <ac:chgData name="White, Alex" userId="eff6cc8c-37d8-483b-9c6c-6b27e9afa9bc" providerId="ADAL" clId="{BF04C754-5BF4-4E83-9615-DB14FA25AF8A}" dt="2023-10-12T11:37:53" v="291"/>
          <ac:spMkLst>
            <pc:docMk/>
            <pc:sldMk cId="2376958513" sldId="260"/>
            <ac:spMk id="3398" creationId="{9CE6E143-6C60-AE22-C777-B89B0C9DEA53}"/>
          </ac:spMkLst>
        </pc:spChg>
        <pc:spChg chg="mod">
          <ac:chgData name="White, Alex" userId="eff6cc8c-37d8-483b-9c6c-6b27e9afa9bc" providerId="ADAL" clId="{BF04C754-5BF4-4E83-9615-DB14FA25AF8A}" dt="2023-10-12T11:37:53" v="291"/>
          <ac:spMkLst>
            <pc:docMk/>
            <pc:sldMk cId="2376958513" sldId="260"/>
            <ac:spMk id="3399" creationId="{4ED84B3A-8B4C-8E85-DB89-7740D7FDCD8B}"/>
          </ac:spMkLst>
        </pc:spChg>
        <pc:spChg chg="mod">
          <ac:chgData name="White, Alex" userId="eff6cc8c-37d8-483b-9c6c-6b27e9afa9bc" providerId="ADAL" clId="{BF04C754-5BF4-4E83-9615-DB14FA25AF8A}" dt="2023-10-12T11:37:53" v="291"/>
          <ac:spMkLst>
            <pc:docMk/>
            <pc:sldMk cId="2376958513" sldId="260"/>
            <ac:spMk id="3400" creationId="{FD037623-921D-ACE2-36AA-A9E41C920008}"/>
          </ac:spMkLst>
        </pc:spChg>
        <pc:spChg chg="mod">
          <ac:chgData name="White, Alex" userId="eff6cc8c-37d8-483b-9c6c-6b27e9afa9bc" providerId="ADAL" clId="{BF04C754-5BF4-4E83-9615-DB14FA25AF8A}" dt="2023-10-12T11:37:53" v="291"/>
          <ac:spMkLst>
            <pc:docMk/>
            <pc:sldMk cId="2376958513" sldId="260"/>
            <ac:spMk id="3401" creationId="{C34A3266-E657-C19C-2A1D-1583C3F836AA}"/>
          </ac:spMkLst>
        </pc:spChg>
        <pc:spChg chg="mod">
          <ac:chgData name="White, Alex" userId="eff6cc8c-37d8-483b-9c6c-6b27e9afa9bc" providerId="ADAL" clId="{BF04C754-5BF4-4E83-9615-DB14FA25AF8A}" dt="2023-10-12T11:37:53" v="291"/>
          <ac:spMkLst>
            <pc:docMk/>
            <pc:sldMk cId="2376958513" sldId="260"/>
            <ac:spMk id="3402" creationId="{C787141D-3912-DC1B-DDAF-1A9B9DAF673F}"/>
          </ac:spMkLst>
        </pc:spChg>
        <pc:spChg chg="mod">
          <ac:chgData name="White, Alex" userId="eff6cc8c-37d8-483b-9c6c-6b27e9afa9bc" providerId="ADAL" clId="{BF04C754-5BF4-4E83-9615-DB14FA25AF8A}" dt="2023-10-12T11:37:53" v="291"/>
          <ac:spMkLst>
            <pc:docMk/>
            <pc:sldMk cId="2376958513" sldId="260"/>
            <ac:spMk id="3403" creationId="{966206CF-AFF1-6C3E-8016-AB12893261B2}"/>
          </ac:spMkLst>
        </pc:spChg>
        <pc:spChg chg="mod">
          <ac:chgData name="White, Alex" userId="eff6cc8c-37d8-483b-9c6c-6b27e9afa9bc" providerId="ADAL" clId="{BF04C754-5BF4-4E83-9615-DB14FA25AF8A}" dt="2023-10-12T11:37:53" v="291"/>
          <ac:spMkLst>
            <pc:docMk/>
            <pc:sldMk cId="2376958513" sldId="260"/>
            <ac:spMk id="3404" creationId="{DF8DDFF3-CE42-7962-7526-CF5AC152878F}"/>
          </ac:spMkLst>
        </pc:spChg>
        <pc:spChg chg="mod">
          <ac:chgData name="White, Alex" userId="eff6cc8c-37d8-483b-9c6c-6b27e9afa9bc" providerId="ADAL" clId="{BF04C754-5BF4-4E83-9615-DB14FA25AF8A}" dt="2023-10-12T11:37:53" v="291"/>
          <ac:spMkLst>
            <pc:docMk/>
            <pc:sldMk cId="2376958513" sldId="260"/>
            <ac:spMk id="3405" creationId="{7B9C11DC-1F42-1A17-2976-22182FD8EB01}"/>
          </ac:spMkLst>
        </pc:spChg>
        <pc:spChg chg="mod">
          <ac:chgData name="White, Alex" userId="eff6cc8c-37d8-483b-9c6c-6b27e9afa9bc" providerId="ADAL" clId="{BF04C754-5BF4-4E83-9615-DB14FA25AF8A}" dt="2023-10-12T11:37:53" v="291"/>
          <ac:spMkLst>
            <pc:docMk/>
            <pc:sldMk cId="2376958513" sldId="260"/>
            <ac:spMk id="3406" creationId="{519627E5-CCDF-C11B-C952-B1CFF2FF1FD0}"/>
          </ac:spMkLst>
        </pc:spChg>
        <pc:spChg chg="mod">
          <ac:chgData name="White, Alex" userId="eff6cc8c-37d8-483b-9c6c-6b27e9afa9bc" providerId="ADAL" clId="{BF04C754-5BF4-4E83-9615-DB14FA25AF8A}" dt="2023-10-12T11:37:53" v="291"/>
          <ac:spMkLst>
            <pc:docMk/>
            <pc:sldMk cId="2376958513" sldId="260"/>
            <ac:spMk id="3407" creationId="{BA2CD0C7-3014-46FF-508C-84DB3046E02E}"/>
          </ac:spMkLst>
        </pc:spChg>
        <pc:spChg chg="mod">
          <ac:chgData name="White, Alex" userId="eff6cc8c-37d8-483b-9c6c-6b27e9afa9bc" providerId="ADAL" clId="{BF04C754-5BF4-4E83-9615-DB14FA25AF8A}" dt="2023-10-12T11:37:53" v="291"/>
          <ac:spMkLst>
            <pc:docMk/>
            <pc:sldMk cId="2376958513" sldId="260"/>
            <ac:spMk id="3408" creationId="{E6858A13-2C6E-188F-CF6A-428552BE6A9A}"/>
          </ac:spMkLst>
        </pc:spChg>
        <pc:spChg chg="mod">
          <ac:chgData name="White, Alex" userId="eff6cc8c-37d8-483b-9c6c-6b27e9afa9bc" providerId="ADAL" clId="{BF04C754-5BF4-4E83-9615-DB14FA25AF8A}" dt="2023-10-12T11:37:53" v="291"/>
          <ac:spMkLst>
            <pc:docMk/>
            <pc:sldMk cId="2376958513" sldId="260"/>
            <ac:spMk id="3409" creationId="{70ED7E53-6F72-0F4B-9182-841CBD50FF9B}"/>
          </ac:spMkLst>
        </pc:spChg>
        <pc:spChg chg="mod">
          <ac:chgData name="White, Alex" userId="eff6cc8c-37d8-483b-9c6c-6b27e9afa9bc" providerId="ADAL" clId="{BF04C754-5BF4-4E83-9615-DB14FA25AF8A}" dt="2023-10-12T11:37:53" v="291"/>
          <ac:spMkLst>
            <pc:docMk/>
            <pc:sldMk cId="2376958513" sldId="260"/>
            <ac:spMk id="3410" creationId="{B3E21FE9-BB2F-FDB3-94E2-E408D0FB9CD8}"/>
          </ac:spMkLst>
        </pc:spChg>
        <pc:spChg chg="mod">
          <ac:chgData name="White, Alex" userId="eff6cc8c-37d8-483b-9c6c-6b27e9afa9bc" providerId="ADAL" clId="{BF04C754-5BF4-4E83-9615-DB14FA25AF8A}" dt="2023-10-12T11:37:53" v="291"/>
          <ac:spMkLst>
            <pc:docMk/>
            <pc:sldMk cId="2376958513" sldId="260"/>
            <ac:spMk id="3411" creationId="{CE50D8AB-2F39-E4F7-DFE3-F5BDC7464A28}"/>
          </ac:spMkLst>
        </pc:spChg>
        <pc:spChg chg="mod">
          <ac:chgData name="White, Alex" userId="eff6cc8c-37d8-483b-9c6c-6b27e9afa9bc" providerId="ADAL" clId="{BF04C754-5BF4-4E83-9615-DB14FA25AF8A}" dt="2023-10-12T11:37:53" v="291"/>
          <ac:spMkLst>
            <pc:docMk/>
            <pc:sldMk cId="2376958513" sldId="260"/>
            <ac:spMk id="3412" creationId="{36020FF5-F9C9-D703-13F8-29D9C44FBBAD}"/>
          </ac:spMkLst>
        </pc:spChg>
        <pc:spChg chg="mod">
          <ac:chgData name="White, Alex" userId="eff6cc8c-37d8-483b-9c6c-6b27e9afa9bc" providerId="ADAL" clId="{BF04C754-5BF4-4E83-9615-DB14FA25AF8A}" dt="2023-10-12T11:37:53" v="291"/>
          <ac:spMkLst>
            <pc:docMk/>
            <pc:sldMk cId="2376958513" sldId="260"/>
            <ac:spMk id="3413" creationId="{0E004863-00F2-1DB4-D09E-FECE49D2B04B}"/>
          </ac:spMkLst>
        </pc:spChg>
        <pc:spChg chg="mod">
          <ac:chgData name="White, Alex" userId="eff6cc8c-37d8-483b-9c6c-6b27e9afa9bc" providerId="ADAL" clId="{BF04C754-5BF4-4E83-9615-DB14FA25AF8A}" dt="2023-10-12T11:37:53" v="291"/>
          <ac:spMkLst>
            <pc:docMk/>
            <pc:sldMk cId="2376958513" sldId="260"/>
            <ac:spMk id="3414" creationId="{51DC633F-F1B3-E7F1-30CB-BEBF4607A0D0}"/>
          </ac:spMkLst>
        </pc:spChg>
        <pc:spChg chg="mod">
          <ac:chgData name="White, Alex" userId="eff6cc8c-37d8-483b-9c6c-6b27e9afa9bc" providerId="ADAL" clId="{BF04C754-5BF4-4E83-9615-DB14FA25AF8A}" dt="2023-10-12T11:37:53" v="291"/>
          <ac:spMkLst>
            <pc:docMk/>
            <pc:sldMk cId="2376958513" sldId="260"/>
            <ac:spMk id="3415" creationId="{36C3E063-18A6-AF13-9222-937A2C0FAA81}"/>
          </ac:spMkLst>
        </pc:spChg>
        <pc:spChg chg="mod">
          <ac:chgData name="White, Alex" userId="eff6cc8c-37d8-483b-9c6c-6b27e9afa9bc" providerId="ADAL" clId="{BF04C754-5BF4-4E83-9615-DB14FA25AF8A}" dt="2023-10-12T11:37:53" v="291"/>
          <ac:spMkLst>
            <pc:docMk/>
            <pc:sldMk cId="2376958513" sldId="260"/>
            <ac:spMk id="3416" creationId="{3EE3064F-073C-D78B-A003-6E072756B43E}"/>
          </ac:spMkLst>
        </pc:spChg>
        <pc:spChg chg="mod">
          <ac:chgData name="White, Alex" userId="eff6cc8c-37d8-483b-9c6c-6b27e9afa9bc" providerId="ADAL" clId="{BF04C754-5BF4-4E83-9615-DB14FA25AF8A}" dt="2023-10-12T11:37:53" v="291"/>
          <ac:spMkLst>
            <pc:docMk/>
            <pc:sldMk cId="2376958513" sldId="260"/>
            <ac:spMk id="3417" creationId="{7D39EE07-8ABD-DA1E-58F4-90745018D29C}"/>
          </ac:spMkLst>
        </pc:spChg>
        <pc:spChg chg="mod">
          <ac:chgData name="White, Alex" userId="eff6cc8c-37d8-483b-9c6c-6b27e9afa9bc" providerId="ADAL" clId="{BF04C754-5BF4-4E83-9615-DB14FA25AF8A}" dt="2023-10-12T11:37:53" v="291"/>
          <ac:spMkLst>
            <pc:docMk/>
            <pc:sldMk cId="2376958513" sldId="260"/>
            <ac:spMk id="3418" creationId="{A72EC589-A19B-1905-55FD-6196BB6F5B72}"/>
          </ac:spMkLst>
        </pc:spChg>
        <pc:spChg chg="mod">
          <ac:chgData name="White, Alex" userId="eff6cc8c-37d8-483b-9c6c-6b27e9afa9bc" providerId="ADAL" clId="{BF04C754-5BF4-4E83-9615-DB14FA25AF8A}" dt="2023-10-12T11:37:53" v="291"/>
          <ac:spMkLst>
            <pc:docMk/>
            <pc:sldMk cId="2376958513" sldId="260"/>
            <ac:spMk id="3419" creationId="{41A7DAA5-1B3F-2EDF-C266-FA7F13575459}"/>
          </ac:spMkLst>
        </pc:spChg>
        <pc:spChg chg="mod">
          <ac:chgData name="White, Alex" userId="eff6cc8c-37d8-483b-9c6c-6b27e9afa9bc" providerId="ADAL" clId="{BF04C754-5BF4-4E83-9615-DB14FA25AF8A}" dt="2023-10-12T11:37:53" v="291"/>
          <ac:spMkLst>
            <pc:docMk/>
            <pc:sldMk cId="2376958513" sldId="260"/>
            <ac:spMk id="3420" creationId="{2F42177B-B964-83C2-C720-6B8EEF9E2693}"/>
          </ac:spMkLst>
        </pc:spChg>
        <pc:spChg chg="mod">
          <ac:chgData name="White, Alex" userId="eff6cc8c-37d8-483b-9c6c-6b27e9afa9bc" providerId="ADAL" clId="{BF04C754-5BF4-4E83-9615-DB14FA25AF8A}" dt="2023-10-12T11:37:53" v="291"/>
          <ac:spMkLst>
            <pc:docMk/>
            <pc:sldMk cId="2376958513" sldId="260"/>
            <ac:spMk id="3421" creationId="{FB187737-47FB-4682-4231-7FEC0BE7172D}"/>
          </ac:spMkLst>
        </pc:spChg>
        <pc:spChg chg="mod">
          <ac:chgData name="White, Alex" userId="eff6cc8c-37d8-483b-9c6c-6b27e9afa9bc" providerId="ADAL" clId="{BF04C754-5BF4-4E83-9615-DB14FA25AF8A}" dt="2023-10-12T11:37:53" v="291"/>
          <ac:spMkLst>
            <pc:docMk/>
            <pc:sldMk cId="2376958513" sldId="260"/>
            <ac:spMk id="3422" creationId="{0B6FE501-6836-C90D-B301-E0E9F2C65F0A}"/>
          </ac:spMkLst>
        </pc:spChg>
        <pc:spChg chg="mod">
          <ac:chgData name="White, Alex" userId="eff6cc8c-37d8-483b-9c6c-6b27e9afa9bc" providerId="ADAL" clId="{BF04C754-5BF4-4E83-9615-DB14FA25AF8A}" dt="2023-10-12T11:37:53" v="291"/>
          <ac:spMkLst>
            <pc:docMk/>
            <pc:sldMk cId="2376958513" sldId="260"/>
            <ac:spMk id="3423" creationId="{8F482107-F505-3088-BCF9-697BFE11DB1E}"/>
          </ac:spMkLst>
        </pc:spChg>
        <pc:spChg chg="mod">
          <ac:chgData name="White, Alex" userId="eff6cc8c-37d8-483b-9c6c-6b27e9afa9bc" providerId="ADAL" clId="{BF04C754-5BF4-4E83-9615-DB14FA25AF8A}" dt="2023-10-12T11:37:53" v="291"/>
          <ac:spMkLst>
            <pc:docMk/>
            <pc:sldMk cId="2376958513" sldId="260"/>
            <ac:spMk id="3424" creationId="{A5CCE8ED-9649-7A51-1533-0E0D85166FD9}"/>
          </ac:spMkLst>
        </pc:spChg>
        <pc:spChg chg="mod">
          <ac:chgData name="White, Alex" userId="eff6cc8c-37d8-483b-9c6c-6b27e9afa9bc" providerId="ADAL" clId="{BF04C754-5BF4-4E83-9615-DB14FA25AF8A}" dt="2023-10-12T11:37:53" v="291"/>
          <ac:spMkLst>
            <pc:docMk/>
            <pc:sldMk cId="2376958513" sldId="260"/>
            <ac:spMk id="3425" creationId="{01F3A6EF-2965-D16A-2160-D883C0082E55}"/>
          </ac:spMkLst>
        </pc:spChg>
        <pc:spChg chg="mod">
          <ac:chgData name="White, Alex" userId="eff6cc8c-37d8-483b-9c6c-6b27e9afa9bc" providerId="ADAL" clId="{BF04C754-5BF4-4E83-9615-DB14FA25AF8A}" dt="2023-10-12T11:37:53" v="291"/>
          <ac:spMkLst>
            <pc:docMk/>
            <pc:sldMk cId="2376958513" sldId="260"/>
            <ac:spMk id="3426" creationId="{60CAC89C-3DF3-0289-D746-6E25CC789DFF}"/>
          </ac:spMkLst>
        </pc:spChg>
        <pc:spChg chg="mod">
          <ac:chgData name="White, Alex" userId="eff6cc8c-37d8-483b-9c6c-6b27e9afa9bc" providerId="ADAL" clId="{BF04C754-5BF4-4E83-9615-DB14FA25AF8A}" dt="2023-10-12T11:37:53" v="291"/>
          <ac:spMkLst>
            <pc:docMk/>
            <pc:sldMk cId="2376958513" sldId="260"/>
            <ac:spMk id="3427" creationId="{03625AD1-5D92-F68B-2401-72299C48C28E}"/>
          </ac:spMkLst>
        </pc:spChg>
        <pc:spChg chg="mod">
          <ac:chgData name="White, Alex" userId="eff6cc8c-37d8-483b-9c6c-6b27e9afa9bc" providerId="ADAL" clId="{BF04C754-5BF4-4E83-9615-DB14FA25AF8A}" dt="2023-10-12T11:37:53" v="291"/>
          <ac:spMkLst>
            <pc:docMk/>
            <pc:sldMk cId="2376958513" sldId="260"/>
            <ac:spMk id="3428" creationId="{63D785AD-E9F0-B0DB-9D2F-2264EFE4C24E}"/>
          </ac:spMkLst>
        </pc:spChg>
        <pc:spChg chg="mod">
          <ac:chgData name="White, Alex" userId="eff6cc8c-37d8-483b-9c6c-6b27e9afa9bc" providerId="ADAL" clId="{BF04C754-5BF4-4E83-9615-DB14FA25AF8A}" dt="2023-10-12T11:37:53" v="291"/>
          <ac:spMkLst>
            <pc:docMk/>
            <pc:sldMk cId="2376958513" sldId="260"/>
            <ac:spMk id="3429" creationId="{E84A7CB8-75A4-F0E2-AF45-9EC30D5C02E2}"/>
          </ac:spMkLst>
        </pc:spChg>
        <pc:spChg chg="mod">
          <ac:chgData name="White, Alex" userId="eff6cc8c-37d8-483b-9c6c-6b27e9afa9bc" providerId="ADAL" clId="{BF04C754-5BF4-4E83-9615-DB14FA25AF8A}" dt="2023-10-12T11:37:53" v="291"/>
          <ac:spMkLst>
            <pc:docMk/>
            <pc:sldMk cId="2376958513" sldId="260"/>
            <ac:spMk id="3430" creationId="{C052DEC6-6911-F9B1-62A3-2648E2EAD729}"/>
          </ac:spMkLst>
        </pc:spChg>
        <pc:spChg chg="mod">
          <ac:chgData name="White, Alex" userId="eff6cc8c-37d8-483b-9c6c-6b27e9afa9bc" providerId="ADAL" clId="{BF04C754-5BF4-4E83-9615-DB14FA25AF8A}" dt="2023-10-12T11:37:53" v="291"/>
          <ac:spMkLst>
            <pc:docMk/>
            <pc:sldMk cId="2376958513" sldId="260"/>
            <ac:spMk id="3431" creationId="{6EA2A638-9D64-EB14-17D6-4F9BAF7C56B8}"/>
          </ac:spMkLst>
        </pc:spChg>
        <pc:spChg chg="mod">
          <ac:chgData name="White, Alex" userId="eff6cc8c-37d8-483b-9c6c-6b27e9afa9bc" providerId="ADAL" clId="{BF04C754-5BF4-4E83-9615-DB14FA25AF8A}" dt="2023-10-12T11:37:53" v="291"/>
          <ac:spMkLst>
            <pc:docMk/>
            <pc:sldMk cId="2376958513" sldId="260"/>
            <ac:spMk id="3432" creationId="{A8431925-8AF2-7B58-3376-B901EA2C7DB7}"/>
          </ac:spMkLst>
        </pc:spChg>
        <pc:spChg chg="mod">
          <ac:chgData name="White, Alex" userId="eff6cc8c-37d8-483b-9c6c-6b27e9afa9bc" providerId="ADAL" clId="{BF04C754-5BF4-4E83-9615-DB14FA25AF8A}" dt="2023-10-12T11:37:53" v="291"/>
          <ac:spMkLst>
            <pc:docMk/>
            <pc:sldMk cId="2376958513" sldId="260"/>
            <ac:spMk id="3433" creationId="{56BC6746-21F6-A5AC-23C1-DF931C8C7735}"/>
          </ac:spMkLst>
        </pc:spChg>
        <pc:spChg chg="mod">
          <ac:chgData name="White, Alex" userId="eff6cc8c-37d8-483b-9c6c-6b27e9afa9bc" providerId="ADAL" clId="{BF04C754-5BF4-4E83-9615-DB14FA25AF8A}" dt="2023-10-12T11:37:53" v="291"/>
          <ac:spMkLst>
            <pc:docMk/>
            <pc:sldMk cId="2376958513" sldId="260"/>
            <ac:spMk id="3434" creationId="{2C01645B-6B69-86D8-23BD-93811F330373}"/>
          </ac:spMkLst>
        </pc:spChg>
        <pc:spChg chg="mod">
          <ac:chgData name="White, Alex" userId="eff6cc8c-37d8-483b-9c6c-6b27e9afa9bc" providerId="ADAL" clId="{BF04C754-5BF4-4E83-9615-DB14FA25AF8A}" dt="2023-10-12T11:37:53" v="291"/>
          <ac:spMkLst>
            <pc:docMk/>
            <pc:sldMk cId="2376958513" sldId="260"/>
            <ac:spMk id="3435" creationId="{D6D9A7A8-DAAF-CE71-9C0C-E73F41A40C69}"/>
          </ac:spMkLst>
        </pc:spChg>
        <pc:spChg chg="mod">
          <ac:chgData name="White, Alex" userId="eff6cc8c-37d8-483b-9c6c-6b27e9afa9bc" providerId="ADAL" clId="{BF04C754-5BF4-4E83-9615-DB14FA25AF8A}" dt="2023-10-12T11:37:53" v="291"/>
          <ac:spMkLst>
            <pc:docMk/>
            <pc:sldMk cId="2376958513" sldId="260"/>
            <ac:spMk id="3436" creationId="{0959FA00-FEA3-0962-9DCB-91EF725F15B0}"/>
          </ac:spMkLst>
        </pc:spChg>
        <pc:spChg chg="mod">
          <ac:chgData name="White, Alex" userId="eff6cc8c-37d8-483b-9c6c-6b27e9afa9bc" providerId="ADAL" clId="{BF04C754-5BF4-4E83-9615-DB14FA25AF8A}" dt="2023-10-12T11:37:53" v="291"/>
          <ac:spMkLst>
            <pc:docMk/>
            <pc:sldMk cId="2376958513" sldId="260"/>
            <ac:spMk id="3437" creationId="{49E42DC4-EB21-8AA0-ECB1-29A753573610}"/>
          </ac:spMkLst>
        </pc:spChg>
        <pc:spChg chg="mod">
          <ac:chgData name="White, Alex" userId="eff6cc8c-37d8-483b-9c6c-6b27e9afa9bc" providerId="ADAL" clId="{BF04C754-5BF4-4E83-9615-DB14FA25AF8A}" dt="2023-10-12T11:37:53" v="291"/>
          <ac:spMkLst>
            <pc:docMk/>
            <pc:sldMk cId="2376958513" sldId="260"/>
            <ac:spMk id="3438" creationId="{8B59D894-531D-7223-C9C0-67D2EC28ABAC}"/>
          </ac:spMkLst>
        </pc:spChg>
        <pc:spChg chg="mod">
          <ac:chgData name="White, Alex" userId="eff6cc8c-37d8-483b-9c6c-6b27e9afa9bc" providerId="ADAL" clId="{BF04C754-5BF4-4E83-9615-DB14FA25AF8A}" dt="2023-10-12T11:37:53" v="291"/>
          <ac:spMkLst>
            <pc:docMk/>
            <pc:sldMk cId="2376958513" sldId="260"/>
            <ac:spMk id="3439" creationId="{DCD9D7CD-AAA7-2D61-6F5F-34B0F7F1F09B}"/>
          </ac:spMkLst>
        </pc:spChg>
        <pc:spChg chg="mod">
          <ac:chgData name="White, Alex" userId="eff6cc8c-37d8-483b-9c6c-6b27e9afa9bc" providerId="ADAL" clId="{BF04C754-5BF4-4E83-9615-DB14FA25AF8A}" dt="2023-10-12T11:37:53" v="291"/>
          <ac:spMkLst>
            <pc:docMk/>
            <pc:sldMk cId="2376958513" sldId="260"/>
            <ac:spMk id="3440" creationId="{190FFF0B-8F42-B7FA-AA3D-4764673E1EFD}"/>
          </ac:spMkLst>
        </pc:spChg>
        <pc:spChg chg="mod">
          <ac:chgData name="White, Alex" userId="eff6cc8c-37d8-483b-9c6c-6b27e9afa9bc" providerId="ADAL" clId="{BF04C754-5BF4-4E83-9615-DB14FA25AF8A}" dt="2023-10-12T11:37:53" v="291"/>
          <ac:spMkLst>
            <pc:docMk/>
            <pc:sldMk cId="2376958513" sldId="260"/>
            <ac:spMk id="3441" creationId="{00CA9D28-B602-66B7-27F1-2FA15FCE3295}"/>
          </ac:spMkLst>
        </pc:spChg>
        <pc:spChg chg="mod">
          <ac:chgData name="White, Alex" userId="eff6cc8c-37d8-483b-9c6c-6b27e9afa9bc" providerId="ADAL" clId="{BF04C754-5BF4-4E83-9615-DB14FA25AF8A}" dt="2023-10-12T11:37:53" v="291"/>
          <ac:spMkLst>
            <pc:docMk/>
            <pc:sldMk cId="2376958513" sldId="260"/>
            <ac:spMk id="3442" creationId="{6053D3FF-A0B1-EE34-D973-509679077072}"/>
          </ac:spMkLst>
        </pc:spChg>
        <pc:spChg chg="mod">
          <ac:chgData name="White, Alex" userId="eff6cc8c-37d8-483b-9c6c-6b27e9afa9bc" providerId="ADAL" clId="{BF04C754-5BF4-4E83-9615-DB14FA25AF8A}" dt="2023-10-12T11:37:53" v="291"/>
          <ac:spMkLst>
            <pc:docMk/>
            <pc:sldMk cId="2376958513" sldId="260"/>
            <ac:spMk id="3443" creationId="{0990F654-0E41-68E5-8CBA-743247AA27E1}"/>
          </ac:spMkLst>
        </pc:spChg>
        <pc:spChg chg="mod">
          <ac:chgData name="White, Alex" userId="eff6cc8c-37d8-483b-9c6c-6b27e9afa9bc" providerId="ADAL" clId="{BF04C754-5BF4-4E83-9615-DB14FA25AF8A}" dt="2023-10-12T11:37:53" v="291"/>
          <ac:spMkLst>
            <pc:docMk/>
            <pc:sldMk cId="2376958513" sldId="260"/>
            <ac:spMk id="3444" creationId="{8B074C75-7665-16EF-293E-5EAA1D36AE6A}"/>
          </ac:spMkLst>
        </pc:spChg>
        <pc:spChg chg="mod">
          <ac:chgData name="White, Alex" userId="eff6cc8c-37d8-483b-9c6c-6b27e9afa9bc" providerId="ADAL" clId="{BF04C754-5BF4-4E83-9615-DB14FA25AF8A}" dt="2023-10-12T11:37:53" v="291"/>
          <ac:spMkLst>
            <pc:docMk/>
            <pc:sldMk cId="2376958513" sldId="260"/>
            <ac:spMk id="3445" creationId="{FCD91C09-4E80-24B9-13C5-3CE28C12C9D1}"/>
          </ac:spMkLst>
        </pc:spChg>
        <pc:spChg chg="mod">
          <ac:chgData name="White, Alex" userId="eff6cc8c-37d8-483b-9c6c-6b27e9afa9bc" providerId="ADAL" clId="{BF04C754-5BF4-4E83-9615-DB14FA25AF8A}" dt="2023-10-12T11:37:53" v="291"/>
          <ac:spMkLst>
            <pc:docMk/>
            <pc:sldMk cId="2376958513" sldId="260"/>
            <ac:spMk id="3446" creationId="{E7B78EA9-6A4D-6B3B-7B89-53B211230A35}"/>
          </ac:spMkLst>
        </pc:spChg>
        <pc:spChg chg="mod">
          <ac:chgData name="White, Alex" userId="eff6cc8c-37d8-483b-9c6c-6b27e9afa9bc" providerId="ADAL" clId="{BF04C754-5BF4-4E83-9615-DB14FA25AF8A}" dt="2023-10-12T11:37:53" v="291"/>
          <ac:spMkLst>
            <pc:docMk/>
            <pc:sldMk cId="2376958513" sldId="260"/>
            <ac:spMk id="3447" creationId="{49D688B2-C237-2D86-1D59-673652C58FCF}"/>
          </ac:spMkLst>
        </pc:spChg>
        <pc:spChg chg="mod">
          <ac:chgData name="White, Alex" userId="eff6cc8c-37d8-483b-9c6c-6b27e9afa9bc" providerId="ADAL" clId="{BF04C754-5BF4-4E83-9615-DB14FA25AF8A}" dt="2023-10-12T11:37:53" v="291"/>
          <ac:spMkLst>
            <pc:docMk/>
            <pc:sldMk cId="2376958513" sldId="260"/>
            <ac:spMk id="3448" creationId="{2687734F-1723-7039-07AB-AA4AEDD54905}"/>
          </ac:spMkLst>
        </pc:spChg>
        <pc:spChg chg="mod">
          <ac:chgData name="White, Alex" userId="eff6cc8c-37d8-483b-9c6c-6b27e9afa9bc" providerId="ADAL" clId="{BF04C754-5BF4-4E83-9615-DB14FA25AF8A}" dt="2023-10-12T11:37:53" v="291"/>
          <ac:spMkLst>
            <pc:docMk/>
            <pc:sldMk cId="2376958513" sldId="260"/>
            <ac:spMk id="3449" creationId="{0733000E-4EDB-C3E5-FD0E-3DFAA136350B}"/>
          </ac:spMkLst>
        </pc:spChg>
        <pc:spChg chg="mod">
          <ac:chgData name="White, Alex" userId="eff6cc8c-37d8-483b-9c6c-6b27e9afa9bc" providerId="ADAL" clId="{BF04C754-5BF4-4E83-9615-DB14FA25AF8A}" dt="2023-10-12T11:37:53" v="291"/>
          <ac:spMkLst>
            <pc:docMk/>
            <pc:sldMk cId="2376958513" sldId="260"/>
            <ac:spMk id="3450" creationId="{2575B44C-D7AE-CF69-83A7-6E0DD359BD97}"/>
          </ac:spMkLst>
        </pc:spChg>
        <pc:spChg chg="mod">
          <ac:chgData name="White, Alex" userId="eff6cc8c-37d8-483b-9c6c-6b27e9afa9bc" providerId="ADAL" clId="{BF04C754-5BF4-4E83-9615-DB14FA25AF8A}" dt="2023-10-12T11:37:53" v="291"/>
          <ac:spMkLst>
            <pc:docMk/>
            <pc:sldMk cId="2376958513" sldId="260"/>
            <ac:spMk id="3451" creationId="{15C2CF19-7D4A-E643-C535-A1A104D8EB78}"/>
          </ac:spMkLst>
        </pc:spChg>
        <pc:spChg chg="mod">
          <ac:chgData name="White, Alex" userId="eff6cc8c-37d8-483b-9c6c-6b27e9afa9bc" providerId="ADAL" clId="{BF04C754-5BF4-4E83-9615-DB14FA25AF8A}" dt="2023-10-12T11:37:53" v="291"/>
          <ac:spMkLst>
            <pc:docMk/>
            <pc:sldMk cId="2376958513" sldId="260"/>
            <ac:spMk id="3452" creationId="{71415227-21FE-09C0-FDC5-20279539523B}"/>
          </ac:spMkLst>
        </pc:spChg>
        <pc:spChg chg="mod">
          <ac:chgData name="White, Alex" userId="eff6cc8c-37d8-483b-9c6c-6b27e9afa9bc" providerId="ADAL" clId="{BF04C754-5BF4-4E83-9615-DB14FA25AF8A}" dt="2023-10-12T11:37:53" v="291"/>
          <ac:spMkLst>
            <pc:docMk/>
            <pc:sldMk cId="2376958513" sldId="260"/>
            <ac:spMk id="3453" creationId="{81D0FD9F-5DE4-5D92-6F76-384D0C885FE5}"/>
          </ac:spMkLst>
        </pc:spChg>
        <pc:spChg chg="mod">
          <ac:chgData name="White, Alex" userId="eff6cc8c-37d8-483b-9c6c-6b27e9afa9bc" providerId="ADAL" clId="{BF04C754-5BF4-4E83-9615-DB14FA25AF8A}" dt="2023-10-12T11:37:53" v="291"/>
          <ac:spMkLst>
            <pc:docMk/>
            <pc:sldMk cId="2376958513" sldId="260"/>
            <ac:spMk id="3454" creationId="{0ADF244B-483B-3669-8E35-70D031601898}"/>
          </ac:spMkLst>
        </pc:spChg>
        <pc:spChg chg="mod">
          <ac:chgData name="White, Alex" userId="eff6cc8c-37d8-483b-9c6c-6b27e9afa9bc" providerId="ADAL" clId="{BF04C754-5BF4-4E83-9615-DB14FA25AF8A}" dt="2023-10-12T11:37:53" v="291"/>
          <ac:spMkLst>
            <pc:docMk/>
            <pc:sldMk cId="2376958513" sldId="260"/>
            <ac:spMk id="3455" creationId="{738BCA65-AA99-02BF-3703-FC9D810186EA}"/>
          </ac:spMkLst>
        </pc:spChg>
        <pc:spChg chg="mod">
          <ac:chgData name="White, Alex" userId="eff6cc8c-37d8-483b-9c6c-6b27e9afa9bc" providerId="ADAL" clId="{BF04C754-5BF4-4E83-9615-DB14FA25AF8A}" dt="2023-10-12T11:37:53" v="291"/>
          <ac:spMkLst>
            <pc:docMk/>
            <pc:sldMk cId="2376958513" sldId="260"/>
            <ac:spMk id="3456" creationId="{F7B82504-F6FF-3FA1-A849-763BE995E5A3}"/>
          </ac:spMkLst>
        </pc:spChg>
        <pc:spChg chg="mod">
          <ac:chgData name="White, Alex" userId="eff6cc8c-37d8-483b-9c6c-6b27e9afa9bc" providerId="ADAL" clId="{BF04C754-5BF4-4E83-9615-DB14FA25AF8A}" dt="2023-10-12T11:37:53" v="291"/>
          <ac:spMkLst>
            <pc:docMk/>
            <pc:sldMk cId="2376958513" sldId="260"/>
            <ac:spMk id="3457" creationId="{12CAEDB1-1B29-F663-BD2C-F79696EFC219}"/>
          </ac:spMkLst>
        </pc:spChg>
        <pc:spChg chg="mod">
          <ac:chgData name="White, Alex" userId="eff6cc8c-37d8-483b-9c6c-6b27e9afa9bc" providerId="ADAL" clId="{BF04C754-5BF4-4E83-9615-DB14FA25AF8A}" dt="2023-10-12T11:37:53" v="291"/>
          <ac:spMkLst>
            <pc:docMk/>
            <pc:sldMk cId="2376958513" sldId="260"/>
            <ac:spMk id="3458" creationId="{4E9FF8FD-41BA-4412-B84E-F09702A3DD33}"/>
          </ac:spMkLst>
        </pc:spChg>
        <pc:spChg chg="mod">
          <ac:chgData name="White, Alex" userId="eff6cc8c-37d8-483b-9c6c-6b27e9afa9bc" providerId="ADAL" clId="{BF04C754-5BF4-4E83-9615-DB14FA25AF8A}" dt="2023-10-12T11:37:53" v="291"/>
          <ac:spMkLst>
            <pc:docMk/>
            <pc:sldMk cId="2376958513" sldId="260"/>
            <ac:spMk id="3459" creationId="{6652E4B0-AB57-8C28-FEA5-BF223C12A042}"/>
          </ac:spMkLst>
        </pc:spChg>
        <pc:spChg chg="mod">
          <ac:chgData name="White, Alex" userId="eff6cc8c-37d8-483b-9c6c-6b27e9afa9bc" providerId="ADAL" clId="{BF04C754-5BF4-4E83-9615-DB14FA25AF8A}" dt="2023-10-12T11:37:53" v="291"/>
          <ac:spMkLst>
            <pc:docMk/>
            <pc:sldMk cId="2376958513" sldId="260"/>
            <ac:spMk id="3460" creationId="{3A6000F2-1017-8666-D85C-36B523737095}"/>
          </ac:spMkLst>
        </pc:spChg>
        <pc:spChg chg="mod">
          <ac:chgData name="White, Alex" userId="eff6cc8c-37d8-483b-9c6c-6b27e9afa9bc" providerId="ADAL" clId="{BF04C754-5BF4-4E83-9615-DB14FA25AF8A}" dt="2023-10-12T11:37:53" v="291"/>
          <ac:spMkLst>
            <pc:docMk/>
            <pc:sldMk cId="2376958513" sldId="260"/>
            <ac:spMk id="3461" creationId="{5A5C2052-F90D-4F17-94FD-4336615ECE45}"/>
          </ac:spMkLst>
        </pc:spChg>
        <pc:spChg chg="mod">
          <ac:chgData name="White, Alex" userId="eff6cc8c-37d8-483b-9c6c-6b27e9afa9bc" providerId="ADAL" clId="{BF04C754-5BF4-4E83-9615-DB14FA25AF8A}" dt="2023-10-12T11:37:53" v="291"/>
          <ac:spMkLst>
            <pc:docMk/>
            <pc:sldMk cId="2376958513" sldId="260"/>
            <ac:spMk id="3462" creationId="{C05DEC1E-3634-BA0A-9F11-1B57C5BF57E5}"/>
          </ac:spMkLst>
        </pc:spChg>
        <pc:spChg chg="mod">
          <ac:chgData name="White, Alex" userId="eff6cc8c-37d8-483b-9c6c-6b27e9afa9bc" providerId="ADAL" clId="{BF04C754-5BF4-4E83-9615-DB14FA25AF8A}" dt="2023-10-12T11:37:53" v="291"/>
          <ac:spMkLst>
            <pc:docMk/>
            <pc:sldMk cId="2376958513" sldId="260"/>
            <ac:spMk id="3463" creationId="{F437F581-918E-2019-C351-3B1E41441190}"/>
          </ac:spMkLst>
        </pc:spChg>
        <pc:spChg chg="mod">
          <ac:chgData name="White, Alex" userId="eff6cc8c-37d8-483b-9c6c-6b27e9afa9bc" providerId="ADAL" clId="{BF04C754-5BF4-4E83-9615-DB14FA25AF8A}" dt="2023-10-12T11:37:53" v="291"/>
          <ac:spMkLst>
            <pc:docMk/>
            <pc:sldMk cId="2376958513" sldId="260"/>
            <ac:spMk id="3464" creationId="{022241B2-CD93-0CA6-96C7-EAB03FBA9CF3}"/>
          </ac:spMkLst>
        </pc:spChg>
        <pc:spChg chg="mod">
          <ac:chgData name="White, Alex" userId="eff6cc8c-37d8-483b-9c6c-6b27e9afa9bc" providerId="ADAL" clId="{BF04C754-5BF4-4E83-9615-DB14FA25AF8A}" dt="2023-10-12T11:37:53" v="291"/>
          <ac:spMkLst>
            <pc:docMk/>
            <pc:sldMk cId="2376958513" sldId="260"/>
            <ac:spMk id="3465" creationId="{E32B5A7C-FBA6-2984-6672-91FE28C4A928}"/>
          </ac:spMkLst>
        </pc:spChg>
        <pc:spChg chg="mod">
          <ac:chgData name="White, Alex" userId="eff6cc8c-37d8-483b-9c6c-6b27e9afa9bc" providerId="ADAL" clId="{BF04C754-5BF4-4E83-9615-DB14FA25AF8A}" dt="2023-10-12T11:37:53" v="291"/>
          <ac:spMkLst>
            <pc:docMk/>
            <pc:sldMk cId="2376958513" sldId="260"/>
            <ac:spMk id="3466" creationId="{6F869C56-7908-17CC-8DFB-020FA56AA55A}"/>
          </ac:spMkLst>
        </pc:spChg>
        <pc:spChg chg="mod">
          <ac:chgData name="White, Alex" userId="eff6cc8c-37d8-483b-9c6c-6b27e9afa9bc" providerId="ADAL" clId="{BF04C754-5BF4-4E83-9615-DB14FA25AF8A}" dt="2023-10-12T11:37:53" v="291"/>
          <ac:spMkLst>
            <pc:docMk/>
            <pc:sldMk cId="2376958513" sldId="260"/>
            <ac:spMk id="3467" creationId="{DA90D59A-245A-010B-A4B7-90D1BE829F3F}"/>
          </ac:spMkLst>
        </pc:spChg>
        <pc:spChg chg="mod">
          <ac:chgData name="White, Alex" userId="eff6cc8c-37d8-483b-9c6c-6b27e9afa9bc" providerId="ADAL" clId="{BF04C754-5BF4-4E83-9615-DB14FA25AF8A}" dt="2023-10-12T11:37:53" v="291"/>
          <ac:spMkLst>
            <pc:docMk/>
            <pc:sldMk cId="2376958513" sldId="260"/>
            <ac:spMk id="3468" creationId="{54A89F35-F077-6A06-6827-14BFF3F4297E}"/>
          </ac:spMkLst>
        </pc:spChg>
        <pc:spChg chg="mod">
          <ac:chgData name="White, Alex" userId="eff6cc8c-37d8-483b-9c6c-6b27e9afa9bc" providerId="ADAL" clId="{BF04C754-5BF4-4E83-9615-DB14FA25AF8A}" dt="2023-10-12T11:37:53" v="291"/>
          <ac:spMkLst>
            <pc:docMk/>
            <pc:sldMk cId="2376958513" sldId="260"/>
            <ac:spMk id="3469" creationId="{62E69379-1751-2F48-BBCE-FE5EA38CDE3B}"/>
          </ac:spMkLst>
        </pc:spChg>
        <pc:spChg chg="mod">
          <ac:chgData name="White, Alex" userId="eff6cc8c-37d8-483b-9c6c-6b27e9afa9bc" providerId="ADAL" clId="{BF04C754-5BF4-4E83-9615-DB14FA25AF8A}" dt="2023-10-12T11:37:53" v="291"/>
          <ac:spMkLst>
            <pc:docMk/>
            <pc:sldMk cId="2376958513" sldId="260"/>
            <ac:spMk id="3470" creationId="{DF89A285-98B7-EF3B-9885-92AA14A7C613}"/>
          </ac:spMkLst>
        </pc:spChg>
        <pc:spChg chg="mod">
          <ac:chgData name="White, Alex" userId="eff6cc8c-37d8-483b-9c6c-6b27e9afa9bc" providerId="ADAL" clId="{BF04C754-5BF4-4E83-9615-DB14FA25AF8A}" dt="2023-10-12T11:37:53" v="291"/>
          <ac:spMkLst>
            <pc:docMk/>
            <pc:sldMk cId="2376958513" sldId="260"/>
            <ac:spMk id="3471" creationId="{8ECAC6E3-EEF9-B905-5325-5C268C66524B}"/>
          </ac:spMkLst>
        </pc:spChg>
        <pc:spChg chg="mod">
          <ac:chgData name="White, Alex" userId="eff6cc8c-37d8-483b-9c6c-6b27e9afa9bc" providerId="ADAL" clId="{BF04C754-5BF4-4E83-9615-DB14FA25AF8A}" dt="2023-10-12T11:37:53" v="291"/>
          <ac:spMkLst>
            <pc:docMk/>
            <pc:sldMk cId="2376958513" sldId="260"/>
            <ac:spMk id="3472" creationId="{C5B4D90C-20B2-CF23-4A15-E96C586AD939}"/>
          </ac:spMkLst>
        </pc:spChg>
        <pc:spChg chg="mod">
          <ac:chgData name="White, Alex" userId="eff6cc8c-37d8-483b-9c6c-6b27e9afa9bc" providerId="ADAL" clId="{BF04C754-5BF4-4E83-9615-DB14FA25AF8A}" dt="2023-10-12T11:37:53" v="291"/>
          <ac:spMkLst>
            <pc:docMk/>
            <pc:sldMk cId="2376958513" sldId="260"/>
            <ac:spMk id="3473" creationId="{3F6F6259-8D16-51F8-4383-CBAB9F0FBA5E}"/>
          </ac:spMkLst>
        </pc:spChg>
        <pc:spChg chg="mod">
          <ac:chgData name="White, Alex" userId="eff6cc8c-37d8-483b-9c6c-6b27e9afa9bc" providerId="ADAL" clId="{BF04C754-5BF4-4E83-9615-DB14FA25AF8A}" dt="2023-10-12T11:37:53" v="291"/>
          <ac:spMkLst>
            <pc:docMk/>
            <pc:sldMk cId="2376958513" sldId="260"/>
            <ac:spMk id="3474" creationId="{C76AE65C-1B55-F208-3E99-E7EE7BD81762}"/>
          </ac:spMkLst>
        </pc:spChg>
        <pc:spChg chg="mod">
          <ac:chgData name="White, Alex" userId="eff6cc8c-37d8-483b-9c6c-6b27e9afa9bc" providerId="ADAL" clId="{BF04C754-5BF4-4E83-9615-DB14FA25AF8A}" dt="2023-10-12T11:37:53" v="291"/>
          <ac:spMkLst>
            <pc:docMk/>
            <pc:sldMk cId="2376958513" sldId="260"/>
            <ac:spMk id="3475" creationId="{30A74093-8124-5064-3099-6B426CC52EDC}"/>
          </ac:spMkLst>
        </pc:spChg>
        <pc:spChg chg="mod">
          <ac:chgData name="White, Alex" userId="eff6cc8c-37d8-483b-9c6c-6b27e9afa9bc" providerId="ADAL" clId="{BF04C754-5BF4-4E83-9615-DB14FA25AF8A}" dt="2023-10-12T11:37:53" v="291"/>
          <ac:spMkLst>
            <pc:docMk/>
            <pc:sldMk cId="2376958513" sldId="260"/>
            <ac:spMk id="3476" creationId="{C170CC21-4C33-F4AB-7EAF-0C971A26C4AF}"/>
          </ac:spMkLst>
        </pc:spChg>
        <pc:spChg chg="mod">
          <ac:chgData name="White, Alex" userId="eff6cc8c-37d8-483b-9c6c-6b27e9afa9bc" providerId="ADAL" clId="{BF04C754-5BF4-4E83-9615-DB14FA25AF8A}" dt="2023-10-12T11:37:53" v="291"/>
          <ac:spMkLst>
            <pc:docMk/>
            <pc:sldMk cId="2376958513" sldId="260"/>
            <ac:spMk id="3477" creationId="{D750B93E-93E9-60F7-ACFD-B709D79D21AE}"/>
          </ac:spMkLst>
        </pc:spChg>
        <pc:spChg chg="mod">
          <ac:chgData name="White, Alex" userId="eff6cc8c-37d8-483b-9c6c-6b27e9afa9bc" providerId="ADAL" clId="{BF04C754-5BF4-4E83-9615-DB14FA25AF8A}" dt="2023-10-12T11:37:53" v="291"/>
          <ac:spMkLst>
            <pc:docMk/>
            <pc:sldMk cId="2376958513" sldId="260"/>
            <ac:spMk id="3478" creationId="{A3504FDE-1B4B-839B-5363-C51C7C475E99}"/>
          </ac:spMkLst>
        </pc:spChg>
        <pc:spChg chg="mod">
          <ac:chgData name="White, Alex" userId="eff6cc8c-37d8-483b-9c6c-6b27e9afa9bc" providerId="ADAL" clId="{BF04C754-5BF4-4E83-9615-DB14FA25AF8A}" dt="2023-10-12T11:37:53" v="291"/>
          <ac:spMkLst>
            <pc:docMk/>
            <pc:sldMk cId="2376958513" sldId="260"/>
            <ac:spMk id="3479" creationId="{7883C114-DB07-FE71-6C5D-32F0D613A7A5}"/>
          </ac:spMkLst>
        </pc:spChg>
        <pc:spChg chg="mod">
          <ac:chgData name="White, Alex" userId="eff6cc8c-37d8-483b-9c6c-6b27e9afa9bc" providerId="ADAL" clId="{BF04C754-5BF4-4E83-9615-DB14FA25AF8A}" dt="2023-10-12T11:37:53" v="291"/>
          <ac:spMkLst>
            <pc:docMk/>
            <pc:sldMk cId="2376958513" sldId="260"/>
            <ac:spMk id="3480" creationId="{F32A752B-B487-7A2F-74EC-5676986B141E}"/>
          </ac:spMkLst>
        </pc:spChg>
        <pc:spChg chg="mod">
          <ac:chgData name="White, Alex" userId="eff6cc8c-37d8-483b-9c6c-6b27e9afa9bc" providerId="ADAL" clId="{BF04C754-5BF4-4E83-9615-DB14FA25AF8A}" dt="2023-10-12T11:37:53" v="291"/>
          <ac:spMkLst>
            <pc:docMk/>
            <pc:sldMk cId="2376958513" sldId="260"/>
            <ac:spMk id="3481" creationId="{060EFD6E-720D-9F85-8A87-0FDD21186336}"/>
          </ac:spMkLst>
        </pc:spChg>
        <pc:spChg chg="mod">
          <ac:chgData name="White, Alex" userId="eff6cc8c-37d8-483b-9c6c-6b27e9afa9bc" providerId="ADAL" clId="{BF04C754-5BF4-4E83-9615-DB14FA25AF8A}" dt="2023-10-12T11:37:53" v="291"/>
          <ac:spMkLst>
            <pc:docMk/>
            <pc:sldMk cId="2376958513" sldId="260"/>
            <ac:spMk id="3482" creationId="{F89B4122-C28B-B155-319A-63CF86778248}"/>
          </ac:spMkLst>
        </pc:spChg>
        <pc:spChg chg="mod">
          <ac:chgData name="White, Alex" userId="eff6cc8c-37d8-483b-9c6c-6b27e9afa9bc" providerId="ADAL" clId="{BF04C754-5BF4-4E83-9615-DB14FA25AF8A}" dt="2023-10-12T11:37:53" v="291"/>
          <ac:spMkLst>
            <pc:docMk/>
            <pc:sldMk cId="2376958513" sldId="260"/>
            <ac:spMk id="3483" creationId="{4B3E9FAE-4AC5-A471-C0D4-4BF5EA68A1C0}"/>
          </ac:spMkLst>
        </pc:spChg>
        <pc:spChg chg="mod">
          <ac:chgData name="White, Alex" userId="eff6cc8c-37d8-483b-9c6c-6b27e9afa9bc" providerId="ADAL" clId="{BF04C754-5BF4-4E83-9615-DB14FA25AF8A}" dt="2023-10-12T11:37:53" v="291"/>
          <ac:spMkLst>
            <pc:docMk/>
            <pc:sldMk cId="2376958513" sldId="260"/>
            <ac:spMk id="3484" creationId="{306E5AEE-DAB8-B9F8-BD48-259AE4EB3C65}"/>
          </ac:spMkLst>
        </pc:spChg>
        <pc:spChg chg="mod">
          <ac:chgData name="White, Alex" userId="eff6cc8c-37d8-483b-9c6c-6b27e9afa9bc" providerId="ADAL" clId="{BF04C754-5BF4-4E83-9615-DB14FA25AF8A}" dt="2023-10-12T11:37:53" v="291"/>
          <ac:spMkLst>
            <pc:docMk/>
            <pc:sldMk cId="2376958513" sldId="260"/>
            <ac:spMk id="3485" creationId="{43B0DC7E-7221-14C6-C19A-4BA775DF119F}"/>
          </ac:spMkLst>
        </pc:spChg>
        <pc:spChg chg="mod">
          <ac:chgData name="White, Alex" userId="eff6cc8c-37d8-483b-9c6c-6b27e9afa9bc" providerId="ADAL" clId="{BF04C754-5BF4-4E83-9615-DB14FA25AF8A}" dt="2023-10-12T11:37:53" v="291"/>
          <ac:spMkLst>
            <pc:docMk/>
            <pc:sldMk cId="2376958513" sldId="260"/>
            <ac:spMk id="3486" creationId="{B5229649-5635-980E-5495-CAB113C2033B}"/>
          </ac:spMkLst>
        </pc:spChg>
        <pc:spChg chg="mod">
          <ac:chgData name="White, Alex" userId="eff6cc8c-37d8-483b-9c6c-6b27e9afa9bc" providerId="ADAL" clId="{BF04C754-5BF4-4E83-9615-DB14FA25AF8A}" dt="2023-10-12T11:37:53" v="291"/>
          <ac:spMkLst>
            <pc:docMk/>
            <pc:sldMk cId="2376958513" sldId="260"/>
            <ac:spMk id="3487" creationId="{CF07D83A-938F-9274-824C-FE23C5E41938}"/>
          </ac:spMkLst>
        </pc:spChg>
        <pc:spChg chg="mod">
          <ac:chgData name="White, Alex" userId="eff6cc8c-37d8-483b-9c6c-6b27e9afa9bc" providerId="ADAL" clId="{BF04C754-5BF4-4E83-9615-DB14FA25AF8A}" dt="2023-10-12T11:37:53" v="291"/>
          <ac:spMkLst>
            <pc:docMk/>
            <pc:sldMk cId="2376958513" sldId="260"/>
            <ac:spMk id="3488" creationId="{62D78B9C-9070-0653-0515-E973A9E88E26}"/>
          </ac:spMkLst>
        </pc:spChg>
        <pc:spChg chg="mod">
          <ac:chgData name="White, Alex" userId="eff6cc8c-37d8-483b-9c6c-6b27e9afa9bc" providerId="ADAL" clId="{BF04C754-5BF4-4E83-9615-DB14FA25AF8A}" dt="2023-10-12T11:37:53" v="291"/>
          <ac:spMkLst>
            <pc:docMk/>
            <pc:sldMk cId="2376958513" sldId="260"/>
            <ac:spMk id="3489" creationId="{54F3E5FA-2C87-15D6-3F98-E34D83ED75E6}"/>
          </ac:spMkLst>
        </pc:spChg>
        <pc:spChg chg="mod">
          <ac:chgData name="White, Alex" userId="eff6cc8c-37d8-483b-9c6c-6b27e9afa9bc" providerId="ADAL" clId="{BF04C754-5BF4-4E83-9615-DB14FA25AF8A}" dt="2023-10-12T11:37:53" v="291"/>
          <ac:spMkLst>
            <pc:docMk/>
            <pc:sldMk cId="2376958513" sldId="260"/>
            <ac:spMk id="3490" creationId="{17F1A041-F41A-8522-DDD3-1FB27EECCDA3}"/>
          </ac:spMkLst>
        </pc:spChg>
        <pc:spChg chg="mod">
          <ac:chgData name="White, Alex" userId="eff6cc8c-37d8-483b-9c6c-6b27e9afa9bc" providerId="ADAL" clId="{BF04C754-5BF4-4E83-9615-DB14FA25AF8A}" dt="2023-10-12T11:37:53" v="291"/>
          <ac:spMkLst>
            <pc:docMk/>
            <pc:sldMk cId="2376958513" sldId="260"/>
            <ac:spMk id="3491" creationId="{AE218E7B-4E12-D7E1-5158-852ADE6F07BD}"/>
          </ac:spMkLst>
        </pc:spChg>
        <pc:spChg chg="mod">
          <ac:chgData name="White, Alex" userId="eff6cc8c-37d8-483b-9c6c-6b27e9afa9bc" providerId="ADAL" clId="{BF04C754-5BF4-4E83-9615-DB14FA25AF8A}" dt="2023-10-12T11:37:53" v="291"/>
          <ac:spMkLst>
            <pc:docMk/>
            <pc:sldMk cId="2376958513" sldId="260"/>
            <ac:spMk id="3492" creationId="{EDA03874-466F-AB24-CF2F-38A62E6C9E5E}"/>
          </ac:spMkLst>
        </pc:spChg>
        <pc:spChg chg="mod">
          <ac:chgData name="White, Alex" userId="eff6cc8c-37d8-483b-9c6c-6b27e9afa9bc" providerId="ADAL" clId="{BF04C754-5BF4-4E83-9615-DB14FA25AF8A}" dt="2023-10-12T11:37:53" v="291"/>
          <ac:spMkLst>
            <pc:docMk/>
            <pc:sldMk cId="2376958513" sldId="260"/>
            <ac:spMk id="3493" creationId="{8B9B3579-74A7-9753-671F-D79AAED7A8C8}"/>
          </ac:spMkLst>
        </pc:spChg>
        <pc:spChg chg="mod">
          <ac:chgData name="White, Alex" userId="eff6cc8c-37d8-483b-9c6c-6b27e9afa9bc" providerId="ADAL" clId="{BF04C754-5BF4-4E83-9615-DB14FA25AF8A}" dt="2023-10-12T11:37:53" v="291"/>
          <ac:spMkLst>
            <pc:docMk/>
            <pc:sldMk cId="2376958513" sldId="260"/>
            <ac:spMk id="3494" creationId="{85A3ADF9-D41F-D71F-C7C0-0346CE2CE9D3}"/>
          </ac:spMkLst>
        </pc:spChg>
        <pc:spChg chg="mod">
          <ac:chgData name="White, Alex" userId="eff6cc8c-37d8-483b-9c6c-6b27e9afa9bc" providerId="ADAL" clId="{BF04C754-5BF4-4E83-9615-DB14FA25AF8A}" dt="2023-10-12T11:37:53" v="291"/>
          <ac:spMkLst>
            <pc:docMk/>
            <pc:sldMk cId="2376958513" sldId="260"/>
            <ac:spMk id="3495" creationId="{9581A145-6429-9CD2-B9E1-9C8954C11D1C}"/>
          </ac:spMkLst>
        </pc:spChg>
        <pc:spChg chg="mod">
          <ac:chgData name="White, Alex" userId="eff6cc8c-37d8-483b-9c6c-6b27e9afa9bc" providerId="ADAL" clId="{BF04C754-5BF4-4E83-9615-DB14FA25AF8A}" dt="2023-10-12T11:37:53" v="291"/>
          <ac:spMkLst>
            <pc:docMk/>
            <pc:sldMk cId="2376958513" sldId="260"/>
            <ac:spMk id="3496" creationId="{26E7C89A-05B0-4271-B25B-990D91318CAB}"/>
          </ac:spMkLst>
        </pc:spChg>
        <pc:spChg chg="mod">
          <ac:chgData name="White, Alex" userId="eff6cc8c-37d8-483b-9c6c-6b27e9afa9bc" providerId="ADAL" clId="{BF04C754-5BF4-4E83-9615-DB14FA25AF8A}" dt="2023-10-12T11:37:53" v="291"/>
          <ac:spMkLst>
            <pc:docMk/>
            <pc:sldMk cId="2376958513" sldId="260"/>
            <ac:spMk id="3497" creationId="{1981FEF4-5450-7C43-2670-D682939478E6}"/>
          </ac:spMkLst>
        </pc:spChg>
        <pc:spChg chg="mod">
          <ac:chgData name="White, Alex" userId="eff6cc8c-37d8-483b-9c6c-6b27e9afa9bc" providerId="ADAL" clId="{BF04C754-5BF4-4E83-9615-DB14FA25AF8A}" dt="2023-10-12T11:37:53" v="291"/>
          <ac:spMkLst>
            <pc:docMk/>
            <pc:sldMk cId="2376958513" sldId="260"/>
            <ac:spMk id="3498" creationId="{EDC31BDD-F973-A241-0FDC-92E6187A7CF1}"/>
          </ac:spMkLst>
        </pc:spChg>
        <pc:spChg chg="mod">
          <ac:chgData name="White, Alex" userId="eff6cc8c-37d8-483b-9c6c-6b27e9afa9bc" providerId="ADAL" clId="{BF04C754-5BF4-4E83-9615-DB14FA25AF8A}" dt="2023-10-12T11:37:53" v="291"/>
          <ac:spMkLst>
            <pc:docMk/>
            <pc:sldMk cId="2376958513" sldId="260"/>
            <ac:spMk id="3499" creationId="{EC210146-E78D-D22E-9CB0-1B4499447E39}"/>
          </ac:spMkLst>
        </pc:spChg>
        <pc:spChg chg="mod">
          <ac:chgData name="White, Alex" userId="eff6cc8c-37d8-483b-9c6c-6b27e9afa9bc" providerId="ADAL" clId="{BF04C754-5BF4-4E83-9615-DB14FA25AF8A}" dt="2023-10-12T11:37:53" v="291"/>
          <ac:spMkLst>
            <pc:docMk/>
            <pc:sldMk cId="2376958513" sldId="260"/>
            <ac:spMk id="3500" creationId="{C5F287D0-631F-05D3-846D-73CA5D92D866}"/>
          </ac:spMkLst>
        </pc:spChg>
        <pc:spChg chg="mod">
          <ac:chgData name="White, Alex" userId="eff6cc8c-37d8-483b-9c6c-6b27e9afa9bc" providerId="ADAL" clId="{BF04C754-5BF4-4E83-9615-DB14FA25AF8A}" dt="2023-10-12T11:37:53" v="291"/>
          <ac:spMkLst>
            <pc:docMk/>
            <pc:sldMk cId="2376958513" sldId="260"/>
            <ac:spMk id="3501" creationId="{7D9CC626-FD10-0315-E755-CC73FC2D396C}"/>
          </ac:spMkLst>
        </pc:spChg>
        <pc:spChg chg="mod">
          <ac:chgData name="White, Alex" userId="eff6cc8c-37d8-483b-9c6c-6b27e9afa9bc" providerId="ADAL" clId="{BF04C754-5BF4-4E83-9615-DB14FA25AF8A}" dt="2023-10-12T11:37:53" v="291"/>
          <ac:spMkLst>
            <pc:docMk/>
            <pc:sldMk cId="2376958513" sldId="260"/>
            <ac:spMk id="3502" creationId="{FFA61872-FF6D-BA56-28E3-5C9F6C358B08}"/>
          </ac:spMkLst>
        </pc:spChg>
        <pc:spChg chg="mod">
          <ac:chgData name="White, Alex" userId="eff6cc8c-37d8-483b-9c6c-6b27e9afa9bc" providerId="ADAL" clId="{BF04C754-5BF4-4E83-9615-DB14FA25AF8A}" dt="2023-10-12T11:37:53" v="291"/>
          <ac:spMkLst>
            <pc:docMk/>
            <pc:sldMk cId="2376958513" sldId="260"/>
            <ac:spMk id="3503" creationId="{336EAD40-6943-54F8-EEA4-ED10B0B9D894}"/>
          </ac:spMkLst>
        </pc:spChg>
        <pc:spChg chg="mod">
          <ac:chgData name="White, Alex" userId="eff6cc8c-37d8-483b-9c6c-6b27e9afa9bc" providerId="ADAL" clId="{BF04C754-5BF4-4E83-9615-DB14FA25AF8A}" dt="2023-10-12T11:37:53" v="291"/>
          <ac:spMkLst>
            <pc:docMk/>
            <pc:sldMk cId="2376958513" sldId="260"/>
            <ac:spMk id="3504" creationId="{DBB96254-F14B-6EAA-D033-86571090B18F}"/>
          </ac:spMkLst>
        </pc:spChg>
        <pc:spChg chg="mod">
          <ac:chgData name="White, Alex" userId="eff6cc8c-37d8-483b-9c6c-6b27e9afa9bc" providerId="ADAL" clId="{BF04C754-5BF4-4E83-9615-DB14FA25AF8A}" dt="2023-10-12T11:37:53" v="291"/>
          <ac:spMkLst>
            <pc:docMk/>
            <pc:sldMk cId="2376958513" sldId="260"/>
            <ac:spMk id="3505" creationId="{52984526-E148-EAAF-7623-4EF3932C2466}"/>
          </ac:spMkLst>
        </pc:spChg>
        <pc:spChg chg="mod">
          <ac:chgData name="White, Alex" userId="eff6cc8c-37d8-483b-9c6c-6b27e9afa9bc" providerId="ADAL" clId="{BF04C754-5BF4-4E83-9615-DB14FA25AF8A}" dt="2023-10-12T11:37:53" v="291"/>
          <ac:spMkLst>
            <pc:docMk/>
            <pc:sldMk cId="2376958513" sldId="260"/>
            <ac:spMk id="3506" creationId="{FA68A4B8-E48B-7121-D5DB-563BDCF45634}"/>
          </ac:spMkLst>
        </pc:spChg>
        <pc:spChg chg="mod">
          <ac:chgData name="White, Alex" userId="eff6cc8c-37d8-483b-9c6c-6b27e9afa9bc" providerId="ADAL" clId="{BF04C754-5BF4-4E83-9615-DB14FA25AF8A}" dt="2023-10-12T11:37:53" v="291"/>
          <ac:spMkLst>
            <pc:docMk/>
            <pc:sldMk cId="2376958513" sldId="260"/>
            <ac:spMk id="3507" creationId="{0C813B23-2B6A-478A-0085-1CA58A6E8C75}"/>
          </ac:spMkLst>
        </pc:spChg>
        <pc:spChg chg="mod">
          <ac:chgData name="White, Alex" userId="eff6cc8c-37d8-483b-9c6c-6b27e9afa9bc" providerId="ADAL" clId="{BF04C754-5BF4-4E83-9615-DB14FA25AF8A}" dt="2023-10-12T11:37:53" v="291"/>
          <ac:spMkLst>
            <pc:docMk/>
            <pc:sldMk cId="2376958513" sldId="260"/>
            <ac:spMk id="3508" creationId="{E58F5F65-58F9-9FCC-1E04-3EFAC5EEFA66}"/>
          </ac:spMkLst>
        </pc:spChg>
        <pc:spChg chg="mod">
          <ac:chgData name="White, Alex" userId="eff6cc8c-37d8-483b-9c6c-6b27e9afa9bc" providerId="ADAL" clId="{BF04C754-5BF4-4E83-9615-DB14FA25AF8A}" dt="2023-10-12T11:37:53" v="291"/>
          <ac:spMkLst>
            <pc:docMk/>
            <pc:sldMk cId="2376958513" sldId="260"/>
            <ac:spMk id="3509" creationId="{219FD677-EAE1-F592-3139-CE60D78B1C98}"/>
          </ac:spMkLst>
        </pc:spChg>
        <pc:spChg chg="mod">
          <ac:chgData name="White, Alex" userId="eff6cc8c-37d8-483b-9c6c-6b27e9afa9bc" providerId="ADAL" clId="{BF04C754-5BF4-4E83-9615-DB14FA25AF8A}" dt="2023-10-12T11:37:53" v="291"/>
          <ac:spMkLst>
            <pc:docMk/>
            <pc:sldMk cId="2376958513" sldId="260"/>
            <ac:spMk id="3510" creationId="{616BA217-378B-2A31-C78F-E0512C2BD321}"/>
          </ac:spMkLst>
        </pc:spChg>
        <pc:spChg chg="mod">
          <ac:chgData name="White, Alex" userId="eff6cc8c-37d8-483b-9c6c-6b27e9afa9bc" providerId="ADAL" clId="{BF04C754-5BF4-4E83-9615-DB14FA25AF8A}" dt="2023-10-12T11:37:53" v="291"/>
          <ac:spMkLst>
            <pc:docMk/>
            <pc:sldMk cId="2376958513" sldId="260"/>
            <ac:spMk id="3511" creationId="{EAE57B3E-6868-E440-9358-7CA4E785FC4E}"/>
          </ac:spMkLst>
        </pc:spChg>
        <pc:spChg chg="mod">
          <ac:chgData name="White, Alex" userId="eff6cc8c-37d8-483b-9c6c-6b27e9afa9bc" providerId="ADAL" clId="{BF04C754-5BF4-4E83-9615-DB14FA25AF8A}" dt="2023-10-12T11:37:53" v="291"/>
          <ac:spMkLst>
            <pc:docMk/>
            <pc:sldMk cId="2376958513" sldId="260"/>
            <ac:spMk id="3512" creationId="{39B9EFD7-CF5A-B2CC-8DAA-BF844A61493B}"/>
          </ac:spMkLst>
        </pc:spChg>
        <pc:spChg chg="mod">
          <ac:chgData name="White, Alex" userId="eff6cc8c-37d8-483b-9c6c-6b27e9afa9bc" providerId="ADAL" clId="{BF04C754-5BF4-4E83-9615-DB14FA25AF8A}" dt="2023-10-12T11:37:53" v="291"/>
          <ac:spMkLst>
            <pc:docMk/>
            <pc:sldMk cId="2376958513" sldId="260"/>
            <ac:spMk id="3513" creationId="{26F7E15D-95F6-B23C-A133-59B251B552D2}"/>
          </ac:spMkLst>
        </pc:spChg>
        <pc:spChg chg="mod">
          <ac:chgData name="White, Alex" userId="eff6cc8c-37d8-483b-9c6c-6b27e9afa9bc" providerId="ADAL" clId="{BF04C754-5BF4-4E83-9615-DB14FA25AF8A}" dt="2023-10-12T11:37:53" v="291"/>
          <ac:spMkLst>
            <pc:docMk/>
            <pc:sldMk cId="2376958513" sldId="260"/>
            <ac:spMk id="3514" creationId="{97B5E9AB-F6C3-5FFC-5A13-0CE0E0A050BE}"/>
          </ac:spMkLst>
        </pc:spChg>
        <pc:spChg chg="mod">
          <ac:chgData name="White, Alex" userId="eff6cc8c-37d8-483b-9c6c-6b27e9afa9bc" providerId="ADAL" clId="{BF04C754-5BF4-4E83-9615-DB14FA25AF8A}" dt="2023-10-12T11:37:53" v="291"/>
          <ac:spMkLst>
            <pc:docMk/>
            <pc:sldMk cId="2376958513" sldId="260"/>
            <ac:spMk id="3515" creationId="{4B03F34A-A18F-8867-27A2-E02727650829}"/>
          </ac:spMkLst>
        </pc:spChg>
        <pc:spChg chg="mod">
          <ac:chgData name="White, Alex" userId="eff6cc8c-37d8-483b-9c6c-6b27e9afa9bc" providerId="ADAL" clId="{BF04C754-5BF4-4E83-9615-DB14FA25AF8A}" dt="2023-10-12T11:37:53" v="291"/>
          <ac:spMkLst>
            <pc:docMk/>
            <pc:sldMk cId="2376958513" sldId="260"/>
            <ac:spMk id="3516" creationId="{2F68F1D5-8C6F-6A2D-77E8-BDD5115C56C9}"/>
          </ac:spMkLst>
        </pc:spChg>
        <pc:spChg chg="mod">
          <ac:chgData name="White, Alex" userId="eff6cc8c-37d8-483b-9c6c-6b27e9afa9bc" providerId="ADAL" clId="{BF04C754-5BF4-4E83-9615-DB14FA25AF8A}" dt="2023-10-12T11:37:53" v="291"/>
          <ac:spMkLst>
            <pc:docMk/>
            <pc:sldMk cId="2376958513" sldId="260"/>
            <ac:spMk id="3517" creationId="{13F33ED8-C725-B45B-B2AD-79EFB93E5597}"/>
          </ac:spMkLst>
        </pc:spChg>
        <pc:spChg chg="mod">
          <ac:chgData name="White, Alex" userId="eff6cc8c-37d8-483b-9c6c-6b27e9afa9bc" providerId="ADAL" clId="{BF04C754-5BF4-4E83-9615-DB14FA25AF8A}" dt="2023-10-12T11:37:53" v="291"/>
          <ac:spMkLst>
            <pc:docMk/>
            <pc:sldMk cId="2376958513" sldId="260"/>
            <ac:spMk id="3518" creationId="{94258029-53B3-335F-0343-71650455D00B}"/>
          </ac:spMkLst>
        </pc:spChg>
        <pc:spChg chg="mod">
          <ac:chgData name="White, Alex" userId="eff6cc8c-37d8-483b-9c6c-6b27e9afa9bc" providerId="ADAL" clId="{BF04C754-5BF4-4E83-9615-DB14FA25AF8A}" dt="2023-10-12T11:37:53" v="291"/>
          <ac:spMkLst>
            <pc:docMk/>
            <pc:sldMk cId="2376958513" sldId="260"/>
            <ac:spMk id="3519" creationId="{071D6EDF-56B9-E206-549F-A42A17AEE685}"/>
          </ac:spMkLst>
        </pc:spChg>
        <pc:spChg chg="mod">
          <ac:chgData name="White, Alex" userId="eff6cc8c-37d8-483b-9c6c-6b27e9afa9bc" providerId="ADAL" clId="{BF04C754-5BF4-4E83-9615-DB14FA25AF8A}" dt="2023-10-12T11:37:53" v="291"/>
          <ac:spMkLst>
            <pc:docMk/>
            <pc:sldMk cId="2376958513" sldId="260"/>
            <ac:spMk id="3520" creationId="{A2EF7492-7E0D-9A11-0203-B8E163700DA3}"/>
          </ac:spMkLst>
        </pc:spChg>
        <pc:spChg chg="mod">
          <ac:chgData name="White, Alex" userId="eff6cc8c-37d8-483b-9c6c-6b27e9afa9bc" providerId="ADAL" clId="{BF04C754-5BF4-4E83-9615-DB14FA25AF8A}" dt="2023-10-12T11:37:53" v="291"/>
          <ac:spMkLst>
            <pc:docMk/>
            <pc:sldMk cId="2376958513" sldId="260"/>
            <ac:spMk id="3521" creationId="{4D86BABC-2731-F682-7F22-30311BC9906F}"/>
          </ac:spMkLst>
        </pc:spChg>
        <pc:spChg chg="mod">
          <ac:chgData name="White, Alex" userId="eff6cc8c-37d8-483b-9c6c-6b27e9afa9bc" providerId="ADAL" clId="{BF04C754-5BF4-4E83-9615-DB14FA25AF8A}" dt="2023-10-12T11:37:53" v="291"/>
          <ac:spMkLst>
            <pc:docMk/>
            <pc:sldMk cId="2376958513" sldId="260"/>
            <ac:spMk id="3522" creationId="{560785B6-961C-C797-ABAD-A65CF2867C66}"/>
          </ac:spMkLst>
        </pc:spChg>
        <pc:spChg chg="mod">
          <ac:chgData name="White, Alex" userId="eff6cc8c-37d8-483b-9c6c-6b27e9afa9bc" providerId="ADAL" clId="{BF04C754-5BF4-4E83-9615-DB14FA25AF8A}" dt="2023-10-12T11:37:53" v="291"/>
          <ac:spMkLst>
            <pc:docMk/>
            <pc:sldMk cId="2376958513" sldId="260"/>
            <ac:spMk id="3523" creationId="{CDEF3152-F4CB-16DF-EFD0-6F4810BA77D5}"/>
          </ac:spMkLst>
        </pc:spChg>
        <pc:spChg chg="mod">
          <ac:chgData name="White, Alex" userId="eff6cc8c-37d8-483b-9c6c-6b27e9afa9bc" providerId="ADAL" clId="{BF04C754-5BF4-4E83-9615-DB14FA25AF8A}" dt="2023-10-12T11:37:53" v="291"/>
          <ac:spMkLst>
            <pc:docMk/>
            <pc:sldMk cId="2376958513" sldId="260"/>
            <ac:spMk id="3524" creationId="{88A5BC3F-E766-C963-D552-66318F840C6B}"/>
          </ac:spMkLst>
        </pc:spChg>
        <pc:spChg chg="mod">
          <ac:chgData name="White, Alex" userId="eff6cc8c-37d8-483b-9c6c-6b27e9afa9bc" providerId="ADAL" clId="{BF04C754-5BF4-4E83-9615-DB14FA25AF8A}" dt="2023-10-12T11:37:53" v="291"/>
          <ac:spMkLst>
            <pc:docMk/>
            <pc:sldMk cId="2376958513" sldId="260"/>
            <ac:spMk id="3525" creationId="{C6065FCF-8D77-8583-481F-51D969C5208B}"/>
          </ac:spMkLst>
        </pc:spChg>
        <pc:spChg chg="mod">
          <ac:chgData name="White, Alex" userId="eff6cc8c-37d8-483b-9c6c-6b27e9afa9bc" providerId="ADAL" clId="{BF04C754-5BF4-4E83-9615-DB14FA25AF8A}" dt="2023-10-12T11:37:53" v="291"/>
          <ac:spMkLst>
            <pc:docMk/>
            <pc:sldMk cId="2376958513" sldId="260"/>
            <ac:spMk id="3526" creationId="{44913CFF-9BB5-19BC-4701-97A013CA94B6}"/>
          </ac:spMkLst>
        </pc:spChg>
        <pc:spChg chg="mod">
          <ac:chgData name="White, Alex" userId="eff6cc8c-37d8-483b-9c6c-6b27e9afa9bc" providerId="ADAL" clId="{BF04C754-5BF4-4E83-9615-DB14FA25AF8A}" dt="2023-10-12T11:37:53" v="291"/>
          <ac:spMkLst>
            <pc:docMk/>
            <pc:sldMk cId="2376958513" sldId="260"/>
            <ac:spMk id="3527" creationId="{1E5FE8FD-8D13-5331-C5EB-2A60109CB86C}"/>
          </ac:spMkLst>
        </pc:spChg>
        <pc:spChg chg="mod">
          <ac:chgData name="White, Alex" userId="eff6cc8c-37d8-483b-9c6c-6b27e9afa9bc" providerId="ADAL" clId="{BF04C754-5BF4-4E83-9615-DB14FA25AF8A}" dt="2023-10-12T11:37:53" v="291"/>
          <ac:spMkLst>
            <pc:docMk/>
            <pc:sldMk cId="2376958513" sldId="260"/>
            <ac:spMk id="3528" creationId="{728DF831-F952-D164-F02B-91ABDF901BBB}"/>
          </ac:spMkLst>
        </pc:spChg>
        <pc:spChg chg="mod">
          <ac:chgData name="White, Alex" userId="eff6cc8c-37d8-483b-9c6c-6b27e9afa9bc" providerId="ADAL" clId="{BF04C754-5BF4-4E83-9615-DB14FA25AF8A}" dt="2023-10-12T11:37:53" v="291"/>
          <ac:spMkLst>
            <pc:docMk/>
            <pc:sldMk cId="2376958513" sldId="260"/>
            <ac:spMk id="3529" creationId="{11E49376-1F25-4CC1-7304-6F2EF8C088BF}"/>
          </ac:spMkLst>
        </pc:spChg>
        <pc:spChg chg="mod">
          <ac:chgData name="White, Alex" userId="eff6cc8c-37d8-483b-9c6c-6b27e9afa9bc" providerId="ADAL" clId="{BF04C754-5BF4-4E83-9615-DB14FA25AF8A}" dt="2023-10-12T11:37:53" v="291"/>
          <ac:spMkLst>
            <pc:docMk/>
            <pc:sldMk cId="2376958513" sldId="260"/>
            <ac:spMk id="3530" creationId="{0225AEA1-A479-9155-D13E-B05304A9547D}"/>
          </ac:spMkLst>
        </pc:spChg>
        <pc:spChg chg="mod">
          <ac:chgData name="White, Alex" userId="eff6cc8c-37d8-483b-9c6c-6b27e9afa9bc" providerId="ADAL" clId="{BF04C754-5BF4-4E83-9615-DB14FA25AF8A}" dt="2023-10-12T11:37:53" v="291"/>
          <ac:spMkLst>
            <pc:docMk/>
            <pc:sldMk cId="2376958513" sldId="260"/>
            <ac:spMk id="3531" creationId="{6A02855F-9A95-E018-54C2-C97C00419E75}"/>
          </ac:spMkLst>
        </pc:spChg>
        <pc:spChg chg="mod">
          <ac:chgData name="White, Alex" userId="eff6cc8c-37d8-483b-9c6c-6b27e9afa9bc" providerId="ADAL" clId="{BF04C754-5BF4-4E83-9615-DB14FA25AF8A}" dt="2023-10-12T11:37:53" v="291"/>
          <ac:spMkLst>
            <pc:docMk/>
            <pc:sldMk cId="2376958513" sldId="260"/>
            <ac:spMk id="3532" creationId="{D3DAECA0-B1D3-D6E4-02F2-0A71F06D95F0}"/>
          </ac:spMkLst>
        </pc:spChg>
        <pc:spChg chg="mod">
          <ac:chgData name="White, Alex" userId="eff6cc8c-37d8-483b-9c6c-6b27e9afa9bc" providerId="ADAL" clId="{BF04C754-5BF4-4E83-9615-DB14FA25AF8A}" dt="2023-10-12T11:37:53" v="291"/>
          <ac:spMkLst>
            <pc:docMk/>
            <pc:sldMk cId="2376958513" sldId="260"/>
            <ac:spMk id="3533" creationId="{2A2E467F-92DC-43D3-6441-51BB2C3438B0}"/>
          </ac:spMkLst>
        </pc:spChg>
        <pc:spChg chg="mod">
          <ac:chgData name="White, Alex" userId="eff6cc8c-37d8-483b-9c6c-6b27e9afa9bc" providerId="ADAL" clId="{BF04C754-5BF4-4E83-9615-DB14FA25AF8A}" dt="2023-10-12T11:37:53" v="291"/>
          <ac:spMkLst>
            <pc:docMk/>
            <pc:sldMk cId="2376958513" sldId="260"/>
            <ac:spMk id="3534" creationId="{52D13C6E-00EA-C669-5D63-3BF76186CCD8}"/>
          </ac:spMkLst>
        </pc:spChg>
        <pc:spChg chg="mod">
          <ac:chgData name="White, Alex" userId="eff6cc8c-37d8-483b-9c6c-6b27e9afa9bc" providerId="ADAL" clId="{BF04C754-5BF4-4E83-9615-DB14FA25AF8A}" dt="2023-10-12T11:37:53" v="291"/>
          <ac:spMkLst>
            <pc:docMk/>
            <pc:sldMk cId="2376958513" sldId="260"/>
            <ac:spMk id="3535" creationId="{368A66F6-F823-3DE0-68F0-FC729CD0346E}"/>
          </ac:spMkLst>
        </pc:spChg>
        <pc:spChg chg="mod">
          <ac:chgData name="White, Alex" userId="eff6cc8c-37d8-483b-9c6c-6b27e9afa9bc" providerId="ADAL" clId="{BF04C754-5BF4-4E83-9615-DB14FA25AF8A}" dt="2023-10-12T11:37:53" v="291"/>
          <ac:spMkLst>
            <pc:docMk/>
            <pc:sldMk cId="2376958513" sldId="260"/>
            <ac:spMk id="3536" creationId="{87C0D089-2020-5278-88C6-7D071B6E743B}"/>
          </ac:spMkLst>
        </pc:spChg>
        <pc:spChg chg="mod">
          <ac:chgData name="White, Alex" userId="eff6cc8c-37d8-483b-9c6c-6b27e9afa9bc" providerId="ADAL" clId="{BF04C754-5BF4-4E83-9615-DB14FA25AF8A}" dt="2023-10-12T11:37:53" v="291"/>
          <ac:spMkLst>
            <pc:docMk/>
            <pc:sldMk cId="2376958513" sldId="260"/>
            <ac:spMk id="3537" creationId="{046DA88C-FA9B-292A-E65F-DDDFE21A0532}"/>
          </ac:spMkLst>
        </pc:spChg>
        <pc:spChg chg="mod">
          <ac:chgData name="White, Alex" userId="eff6cc8c-37d8-483b-9c6c-6b27e9afa9bc" providerId="ADAL" clId="{BF04C754-5BF4-4E83-9615-DB14FA25AF8A}" dt="2023-10-12T11:37:53" v="291"/>
          <ac:spMkLst>
            <pc:docMk/>
            <pc:sldMk cId="2376958513" sldId="260"/>
            <ac:spMk id="3538" creationId="{408EB481-0A7A-E9E7-70F4-FA338EDDB298}"/>
          </ac:spMkLst>
        </pc:spChg>
        <pc:spChg chg="mod">
          <ac:chgData name="White, Alex" userId="eff6cc8c-37d8-483b-9c6c-6b27e9afa9bc" providerId="ADAL" clId="{BF04C754-5BF4-4E83-9615-DB14FA25AF8A}" dt="2023-10-12T11:37:53" v="291"/>
          <ac:spMkLst>
            <pc:docMk/>
            <pc:sldMk cId="2376958513" sldId="260"/>
            <ac:spMk id="3539" creationId="{A7196E3B-FE9B-1EDF-DD34-480272166D13}"/>
          </ac:spMkLst>
        </pc:spChg>
        <pc:spChg chg="mod">
          <ac:chgData name="White, Alex" userId="eff6cc8c-37d8-483b-9c6c-6b27e9afa9bc" providerId="ADAL" clId="{BF04C754-5BF4-4E83-9615-DB14FA25AF8A}" dt="2023-10-12T11:37:53" v="291"/>
          <ac:spMkLst>
            <pc:docMk/>
            <pc:sldMk cId="2376958513" sldId="260"/>
            <ac:spMk id="3540" creationId="{B510AA74-437D-BA2C-5AA3-22DFC68D201D}"/>
          </ac:spMkLst>
        </pc:spChg>
        <pc:spChg chg="mod">
          <ac:chgData name="White, Alex" userId="eff6cc8c-37d8-483b-9c6c-6b27e9afa9bc" providerId="ADAL" clId="{BF04C754-5BF4-4E83-9615-DB14FA25AF8A}" dt="2023-10-12T11:37:53" v="291"/>
          <ac:spMkLst>
            <pc:docMk/>
            <pc:sldMk cId="2376958513" sldId="260"/>
            <ac:spMk id="3541" creationId="{9990A635-7E2E-36B2-5859-74BE92EBBCF1}"/>
          </ac:spMkLst>
        </pc:spChg>
        <pc:spChg chg="mod">
          <ac:chgData name="White, Alex" userId="eff6cc8c-37d8-483b-9c6c-6b27e9afa9bc" providerId="ADAL" clId="{BF04C754-5BF4-4E83-9615-DB14FA25AF8A}" dt="2023-10-12T11:37:53" v="291"/>
          <ac:spMkLst>
            <pc:docMk/>
            <pc:sldMk cId="2376958513" sldId="260"/>
            <ac:spMk id="3542" creationId="{2D14CB2A-4803-0A13-3272-8EA70322EA0E}"/>
          </ac:spMkLst>
        </pc:spChg>
        <pc:spChg chg="mod">
          <ac:chgData name="White, Alex" userId="eff6cc8c-37d8-483b-9c6c-6b27e9afa9bc" providerId="ADAL" clId="{BF04C754-5BF4-4E83-9615-DB14FA25AF8A}" dt="2023-10-12T11:37:53" v="291"/>
          <ac:spMkLst>
            <pc:docMk/>
            <pc:sldMk cId="2376958513" sldId="260"/>
            <ac:spMk id="3543" creationId="{2AD1B8F8-B017-B7FA-4779-E6220A31B7F9}"/>
          </ac:spMkLst>
        </pc:spChg>
        <pc:spChg chg="mod">
          <ac:chgData name="White, Alex" userId="eff6cc8c-37d8-483b-9c6c-6b27e9afa9bc" providerId="ADAL" clId="{BF04C754-5BF4-4E83-9615-DB14FA25AF8A}" dt="2023-10-12T11:37:53" v="291"/>
          <ac:spMkLst>
            <pc:docMk/>
            <pc:sldMk cId="2376958513" sldId="260"/>
            <ac:spMk id="3544" creationId="{9C8C07A8-4618-494A-2ED0-C6B004412490}"/>
          </ac:spMkLst>
        </pc:spChg>
        <pc:spChg chg="mod">
          <ac:chgData name="White, Alex" userId="eff6cc8c-37d8-483b-9c6c-6b27e9afa9bc" providerId="ADAL" clId="{BF04C754-5BF4-4E83-9615-DB14FA25AF8A}" dt="2023-10-12T11:37:53" v="291"/>
          <ac:spMkLst>
            <pc:docMk/>
            <pc:sldMk cId="2376958513" sldId="260"/>
            <ac:spMk id="3545" creationId="{54CB3452-8D14-E2A4-EF69-2A80C5BE0164}"/>
          </ac:spMkLst>
        </pc:spChg>
        <pc:spChg chg="mod">
          <ac:chgData name="White, Alex" userId="eff6cc8c-37d8-483b-9c6c-6b27e9afa9bc" providerId="ADAL" clId="{BF04C754-5BF4-4E83-9615-DB14FA25AF8A}" dt="2023-10-12T11:37:53" v="291"/>
          <ac:spMkLst>
            <pc:docMk/>
            <pc:sldMk cId="2376958513" sldId="260"/>
            <ac:spMk id="3546" creationId="{C0DABECA-0CC0-36B7-07ED-2A93FF574619}"/>
          </ac:spMkLst>
        </pc:spChg>
        <pc:spChg chg="mod">
          <ac:chgData name="White, Alex" userId="eff6cc8c-37d8-483b-9c6c-6b27e9afa9bc" providerId="ADAL" clId="{BF04C754-5BF4-4E83-9615-DB14FA25AF8A}" dt="2023-10-12T11:37:53" v="291"/>
          <ac:spMkLst>
            <pc:docMk/>
            <pc:sldMk cId="2376958513" sldId="260"/>
            <ac:spMk id="3547" creationId="{D2F105BA-52FE-BD04-613C-BD87029A0D45}"/>
          </ac:spMkLst>
        </pc:spChg>
        <pc:spChg chg="mod">
          <ac:chgData name="White, Alex" userId="eff6cc8c-37d8-483b-9c6c-6b27e9afa9bc" providerId="ADAL" clId="{BF04C754-5BF4-4E83-9615-DB14FA25AF8A}" dt="2023-10-12T11:37:53" v="291"/>
          <ac:spMkLst>
            <pc:docMk/>
            <pc:sldMk cId="2376958513" sldId="260"/>
            <ac:spMk id="3548" creationId="{D9D3A732-B697-87DD-D3B8-C75AAF75F4FF}"/>
          </ac:spMkLst>
        </pc:spChg>
        <pc:spChg chg="mod">
          <ac:chgData name="White, Alex" userId="eff6cc8c-37d8-483b-9c6c-6b27e9afa9bc" providerId="ADAL" clId="{BF04C754-5BF4-4E83-9615-DB14FA25AF8A}" dt="2023-10-12T11:37:53" v="291"/>
          <ac:spMkLst>
            <pc:docMk/>
            <pc:sldMk cId="2376958513" sldId="260"/>
            <ac:spMk id="3549" creationId="{B321C7CF-BCF8-1446-8504-622E6C26916F}"/>
          </ac:spMkLst>
        </pc:spChg>
        <pc:spChg chg="mod">
          <ac:chgData name="White, Alex" userId="eff6cc8c-37d8-483b-9c6c-6b27e9afa9bc" providerId="ADAL" clId="{BF04C754-5BF4-4E83-9615-DB14FA25AF8A}" dt="2023-10-12T11:37:53" v="291"/>
          <ac:spMkLst>
            <pc:docMk/>
            <pc:sldMk cId="2376958513" sldId="260"/>
            <ac:spMk id="3550" creationId="{7FEEDA32-E63B-F826-6F40-C8F8113B9FD5}"/>
          </ac:spMkLst>
        </pc:spChg>
        <pc:spChg chg="mod">
          <ac:chgData name="White, Alex" userId="eff6cc8c-37d8-483b-9c6c-6b27e9afa9bc" providerId="ADAL" clId="{BF04C754-5BF4-4E83-9615-DB14FA25AF8A}" dt="2023-10-12T11:37:53" v="291"/>
          <ac:spMkLst>
            <pc:docMk/>
            <pc:sldMk cId="2376958513" sldId="260"/>
            <ac:spMk id="3551" creationId="{E9034A30-6B84-513E-6025-DDCE255171F9}"/>
          </ac:spMkLst>
        </pc:spChg>
        <pc:spChg chg="mod">
          <ac:chgData name="White, Alex" userId="eff6cc8c-37d8-483b-9c6c-6b27e9afa9bc" providerId="ADAL" clId="{BF04C754-5BF4-4E83-9615-DB14FA25AF8A}" dt="2023-10-12T11:37:53" v="291"/>
          <ac:spMkLst>
            <pc:docMk/>
            <pc:sldMk cId="2376958513" sldId="260"/>
            <ac:spMk id="3552" creationId="{69320A17-B4D7-1C74-8112-D9F9199AA880}"/>
          </ac:spMkLst>
        </pc:spChg>
        <pc:spChg chg="mod">
          <ac:chgData name="White, Alex" userId="eff6cc8c-37d8-483b-9c6c-6b27e9afa9bc" providerId="ADAL" clId="{BF04C754-5BF4-4E83-9615-DB14FA25AF8A}" dt="2023-10-12T11:37:53" v="291"/>
          <ac:spMkLst>
            <pc:docMk/>
            <pc:sldMk cId="2376958513" sldId="260"/>
            <ac:spMk id="3553" creationId="{C7BCFFC1-8A23-AD0E-1172-FCCB9FD88555}"/>
          </ac:spMkLst>
        </pc:spChg>
        <pc:spChg chg="mod">
          <ac:chgData name="White, Alex" userId="eff6cc8c-37d8-483b-9c6c-6b27e9afa9bc" providerId="ADAL" clId="{BF04C754-5BF4-4E83-9615-DB14FA25AF8A}" dt="2023-10-12T11:37:53" v="291"/>
          <ac:spMkLst>
            <pc:docMk/>
            <pc:sldMk cId="2376958513" sldId="260"/>
            <ac:spMk id="3554" creationId="{8C34A805-E3AB-A507-89D9-DF09E117827A}"/>
          </ac:spMkLst>
        </pc:spChg>
        <pc:spChg chg="mod">
          <ac:chgData name="White, Alex" userId="eff6cc8c-37d8-483b-9c6c-6b27e9afa9bc" providerId="ADAL" clId="{BF04C754-5BF4-4E83-9615-DB14FA25AF8A}" dt="2023-10-12T11:37:53" v="291"/>
          <ac:spMkLst>
            <pc:docMk/>
            <pc:sldMk cId="2376958513" sldId="260"/>
            <ac:spMk id="3555" creationId="{34944F44-7C09-8D26-7EE8-95225875D2C4}"/>
          </ac:spMkLst>
        </pc:spChg>
        <pc:spChg chg="mod">
          <ac:chgData name="White, Alex" userId="eff6cc8c-37d8-483b-9c6c-6b27e9afa9bc" providerId="ADAL" clId="{BF04C754-5BF4-4E83-9615-DB14FA25AF8A}" dt="2023-10-12T11:37:53" v="291"/>
          <ac:spMkLst>
            <pc:docMk/>
            <pc:sldMk cId="2376958513" sldId="260"/>
            <ac:spMk id="3556" creationId="{E22180D7-7B4C-DB90-9E06-9295F0909E07}"/>
          </ac:spMkLst>
        </pc:spChg>
        <pc:spChg chg="mod">
          <ac:chgData name="White, Alex" userId="eff6cc8c-37d8-483b-9c6c-6b27e9afa9bc" providerId="ADAL" clId="{BF04C754-5BF4-4E83-9615-DB14FA25AF8A}" dt="2023-10-12T11:37:53" v="291"/>
          <ac:spMkLst>
            <pc:docMk/>
            <pc:sldMk cId="2376958513" sldId="260"/>
            <ac:spMk id="3557" creationId="{7A207888-B7D0-2102-F167-163CD51EEBF5}"/>
          </ac:spMkLst>
        </pc:spChg>
        <pc:spChg chg="mod">
          <ac:chgData name="White, Alex" userId="eff6cc8c-37d8-483b-9c6c-6b27e9afa9bc" providerId="ADAL" clId="{BF04C754-5BF4-4E83-9615-DB14FA25AF8A}" dt="2023-10-12T11:37:53" v="291"/>
          <ac:spMkLst>
            <pc:docMk/>
            <pc:sldMk cId="2376958513" sldId="260"/>
            <ac:spMk id="3558" creationId="{30FDF801-3BCC-677C-5637-9937C090EDBE}"/>
          </ac:spMkLst>
        </pc:spChg>
        <pc:spChg chg="mod">
          <ac:chgData name="White, Alex" userId="eff6cc8c-37d8-483b-9c6c-6b27e9afa9bc" providerId="ADAL" clId="{BF04C754-5BF4-4E83-9615-DB14FA25AF8A}" dt="2023-10-12T11:37:53" v="291"/>
          <ac:spMkLst>
            <pc:docMk/>
            <pc:sldMk cId="2376958513" sldId="260"/>
            <ac:spMk id="3559" creationId="{32848A6C-675C-A55C-B6BA-F1A532647612}"/>
          </ac:spMkLst>
        </pc:spChg>
        <pc:spChg chg="mod">
          <ac:chgData name="White, Alex" userId="eff6cc8c-37d8-483b-9c6c-6b27e9afa9bc" providerId="ADAL" clId="{BF04C754-5BF4-4E83-9615-DB14FA25AF8A}" dt="2023-10-12T11:37:53" v="291"/>
          <ac:spMkLst>
            <pc:docMk/>
            <pc:sldMk cId="2376958513" sldId="260"/>
            <ac:spMk id="3560" creationId="{050E0E27-C6C3-DD9B-B428-92C56259265D}"/>
          </ac:spMkLst>
        </pc:spChg>
        <pc:spChg chg="mod">
          <ac:chgData name="White, Alex" userId="eff6cc8c-37d8-483b-9c6c-6b27e9afa9bc" providerId="ADAL" clId="{BF04C754-5BF4-4E83-9615-DB14FA25AF8A}" dt="2023-10-12T11:37:53" v="291"/>
          <ac:spMkLst>
            <pc:docMk/>
            <pc:sldMk cId="2376958513" sldId="260"/>
            <ac:spMk id="3561" creationId="{BC2E1B3E-13F3-3B44-AC91-14D7936450C6}"/>
          </ac:spMkLst>
        </pc:spChg>
        <pc:spChg chg="mod">
          <ac:chgData name="White, Alex" userId="eff6cc8c-37d8-483b-9c6c-6b27e9afa9bc" providerId="ADAL" clId="{BF04C754-5BF4-4E83-9615-DB14FA25AF8A}" dt="2023-10-12T11:37:53" v="291"/>
          <ac:spMkLst>
            <pc:docMk/>
            <pc:sldMk cId="2376958513" sldId="260"/>
            <ac:spMk id="3562" creationId="{AAB0132C-9050-0D3B-CC59-62AFE3F3B93D}"/>
          </ac:spMkLst>
        </pc:spChg>
        <pc:spChg chg="mod">
          <ac:chgData name="White, Alex" userId="eff6cc8c-37d8-483b-9c6c-6b27e9afa9bc" providerId="ADAL" clId="{BF04C754-5BF4-4E83-9615-DB14FA25AF8A}" dt="2023-10-12T11:37:53" v="291"/>
          <ac:spMkLst>
            <pc:docMk/>
            <pc:sldMk cId="2376958513" sldId="260"/>
            <ac:spMk id="3563" creationId="{000A8012-9A88-9070-035E-8E14D9E0A536}"/>
          </ac:spMkLst>
        </pc:spChg>
        <pc:spChg chg="mod">
          <ac:chgData name="White, Alex" userId="eff6cc8c-37d8-483b-9c6c-6b27e9afa9bc" providerId="ADAL" clId="{BF04C754-5BF4-4E83-9615-DB14FA25AF8A}" dt="2023-10-12T11:37:53" v="291"/>
          <ac:spMkLst>
            <pc:docMk/>
            <pc:sldMk cId="2376958513" sldId="260"/>
            <ac:spMk id="3564" creationId="{57059F8D-2A15-044C-87B9-904E3788D4B3}"/>
          </ac:spMkLst>
        </pc:spChg>
        <pc:spChg chg="mod">
          <ac:chgData name="White, Alex" userId="eff6cc8c-37d8-483b-9c6c-6b27e9afa9bc" providerId="ADAL" clId="{BF04C754-5BF4-4E83-9615-DB14FA25AF8A}" dt="2023-10-12T11:37:53" v="291"/>
          <ac:spMkLst>
            <pc:docMk/>
            <pc:sldMk cId="2376958513" sldId="260"/>
            <ac:spMk id="3565" creationId="{092454F2-31C5-1A5D-75C3-F7D8A0144A4D}"/>
          </ac:spMkLst>
        </pc:spChg>
        <pc:spChg chg="mod">
          <ac:chgData name="White, Alex" userId="eff6cc8c-37d8-483b-9c6c-6b27e9afa9bc" providerId="ADAL" clId="{BF04C754-5BF4-4E83-9615-DB14FA25AF8A}" dt="2023-10-12T11:37:53" v="291"/>
          <ac:spMkLst>
            <pc:docMk/>
            <pc:sldMk cId="2376958513" sldId="260"/>
            <ac:spMk id="3566" creationId="{CB2F4D3E-2291-74BB-7162-E898A9F40DAF}"/>
          </ac:spMkLst>
        </pc:spChg>
        <pc:spChg chg="mod">
          <ac:chgData name="White, Alex" userId="eff6cc8c-37d8-483b-9c6c-6b27e9afa9bc" providerId="ADAL" clId="{BF04C754-5BF4-4E83-9615-DB14FA25AF8A}" dt="2023-10-12T11:37:53" v="291"/>
          <ac:spMkLst>
            <pc:docMk/>
            <pc:sldMk cId="2376958513" sldId="260"/>
            <ac:spMk id="3567" creationId="{7765C757-C837-2499-82C2-A4BCF5F74B09}"/>
          </ac:spMkLst>
        </pc:spChg>
        <pc:spChg chg="mod">
          <ac:chgData name="White, Alex" userId="eff6cc8c-37d8-483b-9c6c-6b27e9afa9bc" providerId="ADAL" clId="{BF04C754-5BF4-4E83-9615-DB14FA25AF8A}" dt="2023-10-12T11:37:53" v="291"/>
          <ac:spMkLst>
            <pc:docMk/>
            <pc:sldMk cId="2376958513" sldId="260"/>
            <ac:spMk id="3568" creationId="{93EBAA5B-C766-E5A6-613C-DFC53F34CFFC}"/>
          </ac:spMkLst>
        </pc:spChg>
        <pc:spChg chg="mod">
          <ac:chgData name="White, Alex" userId="eff6cc8c-37d8-483b-9c6c-6b27e9afa9bc" providerId="ADAL" clId="{BF04C754-5BF4-4E83-9615-DB14FA25AF8A}" dt="2023-10-12T11:37:53" v="291"/>
          <ac:spMkLst>
            <pc:docMk/>
            <pc:sldMk cId="2376958513" sldId="260"/>
            <ac:spMk id="3569" creationId="{583428AD-921D-FD4E-9E03-C7C130B89DAD}"/>
          </ac:spMkLst>
        </pc:spChg>
        <pc:spChg chg="mod">
          <ac:chgData name="White, Alex" userId="eff6cc8c-37d8-483b-9c6c-6b27e9afa9bc" providerId="ADAL" clId="{BF04C754-5BF4-4E83-9615-DB14FA25AF8A}" dt="2023-10-12T11:37:53" v="291"/>
          <ac:spMkLst>
            <pc:docMk/>
            <pc:sldMk cId="2376958513" sldId="260"/>
            <ac:spMk id="3570" creationId="{0A738247-18E3-9309-CAEB-5801A414FE22}"/>
          </ac:spMkLst>
        </pc:spChg>
        <pc:spChg chg="mod">
          <ac:chgData name="White, Alex" userId="eff6cc8c-37d8-483b-9c6c-6b27e9afa9bc" providerId="ADAL" clId="{BF04C754-5BF4-4E83-9615-DB14FA25AF8A}" dt="2023-10-12T11:37:53" v="291"/>
          <ac:spMkLst>
            <pc:docMk/>
            <pc:sldMk cId="2376958513" sldId="260"/>
            <ac:spMk id="3571" creationId="{AA410250-4B20-4315-54CE-0F2FF029647E}"/>
          </ac:spMkLst>
        </pc:spChg>
        <pc:spChg chg="mod">
          <ac:chgData name="White, Alex" userId="eff6cc8c-37d8-483b-9c6c-6b27e9afa9bc" providerId="ADAL" clId="{BF04C754-5BF4-4E83-9615-DB14FA25AF8A}" dt="2023-10-12T11:37:53" v="291"/>
          <ac:spMkLst>
            <pc:docMk/>
            <pc:sldMk cId="2376958513" sldId="260"/>
            <ac:spMk id="3572" creationId="{D38940BC-31D3-2A72-F582-6A33AD42F4E5}"/>
          </ac:spMkLst>
        </pc:spChg>
        <pc:spChg chg="mod">
          <ac:chgData name="White, Alex" userId="eff6cc8c-37d8-483b-9c6c-6b27e9afa9bc" providerId="ADAL" clId="{BF04C754-5BF4-4E83-9615-DB14FA25AF8A}" dt="2023-10-12T11:37:53" v="291"/>
          <ac:spMkLst>
            <pc:docMk/>
            <pc:sldMk cId="2376958513" sldId="260"/>
            <ac:spMk id="3573" creationId="{77BAB2BC-EC66-C9AB-6930-7C6562172DDA}"/>
          </ac:spMkLst>
        </pc:spChg>
        <pc:spChg chg="mod">
          <ac:chgData name="White, Alex" userId="eff6cc8c-37d8-483b-9c6c-6b27e9afa9bc" providerId="ADAL" clId="{BF04C754-5BF4-4E83-9615-DB14FA25AF8A}" dt="2023-10-12T11:37:53" v="291"/>
          <ac:spMkLst>
            <pc:docMk/>
            <pc:sldMk cId="2376958513" sldId="260"/>
            <ac:spMk id="3574" creationId="{BDB78889-D06E-933C-EA58-F55712189EB4}"/>
          </ac:spMkLst>
        </pc:spChg>
        <pc:spChg chg="mod">
          <ac:chgData name="White, Alex" userId="eff6cc8c-37d8-483b-9c6c-6b27e9afa9bc" providerId="ADAL" clId="{BF04C754-5BF4-4E83-9615-DB14FA25AF8A}" dt="2023-10-12T11:37:53" v="291"/>
          <ac:spMkLst>
            <pc:docMk/>
            <pc:sldMk cId="2376958513" sldId="260"/>
            <ac:spMk id="3575" creationId="{FE3CE9A4-EA9A-6BA8-B3A0-8636C96CE6C6}"/>
          </ac:spMkLst>
        </pc:spChg>
        <pc:spChg chg="mod">
          <ac:chgData name="White, Alex" userId="eff6cc8c-37d8-483b-9c6c-6b27e9afa9bc" providerId="ADAL" clId="{BF04C754-5BF4-4E83-9615-DB14FA25AF8A}" dt="2023-10-12T11:37:53" v="291"/>
          <ac:spMkLst>
            <pc:docMk/>
            <pc:sldMk cId="2376958513" sldId="260"/>
            <ac:spMk id="3576" creationId="{9B93BAE7-3713-1B59-F03F-DE237372F57E}"/>
          </ac:spMkLst>
        </pc:spChg>
        <pc:spChg chg="mod">
          <ac:chgData name="White, Alex" userId="eff6cc8c-37d8-483b-9c6c-6b27e9afa9bc" providerId="ADAL" clId="{BF04C754-5BF4-4E83-9615-DB14FA25AF8A}" dt="2023-10-12T11:37:53" v="291"/>
          <ac:spMkLst>
            <pc:docMk/>
            <pc:sldMk cId="2376958513" sldId="260"/>
            <ac:spMk id="3577" creationId="{88CD1BE4-AB8E-97A6-5E3D-D4C143BFE75F}"/>
          </ac:spMkLst>
        </pc:spChg>
        <pc:spChg chg="mod">
          <ac:chgData name="White, Alex" userId="eff6cc8c-37d8-483b-9c6c-6b27e9afa9bc" providerId="ADAL" clId="{BF04C754-5BF4-4E83-9615-DB14FA25AF8A}" dt="2023-10-12T11:37:53" v="291"/>
          <ac:spMkLst>
            <pc:docMk/>
            <pc:sldMk cId="2376958513" sldId="260"/>
            <ac:spMk id="3578" creationId="{A0ED29F4-E152-6DBD-CA31-8C389A081443}"/>
          </ac:spMkLst>
        </pc:spChg>
        <pc:spChg chg="mod">
          <ac:chgData name="White, Alex" userId="eff6cc8c-37d8-483b-9c6c-6b27e9afa9bc" providerId="ADAL" clId="{BF04C754-5BF4-4E83-9615-DB14FA25AF8A}" dt="2023-10-12T11:37:53" v="291"/>
          <ac:spMkLst>
            <pc:docMk/>
            <pc:sldMk cId="2376958513" sldId="260"/>
            <ac:spMk id="3579" creationId="{326D1B74-68F4-39EC-A6EB-7111F87C59D6}"/>
          </ac:spMkLst>
        </pc:spChg>
        <pc:spChg chg="mod">
          <ac:chgData name="White, Alex" userId="eff6cc8c-37d8-483b-9c6c-6b27e9afa9bc" providerId="ADAL" clId="{BF04C754-5BF4-4E83-9615-DB14FA25AF8A}" dt="2023-10-12T11:37:53" v="291"/>
          <ac:spMkLst>
            <pc:docMk/>
            <pc:sldMk cId="2376958513" sldId="260"/>
            <ac:spMk id="3580" creationId="{781EFD83-CD9B-69EE-6CC0-6B2A64FF3EFA}"/>
          </ac:spMkLst>
        </pc:spChg>
        <pc:spChg chg="mod">
          <ac:chgData name="White, Alex" userId="eff6cc8c-37d8-483b-9c6c-6b27e9afa9bc" providerId="ADAL" clId="{BF04C754-5BF4-4E83-9615-DB14FA25AF8A}" dt="2023-10-12T11:37:53" v="291"/>
          <ac:spMkLst>
            <pc:docMk/>
            <pc:sldMk cId="2376958513" sldId="260"/>
            <ac:spMk id="3581" creationId="{326A60AC-C89F-1CDD-D1DA-A492E52B255D}"/>
          </ac:spMkLst>
        </pc:spChg>
        <pc:spChg chg="mod">
          <ac:chgData name="White, Alex" userId="eff6cc8c-37d8-483b-9c6c-6b27e9afa9bc" providerId="ADAL" clId="{BF04C754-5BF4-4E83-9615-DB14FA25AF8A}" dt="2023-10-12T11:37:53" v="291"/>
          <ac:spMkLst>
            <pc:docMk/>
            <pc:sldMk cId="2376958513" sldId="260"/>
            <ac:spMk id="3582" creationId="{07DA5182-C88E-CDF0-39DA-EE83AF5A3F8A}"/>
          </ac:spMkLst>
        </pc:spChg>
        <pc:spChg chg="mod">
          <ac:chgData name="White, Alex" userId="eff6cc8c-37d8-483b-9c6c-6b27e9afa9bc" providerId="ADAL" clId="{BF04C754-5BF4-4E83-9615-DB14FA25AF8A}" dt="2023-10-12T11:37:53" v="291"/>
          <ac:spMkLst>
            <pc:docMk/>
            <pc:sldMk cId="2376958513" sldId="260"/>
            <ac:spMk id="3583" creationId="{22170369-D5F8-733F-D467-B4162840C305}"/>
          </ac:spMkLst>
        </pc:spChg>
        <pc:spChg chg="mod">
          <ac:chgData name="White, Alex" userId="eff6cc8c-37d8-483b-9c6c-6b27e9afa9bc" providerId="ADAL" clId="{BF04C754-5BF4-4E83-9615-DB14FA25AF8A}" dt="2023-10-12T11:37:53" v="291"/>
          <ac:spMkLst>
            <pc:docMk/>
            <pc:sldMk cId="2376958513" sldId="260"/>
            <ac:spMk id="3584" creationId="{22212FE0-6235-8903-B5E1-71F26D0B5BDF}"/>
          </ac:spMkLst>
        </pc:spChg>
        <pc:spChg chg="mod">
          <ac:chgData name="White, Alex" userId="eff6cc8c-37d8-483b-9c6c-6b27e9afa9bc" providerId="ADAL" clId="{BF04C754-5BF4-4E83-9615-DB14FA25AF8A}" dt="2023-10-12T11:37:53" v="291"/>
          <ac:spMkLst>
            <pc:docMk/>
            <pc:sldMk cId="2376958513" sldId="260"/>
            <ac:spMk id="3585" creationId="{080372C0-1C15-D70F-6A4E-EC80661E5406}"/>
          </ac:spMkLst>
        </pc:spChg>
        <pc:spChg chg="mod">
          <ac:chgData name="White, Alex" userId="eff6cc8c-37d8-483b-9c6c-6b27e9afa9bc" providerId="ADAL" clId="{BF04C754-5BF4-4E83-9615-DB14FA25AF8A}" dt="2023-10-12T11:37:53" v="291"/>
          <ac:spMkLst>
            <pc:docMk/>
            <pc:sldMk cId="2376958513" sldId="260"/>
            <ac:spMk id="3586" creationId="{BF3E5F31-07CC-7EF9-154C-42D8B2FCEC1E}"/>
          </ac:spMkLst>
        </pc:spChg>
        <pc:spChg chg="mod">
          <ac:chgData name="White, Alex" userId="eff6cc8c-37d8-483b-9c6c-6b27e9afa9bc" providerId="ADAL" clId="{BF04C754-5BF4-4E83-9615-DB14FA25AF8A}" dt="2023-10-12T11:37:53" v="291"/>
          <ac:spMkLst>
            <pc:docMk/>
            <pc:sldMk cId="2376958513" sldId="260"/>
            <ac:spMk id="3587" creationId="{AF1F747E-493A-90EF-1758-07FC02B9C8AB}"/>
          </ac:spMkLst>
        </pc:spChg>
        <pc:spChg chg="mod">
          <ac:chgData name="White, Alex" userId="eff6cc8c-37d8-483b-9c6c-6b27e9afa9bc" providerId="ADAL" clId="{BF04C754-5BF4-4E83-9615-DB14FA25AF8A}" dt="2023-10-12T11:37:53" v="291"/>
          <ac:spMkLst>
            <pc:docMk/>
            <pc:sldMk cId="2376958513" sldId="260"/>
            <ac:spMk id="3588" creationId="{BC6BAD3E-94B9-8EAC-766E-8DDCEBDB3F38}"/>
          </ac:spMkLst>
        </pc:spChg>
        <pc:spChg chg="mod">
          <ac:chgData name="White, Alex" userId="eff6cc8c-37d8-483b-9c6c-6b27e9afa9bc" providerId="ADAL" clId="{BF04C754-5BF4-4E83-9615-DB14FA25AF8A}" dt="2023-10-12T11:37:53" v="291"/>
          <ac:spMkLst>
            <pc:docMk/>
            <pc:sldMk cId="2376958513" sldId="260"/>
            <ac:spMk id="3589" creationId="{604C9CFB-6B5A-9003-B5DF-4D95D84F2AF1}"/>
          </ac:spMkLst>
        </pc:spChg>
        <pc:spChg chg="mod">
          <ac:chgData name="White, Alex" userId="eff6cc8c-37d8-483b-9c6c-6b27e9afa9bc" providerId="ADAL" clId="{BF04C754-5BF4-4E83-9615-DB14FA25AF8A}" dt="2023-10-12T11:37:53" v="291"/>
          <ac:spMkLst>
            <pc:docMk/>
            <pc:sldMk cId="2376958513" sldId="260"/>
            <ac:spMk id="3590" creationId="{834774D6-DD39-4C38-9217-3F6163FBA42C}"/>
          </ac:spMkLst>
        </pc:spChg>
        <pc:spChg chg="mod">
          <ac:chgData name="White, Alex" userId="eff6cc8c-37d8-483b-9c6c-6b27e9afa9bc" providerId="ADAL" clId="{BF04C754-5BF4-4E83-9615-DB14FA25AF8A}" dt="2023-10-12T11:37:53" v="291"/>
          <ac:spMkLst>
            <pc:docMk/>
            <pc:sldMk cId="2376958513" sldId="260"/>
            <ac:spMk id="3591" creationId="{BF875C4E-C6FF-4E71-2FA1-2D1CCA6078E6}"/>
          </ac:spMkLst>
        </pc:spChg>
        <pc:spChg chg="mod">
          <ac:chgData name="White, Alex" userId="eff6cc8c-37d8-483b-9c6c-6b27e9afa9bc" providerId="ADAL" clId="{BF04C754-5BF4-4E83-9615-DB14FA25AF8A}" dt="2023-10-12T11:37:53" v="291"/>
          <ac:spMkLst>
            <pc:docMk/>
            <pc:sldMk cId="2376958513" sldId="260"/>
            <ac:spMk id="3592" creationId="{D92D2E29-0930-EA6A-9205-22E1E288E528}"/>
          </ac:spMkLst>
        </pc:spChg>
        <pc:spChg chg="mod">
          <ac:chgData name="White, Alex" userId="eff6cc8c-37d8-483b-9c6c-6b27e9afa9bc" providerId="ADAL" clId="{BF04C754-5BF4-4E83-9615-DB14FA25AF8A}" dt="2023-10-12T11:37:53" v="291"/>
          <ac:spMkLst>
            <pc:docMk/>
            <pc:sldMk cId="2376958513" sldId="260"/>
            <ac:spMk id="3593" creationId="{D4002600-8E2E-F3D1-41AE-FCE83190024B}"/>
          </ac:spMkLst>
        </pc:spChg>
        <pc:spChg chg="mod">
          <ac:chgData name="White, Alex" userId="eff6cc8c-37d8-483b-9c6c-6b27e9afa9bc" providerId="ADAL" clId="{BF04C754-5BF4-4E83-9615-DB14FA25AF8A}" dt="2023-10-12T11:37:53" v="291"/>
          <ac:spMkLst>
            <pc:docMk/>
            <pc:sldMk cId="2376958513" sldId="260"/>
            <ac:spMk id="3594" creationId="{23C5D5D2-131A-1FF9-2563-0F706CDE6629}"/>
          </ac:spMkLst>
        </pc:spChg>
        <pc:spChg chg="mod">
          <ac:chgData name="White, Alex" userId="eff6cc8c-37d8-483b-9c6c-6b27e9afa9bc" providerId="ADAL" clId="{BF04C754-5BF4-4E83-9615-DB14FA25AF8A}" dt="2023-10-12T11:37:53" v="291"/>
          <ac:spMkLst>
            <pc:docMk/>
            <pc:sldMk cId="2376958513" sldId="260"/>
            <ac:spMk id="3595" creationId="{52FADE50-F3BD-A83F-0CF0-9557BE23D59F}"/>
          </ac:spMkLst>
        </pc:spChg>
        <pc:spChg chg="mod">
          <ac:chgData name="White, Alex" userId="eff6cc8c-37d8-483b-9c6c-6b27e9afa9bc" providerId="ADAL" clId="{BF04C754-5BF4-4E83-9615-DB14FA25AF8A}" dt="2023-10-12T11:37:53" v="291"/>
          <ac:spMkLst>
            <pc:docMk/>
            <pc:sldMk cId="2376958513" sldId="260"/>
            <ac:spMk id="3596" creationId="{201CB630-BC8D-DAB3-98E0-55065E9CED05}"/>
          </ac:spMkLst>
        </pc:spChg>
        <pc:spChg chg="mod">
          <ac:chgData name="White, Alex" userId="eff6cc8c-37d8-483b-9c6c-6b27e9afa9bc" providerId="ADAL" clId="{BF04C754-5BF4-4E83-9615-DB14FA25AF8A}" dt="2023-10-12T11:37:53" v="291"/>
          <ac:spMkLst>
            <pc:docMk/>
            <pc:sldMk cId="2376958513" sldId="260"/>
            <ac:spMk id="3597" creationId="{B8B708A3-4EC9-C893-F742-3E34FB6DA51E}"/>
          </ac:spMkLst>
        </pc:spChg>
        <pc:spChg chg="mod">
          <ac:chgData name="White, Alex" userId="eff6cc8c-37d8-483b-9c6c-6b27e9afa9bc" providerId="ADAL" clId="{BF04C754-5BF4-4E83-9615-DB14FA25AF8A}" dt="2023-10-12T11:37:53" v="291"/>
          <ac:spMkLst>
            <pc:docMk/>
            <pc:sldMk cId="2376958513" sldId="260"/>
            <ac:spMk id="3598" creationId="{886748A0-A291-AA77-9CD5-ABF17F6D8485}"/>
          </ac:spMkLst>
        </pc:spChg>
        <pc:spChg chg="mod">
          <ac:chgData name="White, Alex" userId="eff6cc8c-37d8-483b-9c6c-6b27e9afa9bc" providerId="ADAL" clId="{BF04C754-5BF4-4E83-9615-DB14FA25AF8A}" dt="2023-10-12T11:37:53" v="291"/>
          <ac:spMkLst>
            <pc:docMk/>
            <pc:sldMk cId="2376958513" sldId="260"/>
            <ac:spMk id="3599" creationId="{2961B9B4-7EB5-EA1E-0512-38038061A50D}"/>
          </ac:spMkLst>
        </pc:spChg>
        <pc:spChg chg="mod">
          <ac:chgData name="White, Alex" userId="eff6cc8c-37d8-483b-9c6c-6b27e9afa9bc" providerId="ADAL" clId="{BF04C754-5BF4-4E83-9615-DB14FA25AF8A}" dt="2023-10-12T11:37:59.791" v="293"/>
          <ac:spMkLst>
            <pc:docMk/>
            <pc:sldMk cId="2376958513" sldId="260"/>
            <ac:spMk id="3611" creationId="{11B281F8-A279-490B-2CC3-52AFA4AB2C47}"/>
          </ac:spMkLst>
        </pc:spChg>
        <pc:spChg chg="mod">
          <ac:chgData name="White, Alex" userId="eff6cc8c-37d8-483b-9c6c-6b27e9afa9bc" providerId="ADAL" clId="{BF04C754-5BF4-4E83-9615-DB14FA25AF8A}" dt="2023-10-12T11:37:59.791" v="293"/>
          <ac:spMkLst>
            <pc:docMk/>
            <pc:sldMk cId="2376958513" sldId="260"/>
            <ac:spMk id="3612" creationId="{A04C3F3F-A71C-5E3A-6927-DBF93D3BCDFF}"/>
          </ac:spMkLst>
        </pc:spChg>
        <pc:spChg chg="mod">
          <ac:chgData name="White, Alex" userId="eff6cc8c-37d8-483b-9c6c-6b27e9afa9bc" providerId="ADAL" clId="{BF04C754-5BF4-4E83-9615-DB14FA25AF8A}" dt="2023-10-12T11:37:59.791" v="293"/>
          <ac:spMkLst>
            <pc:docMk/>
            <pc:sldMk cId="2376958513" sldId="260"/>
            <ac:spMk id="3613" creationId="{161AED0F-00B3-0F11-F849-B3CC7372A489}"/>
          </ac:spMkLst>
        </pc:spChg>
        <pc:spChg chg="mod">
          <ac:chgData name="White, Alex" userId="eff6cc8c-37d8-483b-9c6c-6b27e9afa9bc" providerId="ADAL" clId="{BF04C754-5BF4-4E83-9615-DB14FA25AF8A}" dt="2023-10-12T11:37:59.791" v="293"/>
          <ac:spMkLst>
            <pc:docMk/>
            <pc:sldMk cId="2376958513" sldId="260"/>
            <ac:spMk id="3614" creationId="{293EF69C-6284-7D91-9BE3-26B450E9F23D}"/>
          </ac:spMkLst>
        </pc:spChg>
        <pc:spChg chg="mod">
          <ac:chgData name="White, Alex" userId="eff6cc8c-37d8-483b-9c6c-6b27e9afa9bc" providerId="ADAL" clId="{BF04C754-5BF4-4E83-9615-DB14FA25AF8A}" dt="2023-10-12T11:37:59.791" v="293"/>
          <ac:spMkLst>
            <pc:docMk/>
            <pc:sldMk cId="2376958513" sldId="260"/>
            <ac:spMk id="3615" creationId="{4E5BF54D-9B63-C822-E1B4-232DB175AA7F}"/>
          </ac:spMkLst>
        </pc:spChg>
        <pc:spChg chg="mod">
          <ac:chgData name="White, Alex" userId="eff6cc8c-37d8-483b-9c6c-6b27e9afa9bc" providerId="ADAL" clId="{BF04C754-5BF4-4E83-9615-DB14FA25AF8A}" dt="2023-10-12T11:37:59.791" v="293"/>
          <ac:spMkLst>
            <pc:docMk/>
            <pc:sldMk cId="2376958513" sldId="260"/>
            <ac:spMk id="3616" creationId="{CB4B2FE7-4B01-6051-CDB3-074CF933BED4}"/>
          </ac:spMkLst>
        </pc:spChg>
        <pc:spChg chg="mod">
          <ac:chgData name="White, Alex" userId="eff6cc8c-37d8-483b-9c6c-6b27e9afa9bc" providerId="ADAL" clId="{BF04C754-5BF4-4E83-9615-DB14FA25AF8A}" dt="2023-10-12T11:37:59.791" v="293"/>
          <ac:spMkLst>
            <pc:docMk/>
            <pc:sldMk cId="2376958513" sldId="260"/>
            <ac:spMk id="3617" creationId="{A006C758-F3E4-3427-C1C6-F1AEA1EA35AD}"/>
          </ac:spMkLst>
        </pc:spChg>
        <pc:spChg chg="mod">
          <ac:chgData name="White, Alex" userId="eff6cc8c-37d8-483b-9c6c-6b27e9afa9bc" providerId="ADAL" clId="{BF04C754-5BF4-4E83-9615-DB14FA25AF8A}" dt="2023-10-12T11:37:59.791" v="293"/>
          <ac:spMkLst>
            <pc:docMk/>
            <pc:sldMk cId="2376958513" sldId="260"/>
            <ac:spMk id="3618" creationId="{E669A39B-6786-7044-689F-7FCB83C9F9E0}"/>
          </ac:spMkLst>
        </pc:spChg>
        <pc:spChg chg="mod">
          <ac:chgData name="White, Alex" userId="eff6cc8c-37d8-483b-9c6c-6b27e9afa9bc" providerId="ADAL" clId="{BF04C754-5BF4-4E83-9615-DB14FA25AF8A}" dt="2023-10-12T11:37:59.791" v="293"/>
          <ac:spMkLst>
            <pc:docMk/>
            <pc:sldMk cId="2376958513" sldId="260"/>
            <ac:spMk id="3619" creationId="{B432DA68-C6B3-AAB4-E0D2-13011A413A14}"/>
          </ac:spMkLst>
        </pc:spChg>
        <pc:spChg chg="mod">
          <ac:chgData name="White, Alex" userId="eff6cc8c-37d8-483b-9c6c-6b27e9afa9bc" providerId="ADAL" clId="{BF04C754-5BF4-4E83-9615-DB14FA25AF8A}" dt="2023-10-12T11:37:59.791" v="293"/>
          <ac:spMkLst>
            <pc:docMk/>
            <pc:sldMk cId="2376958513" sldId="260"/>
            <ac:spMk id="3620" creationId="{01A7ACC1-2454-F2B9-AE92-02EDEED77601}"/>
          </ac:spMkLst>
        </pc:spChg>
        <pc:spChg chg="mod">
          <ac:chgData name="White, Alex" userId="eff6cc8c-37d8-483b-9c6c-6b27e9afa9bc" providerId="ADAL" clId="{BF04C754-5BF4-4E83-9615-DB14FA25AF8A}" dt="2023-10-12T11:37:59.791" v="293"/>
          <ac:spMkLst>
            <pc:docMk/>
            <pc:sldMk cId="2376958513" sldId="260"/>
            <ac:spMk id="3621" creationId="{1E8F80A1-4A80-3CB7-22D0-DDC878D439B0}"/>
          </ac:spMkLst>
        </pc:spChg>
        <pc:spChg chg="mod">
          <ac:chgData name="White, Alex" userId="eff6cc8c-37d8-483b-9c6c-6b27e9afa9bc" providerId="ADAL" clId="{BF04C754-5BF4-4E83-9615-DB14FA25AF8A}" dt="2023-10-12T11:37:59.791" v="293"/>
          <ac:spMkLst>
            <pc:docMk/>
            <pc:sldMk cId="2376958513" sldId="260"/>
            <ac:spMk id="3622" creationId="{4C3DAADC-3F6A-134A-6905-948BEE61564B}"/>
          </ac:spMkLst>
        </pc:spChg>
        <pc:spChg chg="mod">
          <ac:chgData name="White, Alex" userId="eff6cc8c-37d8-483b-9c6c-6b27e9afa9bc" providerId="ADAL" clId="{BF04C754-5BF4-4E83-9615-DB14FA25AF8A}" dt="2023-10-12T11:37:59.791" v="293"/>
          <ac:spMkLst>
            <pc:docMk/>
            <pc:sldMk cId="2376958513" sldId="260"/>
            <ac:spMk id="3623" creationId="{F32EE4D3-47AB-91CC-2229-F9455C434F37}"/>
          </ac:spMkLst>
        </pc:spChg>
        <pc:spChg chg="mod">
          <ac:chgData name="White, Alex" userId="eff6cc8c-37d8-483b-9c6c-6b27e9afa9bc" providerId="ADAL" clId="{BF04C754-5BF4-4E83-9615-DB14FA25AF8A}" dt="2023-10-12T11:37:59.791" v="293"/>
          <ac:spMkLst>
            <pc:docMk/>
            <pc:sldMk cId="2376958513" sldId="260"/>
            <ac:spMk id="3624" creationId="{A0E90D0C-391F-2B2D-789F-2B33EFE31D70}"/>
          </ac:spMkLst>
        </pc:spChg>
        <pc:spChg chg="mod">
          <ac:chgData name="White, Alex" userId="eff6cc8c-37d8-483b-9c6c-6b27e9afa9bc" providerId="ADAL" clId="{BF04C754-5BF4-4E83-9615-DB14FA25AF8A}" dt="2023-10-12T11:37:59.791" v="293"/>
          <ac:spMkLst>
            <pc:docMk/>
            <pc:sldMk cId="2376958513" sldId="260"/>
            <ac:spMk id="3625" creationId="{548932EB-5BE6-9F11-D739-7DC8DA223FB7}"/>
          </ac:spMkLst>
        </pc:spChg>
        <pc:spChg chg="mod">
          <ac:chgData name="White, Alex" userId="eff6cc8c-37d8-483b-9c6c-6b27e9afa9bc" providerId="ADAL" clId="{BF04C754-5BF4-4E83-9615-DB14FA25AF8A}" dt="2023-10-12T11:37:59.791" v="293"/>
          <ac:spMkLst>
            <pc:docMk/>
            <pc:sldMk cId="2376958513" sldId="260"/>
            <ac:spMk id="3626" creationId="{C5942BD9-70DD-85E3-6272-390C6FDF3659}"/>
          </ac:spMkLst>
        </pc:spChg>
        <pc:spChg chg="mod">
          <ac:chgData name="White, Alex" userId="eff6cc8c-37d8-483b-9c6c-6b27e9afa9bc" providerId="ADAL" clId="{BF04C754-5BF4-4E83-9615-DB14FA25AF8A}" dt="2023-10-12T11:37:59.791" v="293"/>
          <ac:spMkLst>
            <pc:docMk/>
            <pc:sldMk cId="2376958513" sldId="260"/>
            <ac:spMk id="3627" creationId="{D91AAE89-CB9B-1D7A-FA89-287659220A44}"/>
          </ac:spMkLst>
        </pc:spChg>
        <pc:spChg chg="mod">
          <ac:chgData name="White, Alex" userId="eff6cc8c-37d8-483b-9c6c-6b27e9afa9bc" providerId="ADAL" clId="{BF04C754-5BF4-4E83-9615-DB14FA25AF8A}" dt="2023-10-12T11:37:59.791" v="293"/>
          <ac:spMkLst>
            <pc:docMk/>
            <pc:sldMk cId="2376958513" sldId="260"/>
            <ac:spMk id="3628" creationId="{457F5F6D-A91A-945D-1D59-BA9D2E445C67}"/>
          </ac:spMkLst>
        </pc:spChg>
        <pc:spChg chg="mod">
          <ac:chgData name="White, Alex" userId="eff6cc8c-37d8-483b-9c6c-6b27e9afa9bc" providerId="ADAL" clId="{BF04C754-5BF4-4E83-9615-DB14FA25AF8A}" dt="2023-10-12T11:37:59.791" v="293"/>
          <ac:spMkLst>
            <pc:docMk/>
            <pc:sldMk cId="2376958513" sldId="260"/>
            <ac:spMk id="3629" creationId="{D82E3E62-D4C3-718C-FC31-B15E92AD0B8B}"/>
          </ac:spMkLst>
        </pc:spChg>
        <pc:spChg chg="mod">
          <ac:chgData name="White, Alex" userId="eff6cc8c-37d8-483b-9c6c-6b27e9afa9bc" providerId="ADAL" clId="{BF04C754-5BF4-4E83-9615-DB14FA25AF8A}" dt="2023-10-12T11:37:59.791" v="293"/>
          <ac:spMkLst>
            <pc:docMk/>
            <pc:sldMk cId="2376958513" sldId="260"/>
            <ac:spMk id="3630" creationId="{2F7EF887-1BAA-D4BB-D6B5-71C8EF1EBDEE}"/>
          </ac:spMkLst>
        </pc:spChg>
        <pc:spChg chg="mod">
          <ac:chgData name="White, Alex" userId="eff6cc8c-37d8-483b-9c6c-6b27e9afa9bc" providerId="ADAL" clId="{BF04C754-5BF4-4E83-9615-DB14FA25AF8A}" dt="2023-10-12T11:37:59.791" v="293"/>
          <ac:spMkLst>
            <pc:docMk/>
            <pc:sldMk cId="2376958513" sldId="260"/>
            <ac:spMk id="3631" creationId="{C3FDABD8-EAAF-A41A-FDB9-B8660F3F6C43}"/>
          </ac:spMkLst>
        </pc:spChg>
        <pc:spChg chg="mod">
          <ac:chgData name="White, Alex" userId="eff6cc8c-37d8-483b-9c6c-6b27e9afa9bc" providerId="ADAL" clId="{BF04C754-5BF4-4E83-9615-DB14FA25AF8A}" dt="2023-10-12T11:37:59.791" v="293"/>
          <ac:spMkLst>
            <pc:docMk/>
            <pc:sldMk cId="2376958513" sldId="260"/>
            <ac:spMk id="3632" creationId="{BBAF6FD2-D9A5-3C16-D04A-4DC6F77F7346}"/>
          </ac:spMkLst>
        </pc:spChg>
        <pc:spChg chg="mod">
          <ac:chgData name="White, Alex" userId="eff6cc8c-37d8-483b-9c6c-6b27e9afa9bc" providerId="ADAL" clId="{BF04C754-5BF4-4E83-9615-DB14FA25AF8A}" dt="2023-10-12T11:37:59.791" v="293"/>
          <ac:spMkLst>
            <pc:docMk/>
            <pc:sldMk cId="2376958513" sldId="260"/>
            <ac:spMk id="3633" creationId="{473414E4-4EEF-80AB-BD57-AC34186DE63B}"/>
          </ac:spMkLst>
        </pc:spChg>
        <pc:spChg chg="mod">
          <ac:chgData name="White, Alex" userId="eff6cc8c-37d8-483b-9c6c-6b27e9afa9bc" providerId="ADAL" clId="{BF04C754-5BF4-4E83-9615-DB14FA25AF8A}" dt="2023-10-12T11:37:59.791" v="293"/>
          <ac:spMkLst>
            <pc:docMk/>
            <pc:sldMk cId="2376958513" sldId="260"/>
            <ac:spMk id="3634" creationId="{CE124AD3-8809-CC08-DE76-B4277A8918FF}"/>
          </ac:spMkLst>
        </pc:spChg>
        <pc:spChg chg="mod">
          <ac:chgData name="White, Alex" userId="eff6cc8c-37d8-483b-9c6c-6b27e9afa9bc" providerId="ADAL" clId="{BF04C754-5BF4-4E83-9615-DB14FA25AF8A}" dt="2023-10-12T11:37:59.791" v="293"/>
          <ac:spMkLst>
            <pc:docMk/>
            <pc:sldMk cId="2376958513" sldId="260"/>
            <ac:spMk id="3635" creationId="{50ACD1A0-D3C2-C402-249B-3A978944D1BF}"/>
          </ac:spMkLst>
        </pc:spChg>
        <pc:spChg chg="mod">
          <ac:chgData name="White, Alex" userId="eff6cc8c-37d8-483b-9c6c-6b27e9afa9bc" providerId="ADAL" clId="{BF04C754-5BF4-4E83-9615-DB14FA25AF8A}" dt="2023-10-12T11:37:59.791" v="293"/>
          <ac:spMkLst>
            <pc:docMk/>
            <pc:sldMk cId="2376958513" sldId="260"/>
            <ac:spMk id="3636" creationId="{6F90D733-68CB-C982-A4C9-1D4B8CEE6F7B}"/>
          </ac:spMkLst>
        </pc:spChg>
        <pc:spChg chg="mod">
          <ac:chgData name="White, Alex" userId="eff6cc8c-37d8-483b-9c6c-6b27e9afa9bc" providerId="ADAL" clId="{BF04C754-5BF4-4E83-9615-DB14FA25AF8A}" dt="2023-10-12T11:37:59.791" v="293"/>
          <ac:spMkLst>
            <pc:docMk/>
            <pc:sldMk cId="2376958513" sldId="260"/>
            <ac:spMk id="3637" creationId="{92123B18-2B4A-D446-BE49-5EEF106F1B4E}"/>
          </ac:spMkLst>
        </pc:spChg>
        <pc:spChg chg="mod">
          <ac:chgData name="White, Alex" userId="eff6cc8c-37d8-483b-9c6c-6b27e9afa9bc" providerId="ADAL" clId="{BF04C754-5BF4-4E83-9615-DB14FA25AF8A}" dt="2023-10-12T11:37:59.791" v="293"/>
          <ac:spMkLst>
            <pc:docMk/>
            <pc:sldMk cId="2376958513" sldId="260"/>
            <ac:spMk id="3638" creationId="{EBDB3EEE-B5EA-57A9-C45D-9C869A082E36}"/>
          </ac:spMkLst>
        </pc:spChg>
        <pc:spChg chg="mod">
          <ac:chgData name="White, Alex" userId="eff6cc8c-37d8-483b-9c6c-6b27e9afa9bc" providerId="ADAL" clId="{BF04C754-5BF4-4E83-9615-DB14FA25AF8A}" dt="2023-10-12T11:37:59.791" v="293"/>
          <ac:spMkLst>
            <pc:docMk/>
            <pc:sldMk cId="2376958513" sldId="260"/>
            <ac:spMk id="3639" creationId="{B4337A3C-187D-B70A-8451-316A62884AB4}"/>
          </ac:spMkLst>
        </pc:spChg>
        <pc:spChg chg="mod">
          <ac:chgData name="White, Alex" userId="eff6cc8c-37d8-483b-9c6c-6b27e9afa9bc" providerId="ADAL" clId="{BF04C754-5BF4-4E83-9615-DB14FA25AF8A}" dt="2023-10-12T11:37:59.791" v="293"/>
          <ac:spMkLst>
            <pc:docMk/>
            <pc:sldMk cId="2376958513" sldId="260"/>
            <ac:spMk id="3640" creationId="{91EC3D7D-1469-FE8A-EEE1-AE7CF19DC7C8}"/>
          </ac:spMkLst>
        </pc:spChg>
        <pc:spChg chg="mod">
          <ac:chgData name="White, Alex" userId="eff6cc8c-37d8-483b-9c6c-6b27e9afa9bc" providerId="ADAL" clId="{BF04C754-5BF4-4E83-9615-DB14FA25AF8A}" dt="2023-10-12T11:37:59.791" v="293"/>
          <ac:spMkLst>
            <pc:docMk/>
            <pc:sldMk cId="2376958513" sldId="260"/>
            <ac:spMk id="3641" creationId="{DA6C7223-778A-66AB-FD4C-F8F3BF26D6E2}"/>
          </ac:spMkLst>
        </pc:spChg>
        <pc:spChg chg="mod">
          <ac:chgData name="White, Alex" userId="eff6cc8c-37d8-483b-9c6c-6b27e9afa9bc" providerId="ADAL" clId="{BF04C754-5BF4-4E83-9615-DB14FA25AF8A}" dt="2023-10-12T11:37:59.791" v="293"/>
          <ac:spMkLst>
            <pc:docMk/>
            <pc:sldMk cId="2376958513" sldId="260"/>
            <ac:spMk id="3642" creationId="{8B5EB771-272B-9F02-484E-8E6F0DF1B838}"/>
          </ac:spMkLst>
        </pc:spChg>
        <pc:spChg chg="mod">
          <ac:chgData name="White, Alex" userId="eff6cc8c-37d8-483b-9c6c-6b27e9afa9bc" providerId="ADAL" clId="{BF04C754-5BF4-4E83-9615-DB14FA25AF8A}" dt="2023-10-12T11:37:59.791" v="293"/>
          <ac:spMkLst>
            <pc:docMk/>
            <pc:sldMk cId="2376958513" sldId="260"/>
            <ac:spMk id="3643" creationId="{9A06C211-C3A5-12B9-9CE1-A7E9EF37A32E}"/>
          </ac:spMkLst>
        </pc:spChg>
        <pc:spChg chg="mod">
          <ac:chgData name="White, Alex" userId="eff6cc8c-37d8-483b-9c6c-6b27e9afa9bc" providerId="ADAL" clId="{BF04C754-5BF4-4E83-9615-DB14FA25AF8A}" dt="2023-10-12T11:37:59.791" v="293"/>
          <ac:spMkLst>
            <pc:docMk/>
            <pc:sldMk cId="2376958513" sldId="260"/>
            <ac:spMk id="3644" creationId="{F448D51F-61F7-B202-A278-369CC21465AD}"/>
          </ac:spMkLst>
        </pc:spChg>
        <pc:spChg chg="mod">
          <ac:chgData name="White, Alex" userId="eff6cc8c-37d8-483b-9c6c-6b27e9afa9bc" providerId="ADAL" clId="{BF04C754-5BF4-4E83-9615-DB14FA25AF8A}" dt="2023-10-12T11:37:59.791" v="293"/>
          <ac:spMkLst>
            <pc:docMk/>
            <pc:sldMk cId="2376958513" sldId="260"/>
            <ac:spMk id="3645" creationId="{1BF388CF-AFAD-5061-D087-AA1E02D3C0E2}"/>
          </ac:spMkLst>
        </pc:spChg>
        <pc:spChg chg="mod">
          <ac:chgData name="White, Alex" userId="eff6cc8c-37d8-483b-9c6c-6b27e9afa9bc" providerId="ADAL" clId="{BF04C754-5BF4-4E83-9615-DB14FA25AF8A}" dt="2023-10-12T11:37:59.791" v="293"/>
          <ac:spMkLst>
            <pc:docMk/>
            <pc:sldMk cId="2376958513" sldId="260"/>
            <ac:spMk id="3646" creationId="{DF72BEB7-6043-6BAB-D22F-40A2FEF4D66D}"/>
          </ac:spMkLst>
        </pc:spChg>
        <pc:spChg chg="mod">
          <ac:chgData name="White, Alex" userId="eff6cc8c-37d8-483b-9c6c-6b27e9afa9bc" providerId="ADAL" clId="{BF04C754-5BF4-4E83-9615-DB14FA25AF8A}" dt="2023-10-12T11:37:59.791" v="293"/>
          <ac:spMkLst>
            <pc:docMk/>
            <pc:sldMk cId="2376958513" sldId="260"/>
            <ac:spMk id="3647" creationId="{F5AB61FB-A5D7-8BCD-8DA5-BFC72F587E9A}"/>
          </ac:spMkLst>
        </pc:spChg>
        <pc:spChg chg="mod">
          <ac:chgData name="White, Alex" userId="eff6cc8c-37d8-483b-9c6c-6b27e9afa9bc" providerId="ADAL" clId="{BF04C754-5BF4-4E83-9615-DB14FA25AF8A}" dt="2023-10-12T11:37:59.791" v="293"/>
          <ac:spMkLst>
            <pc:docMk/>
            <pc:sldMk cId="2376958513" sldId="260"/>
            <ac:spMk id="3648" creationId="{B7D12F83-3B96-0506-6087-D8043BDDBE35}"/>
          </ac:spMkLst>
        </pc:spChg>
        <pc:spChg chg="mod">
          <ac:chgData name="White, Alex" userId="eff6cc8c-37d8-483b-9c6c-6b27e9afa9bc" providerId="ADAL" clId="{BF04C754-5BF4-4E83-9615-DB14FA25AF8A}" dt="2023-10-12T11:37:59.791" v="293"/>
          <ac:spMkLst>
            <pc:docMk/>
            <pc:sldMk cId="2376958513" sldId="260"/>
            <ac:spMk id="3649" creationId="{5DF9C153-93BB-49A6-6DED-B388AB4C25B1}"/>
          </ac:spMkLst>
        </pc:spChg>
        <pc:spChg chg="mod">
          <ac:chgData name="White, Alex" userId="eff6cc8c-37d8-483b-9c6c-6b27e9afa9bc" providerId="ADAL" clId="{BF04C754-5BF4-4E83-9615-DB14FA25AF8A}" dt="2023-10-12T11:37:59.791" v="293"/>
          <ac:spMkLst>
            <pc:docMk/>
            <pc:sldMk cId="2376958513" sldId="260"/>
            <ac:spMk id="3650" creationId="{10C5D708-F162-939A-6551-7C5CA737DD1B}"/>
          </ac:spMkLst>
        </pc:spChg>
        <pc:spChg chg="mod">
          <ac:chgData name="White, Alex" userId="eff6cc8c-37d8-483b-9c6c-6b27e9afa9bc" providerId="ADAL" clId="{BF04C754-5BF4-4E83-9615-DB14FA25AF8A}" dt="2023-10-12T11:37:59.791" v="293"/>
          <ac:spMkLst>
            <pc:docMk/>
            <pc:sldMk cId="2376958513" sldId="260"/>
            <ac:spMk id="3651" creationId="{379A1594-AD8F-3678-CCB0-7806FF73D08C}"/>
          </ac:spMkLst>
        </pc:spChg>
        <pc:spChg chg="mod">
          <ac:chgData name="White, Alex" userId="eff6cc8c-37d8-483b-9c6c-6b27e9afa9bc" providerId="ADAL" clId="{BF04C754-5BF4-4E83-9615-DB14FA25AF8A}" dt="2023-10-12T11:37:59.791" v="293"/>
          <ac:spMkLst>
            <pc:docMk/>
            <pc:sldMk cId="2376958513" sldId="260"/>
            <ac:spMk id="3652" creationId="{B976C82D-5F53-D34B-7F3E-F80A54641404}"/>
          </ac:spMkLst>
        </pc:spChg>
        <pc:spChg chg="mod">
          <ac:chgData name="White, Alex" userId="eff6cc8c-37d8-483b-9c6c-6b27e9afa9bc" providerId="ADAL" clId="{BF04C754-5BF4-4E83-9615-DB14FA25AF8A}" dt="2023-10-12T11:37:59.791" v="293"/>
          <ac:spMkLst>
            <pc:docMk/>
            <pc:sldMk cId="2376958513" sldId="260"/>
            <ac:spMk id="3653" creationId="{DDD77701-D97E-E6BD-FF9B-3B1ECBF57A51}"/>
          </ac:spMkLst>
        </pc:spChg>
        <pc:spChg chg="mod">
          <ac:chgData name="White, Alex" userId="eff6cc8c-37d8-483b-9c6c-6b27e9afa9bc" providerId="ADAL" clId="{BF04C754-5BF4-4E83-9615-DB14FA25AF8A}" dt="2023-10-12T11:37:59.791" v="293"/>
          <ac:spMkLst>
            <pc:docMk/>
            <pc:sldMk cId="2376958513" sldId="260"/>
            <ac:spMk id="3654" creationId="{624B03C9-423A-4D0D-209A-FA799C2D40D2}"/>
          </ac:spMkLst>
        </pc:spChg>
        <pc:spChg chg="mod">
          <ac:chgData name="White, Alex" userId="eff6cc8c-37d8-483b-9c6c-6b27e9afa9bc" providerId="ADAL" clId="{BF04C754-5BF4-4E83-9615-DB14FA25AF8A}" dt="2023-10-12T11:37:59.791" v="293"/>
          <ac:spMkLst>
            <pc:docMk/>
            <pc:sldMk cId="2376958513" sldId="260"/>
            <ac:spMk id="3655" creationId="{D5F6963A-C783-8339-6C21-992907C30A04}"/>
          </ac:spMkLst>
        </pc:spChg>
        <pc:spChg chg="mod">
          <ac:chgData name="White, Alex" userId="eff6cc8c-37d8-483b-9c6c-6b27e9afa9bc" providerId="ADAL" clId="{BF04C754-5BF4-4E83-9615-DB14FA25AF8A}" dt="2023-10-12T11:37:59.791" v="293"/>
          <ac:spMkLst>
            <pc:docMk/>
            <pc:sldMk cId="2376958513" sldId="260"/>
            <ac:spMk id="3656" creationId="{DCD0E527-D852-5B94-F9E4-43A6E9C7B32F}"/>
          </ac:spMkLst>
        </pc:spChg>
        <pc:spChg chg="mod">
          <ac:chgData name="White, Alex" userId="eff6cc8c-37d8-483b-9c6c-6b27e9afa9bc" providerId="ADAL" clId="{BF04C754-5BF4-4E83-9615-DB14FA25AF8A}" dt="2023-10-12T11:37:59.791" v="293"/>
          <ac:spMkLst>
            <pc:docMk/>
            <pc:sldMk cId="2376958513" sldId="260"/>
            <ac:spMk id="3657" creationId="{B28456A5-EF92-2A3C-A733-8F9C53C439AC}"/>
          </ac:spMkLst>
        </pc:spChg>
        <pc:spChg chg="mod">
          <ac:chgData name="White, Alex" userId="eff6cc8c-37d8-483b-9c6c-6b27e9afa9bc" providerId="ADAL" clId="{BF04C754-5BF4-4E83-9615-DB14FA25AF8A}" dt="2023-10-12T11:37:59.791" v="293"/>
          <ac:spMkLst>
            <pc:docMk/>
            <pc:sldMk cId="2376958513" sldId="260"/>
            <ac:spMk id="3658" creationId="{ABE41D8B-F86E-72A8-1955-1DC5A77E9989}"/>
          </ac:spMkLst>
        </pc:spChg>
        <pc:spChg chg="mod">
          <ac:chgData name="White, Alex" userId="eff6cc8c-37d8-483b-9c6c-6b27e9afa9bc" providerId="ADAL" clId="{BF04C754-5BF4-4E83-9615-DB14FA25AF8A}" dt="2023-10-12T11:37:59.791" v="293"/>
          <ac:spMkLst>
            <pc:docMk/>
            <pc:sldMk cId="2376958513" sldId="260"/>
            <ac:spMk id="3659" creationId="{8D656C42-32AA-EE3B-2511-670513DB03A3}"/>
          </ac:spMkLst>
        </pc:spChg>
        <pc:spChg chg="mod">
          <ac:chgData name="White, Alex" userId="eff6cc8c-37d8-483b-9c6c-6b27e9afa9bc" providerId="ADAL" clId="{BF04C754-5BF4-4E83-9615-DB14FA25AF8A}" dt="2023-10-12T11:37:59.791" v="293"/>
          <ac:spMkLst>
            <pc:docMk/>
            <pc:sldMk cId="2376958513" sldId="260"/>
            <ac:spMk id="3660" creationId="{9902B73A-1B60-6B4C-0F95-461DD5EC0D9F}"/>
          </ac:spMkLst>
        </pc:spChg>
        <pc:spChg chg="mod">
          <ac:chgData name="White, Alex" userId="eff6cc8c-37d8-483b-9c6c-6b27e9afa9bc" providerId="ADAL" clId="{BF04C754-5BF4-4E83-9615-DB14FA25AF8A}" dt="2023-10-12T11:37:59.791" v="293"/>
          <ac:spMkLst>
            <pc:docMk/>
            <pc:sldMk cId="2376958513" sldId="260"/>
            <ac:spMk id="3661" creationId="{1FDFC469-3FA3-E421-1D4A-5FF60A5CEFB3}"/>
          </ac:spMkLst>
        </pc:spChg>
        <pc:spChg chg="mod">
          <ac:chgData name="White, Alex" userId="eff6cc8c-37d8-483b-9c6c-6b27e9afa9bc" providerId="ADAL" clId="{BF04C754-5BF4-4E83-9615-DB14FA25AF8A}" dt="2023-10-12T11:37:59.791" v="293"/>
          <ac:spMkLst>
            <pc:docMk/>
            <pc:sldMk cId="2376958513" sldId="260"/>
            <ac:spMk id="3662" creationId="{B5F92857-519B-C163-7AD7-6036E9565983}"/>
          </ac:spMkLst>
        </pc:spChg>
        <pc:spChg chg="mod">
          <ac:chgData name="White, Alex" userId="eff6cc8c-37d8-483b-9c6c-6b27e9afa9bc" providerId="ADAL" clId="{BF04C754-5BF4-4E83-9615-DB14FA25AF8A}" dt="2023-10-12T11:37:59.791" v="293"/>
          <ac:spMkLst>
            <pc:docMk/>
            <pc:sldMk cId="2376958513" sldId="260"/>
            <ac:spMk id="3663" creationId="{BC4F6DC3-C96B-2638-48E3-BD43AA59BBFB}"/>
          </ac:spMkLst>
        </pc:spChg>
        <pc:spChg chg="mod">
          <ac:chgData name="White, Alex" userId="eff6cc8c-37d8-483b-9c6c-6b27e9afa9bc" providerId="ADAL" clId="{BF04C754-5BF4-4E83-9615-DB14FA25AF8A}" dt="2023-10-12T11:37:59.791" v="293"/>
          <ac:spMkLst>
            <pc:docMk/>
            <pc:sldMk cId="2376958513" sldId="260"/>
            <ac:spMk id="3664" creationId="{C9DC82ED-FBF8-B6E7-8659-1B74F8202D51}"/>
          </ac:spMkLst>
        </pc:spChg>
        <pc:spChg chg="mod">
          <ac:chgData name="White, Alex" userId="eff6cc8c-37d8-483b-9c6c-6b27e9afa9bc" providerId="ADAL" clId="{BF04C754-5BF4-4E83-9615-DB14FA25AF8A}" dt="2023-10-12T11:37:59.791" v="293"/>
          <ac:spMkLst>
            <pc:docMk/>
            <pc:sldMk cId="2376958513" sldId="260"/>
            <ac:spMk id="3665" creationId="{9AD39275-DFEB-CB2D-524B-AAA0B60C6AF6}"/>
          </ac:spMkLst>
        </pc:spChg>
        <pc:spChg chg="mod">
          <ac:chgData name="White, Alex" userId="eff6cc8c-37d8-483b-9c6c-6b27e9afa9bc" providerId="ADAL" clId="{BF04C754-5BF4-4E83-9615-DB14FA25AF8A}" dt="2023-10-12T11:37:59.791" v="293"/>
          <ac:spMkLst>
            <pc:docMk/>
            <pc:sldMk cId="2376958513" sldId="260"/>
            <ac:spMk id="3666" creationId="{136BDA55-71C0-6C88-1C6B-D9E772B2FF57}"/>
          </ac:spMkLst>
        </pc:spChg>
        <pc:spChg chg="mod">
          <ac:chgData name="White, Alex" userId="eff6cc8c-37d8-483b-9c6c-6b27e9afa9bc" providerId="ADAL" clId="{BF04C754-5BF4-4E83-9615-DB14FA25AF8A}" dt="2023-10-12T11:37:59.791" v="293"/>
          <ac:spMkLst>
            <pc:docMk/>
            <pc:sldMk cId="2376958513" sldId="260"/>
            <ac:spMk id="3667" creationId="{56B9EFE2-B65A-C66C-CC03-28AFC19582DE}"/>
          </ac:spMkLst>
        </pc:spChg>
        <pc:spChg chg="mod">
          <ac:chgData name="White, Alex" userId="eff6cc8c-37d8-483b-9c6c-6b27e9afa9bc" providerId="ADAL" clId="{BF04C754-5BF4-4E83-9615-DB14FA25AF8A}" dt="2023-10-12T11:37:59.791" v="293"/>
          <ac:spMkLst>
            <pc:docMk/>
            <pc:sldMk cId="2376958513" sldId="260"/>
            <ac:spMk id="3668" creationId="{13FF8163-2628-1488-8BB1-3955E6A12DD9}"/>
          </ac:spMkLst>
        </pc:spChg>
        <pc:spChg chg="mod">
          <ac:chgData name="White, Alex" userId="eff6cc8c-37d8-483b-9c6c-6b27e9afa9bc" providerId="ADAL" clId="{BF04C754-5BF4-4E83-9615-DB14FA25AF8A}" dt="2023-10-12T11:37:59.791" v="293"/>
          <ac:spMkLst>
            <pc:docMk/>
            <pc:sldMk cId="2376958513" sldId="260"/>
            <ac:spMk id="3669" creationId="{EC6D34FE-1AB8-C24F-6EE1-FE684EB058F0}"/>
          </ac:spMkLst>
        </pc:spChg>
        <pc:spChg chg="mod">
          <ac:chgData name="White, Alex" userId="eff6cc8c-37d8-483b-9c6c-6b27e9afa9bc" providerId="ADAL" clId="{BF04C754-5BF4-4E83-9615-DB14FA25AF8A}" dt="2023-10-12T11:37:59.791" v="293"/>
          <ac:spMkLst>
            <pc:docMk/>
            <pc:sldMk cId="2376958513" sldId="260"/>
            <ac:spMk id="3670" creationId="{DF6A8A31-CBBB-31A1-1B27-67F37467E14E}"/>
          </ac:spMkLst>
        </pc:spChg>
        <pc:spChg chg="mod">
          <ac:chgData name="White, Alex" userId="eff6cc8c-37d8-483b-9c6c-6b27e9afa9bc" providerId="ADAL" clId="{BF04C754-5BF4-4E83-9615-DB14FA25AF8A}" dt="2023-10-12T11:37:59.791" v="293"/>
          <ac:spMkLst>
            <pc:docMk/>
            <pc:sldMk cId="2376958513" sldId="260"/>
            <ac:spMk id="3671" creationId="{4FA194FD-3F75-8D81-F4DB-7E7264FEEA6A}"/>
          </ac:spMkLst>
        </pc:spChg>
        <pc:spChg chg="mod">
          <ac:chgData name="White, Alex" userId="eff6cc8c-37d8-483b-9c6c-6b27e9afa9bc" providerId="ADAL" clId="{BF04C754-5BF4-4E83-9615-DB14FA25AF8A}" dt="2023-10-12T11:37:59.791" v="293"/>
          <ac:spMkLst>
            <pc:docMk/>
            <pc:sldMk cId="2376958513" sldId="260"/>
            <ac:spMk id="3672" creationId="{476D0E3E-F1E5-0DC8-E492-ED9B0F2C13F7}"/>
          </ac:spMkLst>
        </pc:spChg>
        <pc:spChg chg="mod">
          <ac:chgData name="White, Alex" userId="eff6cc8c-37d8-483b-9c6c-6b27e9afa9bc" providerId="ADAL" clId="{BF04C754-5BF4-4E83-9615-DB14FA25AF8A}" dt="2023-10-12T11:37:59.791" v="293"/>
          <ac:spMkLst>
            <pc:docMk/>
            <pc:sldMk cId="2376958513" sldId="260"/>
            <ac:spMk id="3673" creationId="{2FCAC53A-13BA-0DCD-0226-7CF49E9215D7}"/>
          </ac:spMkLst>
        </pc:spChg>
        <pc:spChg chg="mod">
          <ac:chgData name="White, Alex" userId="eff6cc8c-37d8-483b-9c6c-6b27e9afa9bc" providerId="ADAL" clId="{BF04C754-5BF4-4E83-9615-DB14FA25AF8A}" dt="2023-10-12T11:37:59.791" v="293"/>
          <ac:spMkLst>
            <pc:docMk/>
            <pc:sldMk cId="2376958513" sldId="260"/>
            <ac:spMk id="3674" creationId="{6EAE6564-7E67-B819-F0C7-53D49A2D0CDB}"/>
          </ac:spMkLst>
        </pc:spChg>
        <pc:spChg chg="mod">
          <ac:chgData name="White, Alex" userId="eff6cc8c-37d8-483b-9c6c-6b27e9afa9bc" providerId="ADAL" clId="{BF04C754-5BF4-4E83-9615-DB14FA25AF8A}" dt="2023-10-12T11:37:59.791" v="293"/>
          <ac:spMkLst>
            <pc:docMk/>
            <pc:sldMk cId="2376958513" sldId="260"/>
            <ac:spMk id="3675" creationId="{78B2843E-4E10-B68D-E73B-67272A8BF81F}"/>
          </ac:spMkLst>
        </pc:spChg>
        <pc:spChg chg="mod">
          <ac:chgData name="White, Alex" userId="eff6cc8c-37d8-483b-9c6c-6b27e9afa9bc" providerId="ADAL" clId="{BF04C754-5BF4-4E83-9615-DB14FA25AF8A}" dt="2023-10-12T11:37:59.791" v="293"/>
          <ac:spMkLst>
            <pc:docMk/>
            <pc:sldMk cId="2376958513" sldId="260"/>
            <ac:spMk id="3676" creationId="{8DCE8BCA-5D4F-F6F3-C0E5-26A03A4D2344}"/>
          </ac:spMkLst>
        </pc:spChg>
        <pc:spChg chg="mod">
          <ac:chgData name="White, Alex" userId="eff6cc8c-37d8-483b-9c6c-6b27e9afa9bc" providerId="ADAL" clId="{BF04C754-5BF4-4E83-9615-DB14FA25AF8A}" dt="2023-10-12T11:37:59.791" v="293"/>
          <ac:spMkLst>
            <pc:docMk/>
            <pc:sldMk cId="2376958513" sldId="260"/>
            <ac:spMk id="3677" creationId="{59A215F6-E9E2-248C-2C2A-70D5EF0AAFFC}"/>
          </ac:spMkLst>
        </pc:spChg>
        <pc:spChg chg="mod">
          <ac:chgData name="White, Alex" userId="eff6cc8c-37d8-483b-9c6c-6b27e9afa9bc" providerId="ADAL" clId="{BF04C754-5BF4-4E83-9615-DB14FA25AF8A}" dt="2023-10-12T11:37:59.791" v="293"/>
          <ac:spMkLst>
            <pc:docMk/>
            <pc:sldMk cId="2376958513" sldId="260"/>
            <ac:spMk id="3678" creationId="{3DC797DF-5519-FD42-5EF0-942C597B3F08}"/>
          </ac:spMkLst>
        </pc:spChg>
        <pc:spChg chg="mod">
          <ac:chgData name="White, Alex" userId="eff6cc8c-37d8-483b-9c6c-6b27e9afa9bc" providerId="ADAL" clId="{BF04C754-5BF4-4E83-9615-DB14FA25AF8A}" dt="2023-10-12T11:37:59.791" v="293"/>
          <ac:spMkLst>
            <pc:docMk/>
            <pc:sldMk cId="2376958513" sldId="260"/>
            <ac:spMk id="3679" creationId="{BE2DDB24-9A1E-FFA4-D4CD-806AE29770F5}"/>
          </ac:spMkLst>
        </pc:spChg>
        <pc:spChg chg="mod">
          <ac:chgData name="White, Alex" userId="eff6cc8c-37d8-483b-9c6c-6b27e9afa9bc" providerId="ADAL" clId="{BF04C754-5BF4-4E83-9615-DB14FA25AF8A}" dt="2023-10-12T11:37:59.791" v="293"/>
          <ac:spMkLst>
            <pc:docMk/>
            <pc:sldMk cId="2376958513" sldId="260"/>
            <ac:spMk id="3680" creationId="{D391690D-30A1-3567-688A-E353F08A844A}"/>
          </ac:spMkLst>
        </pc:spChg>
        <pc:spChg chg="mod">
          <ac:chgData name="White, Alex" userId="eff6cc8c-37d8-483b-9c6c-6b27e9afa9bc" providerId="ADAL" clId="{BF04C754-5BF4-4E83-9615-DB14FA25AF8A}" dt="2023-10-12T11:37:59.791" v="293"/>
          <ac:spMkLst>
            <pc:docMk/>
            <pc:sldMk cId="2376958513" sldId="260"/>
            <ac:spMk id="3681" creationId="{116C122D-BF5B-E01A-DB32-31CBF9499D49}"/>
          </ac:spMkLst>
        </pc:spChg>
        <pc:spChg chg="mod">
          <ac:chgData name="White, Alex" userId="eff6cc8c-37d8-483b-9c6c-6b27e9afa9bc" providerId="ADAL" clId="{BF04C754-5BF4-4E83-9615-DB14FA25AF8A}" dt="2023-10-12T11:37:59.791" v="293"/>
          <ac:spMkLst>
            <pc:docMk/>
            <pc:sldMk cId="2376958513" sldId="260"/>
            <ac:spMk id="3682" creationId="{327B2072-7FAC-869E-ED4A-CBDAAE517C10}"/>
          </ac:spMkLst>
        </pc:spChg>
        <pc:spChg chg="mod">
          <ac:chgData name="White, Alex" userId="eff6cc8c-37d8-483b-9c6c-6b27e9afa9bc" providerId="ADAL" clId="{BF04C754-5BF4-4E83-9615-DB14FA25AF8A}" dt="2023-10-12T11:37:59.791" v="293"/>
          <ac:spMkLst>
            <pc:docMk/>
            <pc:sldMk cId="2376958513" sldId="260"/>
            <ac:spMk id="3683" creationId="{CED8D5D7-853E-84BF-066C-63ABD3D5D2DD}"/>
          </ac:spMkLst>
        </pc:spChg>
        <pc:spChg chg="mod">
          <ac:chgData name="White, Alex" userId="eff6cc8c-37d8-483b-9c6c-6b27e9afa9bc" providerId="ADAL" clId="{BF04C754-5BF4-4E83-9615-DB14FA25AF8A}" dt="2023-10-12T11:37:59.791" v="293"/>
          <ac:spMkLst>
            <pc:docMk/>
            <pc:sldMk cId="2376958513" sldId="260"/>
            <ac:spMk id="3684" creationId="{1C2F7282-24A4-3B06-21EB-5790988769D2}"/>
          </ac:spMkLst>
        </pc:spChg>
        <pc:spChg chg="mod">
          <ac:chgData name="White, Alex" userId="eff6cc8c-37d8-483b-9c6c-6b27e9afa9bc" providerId="ADAL" clId="{BF04C754-5BF4-4E83-9615-DB14FA25AF8A}" dt="2023-10-12T11:37:59.791" v="293"/>
          <ac:spMkLst>
            <pc:docMk/>
            <pc:sldMk cId="2376958513" sldId="260"/>
            <ac:spMk id="3685" creationId="{33DEF418-6239-D0D8-BEB8-652EAF056307}"/>
          </ac:spMkLst>
        </pc:spChg>
        <pc:spChg chg="mod">
          <ac:chgData name="White, Alex" userId="eff6cc8c-37d8-483b-9c6c-6b27e9afa9bc" providerId="ADAL" clId="{BF04C754-5BF4-4E83-9615-DB14FA25AF8A}" dt="2023-10-12T11:37:59.791" v="293"/>
          <ac:spMkLst>
            <pc:docMk/>
            <pc:sldMk cId="2376958513" sldId="260"/>
            <ac:spMk id="3686" creationId="{692116EA-0EEF-7E4B-86C4-41000E34FF5D}"/>
          </ac:spMkLst>
        </pc:spChg>
        <pc:spChg chg="mod">
          <ac:chgData name="White, Alex" userId="eff6cc8c-37d8-483b-9c6c-6b27e9afa9bc" providerId="ADAL" clId="{BF04C754-5BF4-4E83-9615-DB14FA25AF8A}" dt="2023-10-12T11:37:59.791" v="293"/>
          <ac:spMkLst>
            <pc:docMk/>
            <pc:sldMk cId="2376958513" sldId="260"/>
            <ac:spMk id="3687" creationId="{262941C7-AC30-C47F-37A9-FFBF417329BC}"/>
          </ac:spMkLst>
        </pc:spChg>
        <pc:spChg chg="mod">
          <ac:chgData name="White, Alex" userId="eff6cc8c-37d8-483b-9c6c-6b27e9afa9bc" providerId="ADAL" clId="{BF04C754-5BF4-4E83-9615-DB14FA25AF8A}" dt="2023-10-12T11:37:59.791" v="293"/>
          <ac:spMkLst>
            <pc:docMk/>
            <pc:sldMk cId="2376958513" sldId="260"/>
            <ac:spMk id="3688" creationId="{2E66EABB-D221-6BEC-CBC9-0A5B006655B8}"/>
          </ac:spMkLst>
        </pc:spChg>
        <pc:spChg chg="mod">
          <ac:chgData name="White, Alex" userId="eff6cc8c-37d8-483b-9c6c-6b27e9afa9bc" providerId="ADAL" clId="{BF04C754-5BF4-4E83-9615-DB14FA25AF8A}" dt="2023-10-12T11:37:59.791" v="293"/>
          <ac:spMkLst>
            <pc:docMk/>
            <pc:sldMk cId="2376958513" sldId="260"/>
            <ac:spMk id="3689" creationId="{7748886C-DB81-0785-2A6C-2D0D6FAF6E35}"/>
          </ac:spMkLst>
        </pc:spChg>
        <pc:spChg chg="mod">
          <ac:chgData name="White, Alex" userId="eff6cc8c-37d8-483b-9c6c-6b27e9afa9bc" providerId="ADAL" clId="{BF04C754-5BF4-4E83-9615-DB14FA25AF8A}" dt="2023-10-12T11:37:59.791" v="293"/>
          <ac:spMkLst>
            <pc:docMk/>
            <pc:sldMk cId="2376958513" sldId="260"/>
            <ac:spMk id="3690" creationId="{A82F376A-5D68-BED0-8BE5-5024EE7C7F6D}"/>
          </ac:spMkLst>
        </pc:spChg>
        <pc:spChg chg="mod">
          <ac:chgData name="White, Alex" userId="eff6cc8c-37d8-483b-9c6c-6b27e9afa9bc" providerId="ADAL" clId="{BF04C754-5BF4-4E83-9615-DB14FA25AF8A}" dt="2023-10-12T11:37:59.791" v="293"/>
          <ac:spMkLst>
            <pc:docMk/>
            <pc:sldMk cId="2376958513" sldId="260"/>
            <ac:spMk id="3691" creationId="{6DFA487D-7447-CA07-17C8-0060EA3855F5}"/>
          </ac:spMkLst>
        </pc:spChg>
        <pc:spChg chg="mod">
          <ac:chgData name="White, Alex" userId="eff6cc8c-37d8-483b-9c6c-6b27e9afa9bc" providerId="ADAL" clId="{BF04C754-5BF4-4E83-9615-DB14FA25AF8A}" dt="2023-10-12T11:37:59.791" v="293"/>
          <ac:spMkLst>
            <pc:docMk/>
            <pc:sldMk cId="2376958513" sldId="260"/>
            <ac:spMk id="3692" creationId="{4CCAE272-F693-C8A3-2354-67326BDD1991}"/>
          </ac:spMkLst>
        </pc:spChg>
        <pc:spChg chg="mod">
          <ac:chgData name="White, Alex" userId="eff6cc8c-37d8-483b-9c6c-6b27e9afa9bc" providerId="ADAL" clId="{BF04C754-5BF4-4E83-9615-DB14FA25AF8A}" dt="2023-10-12T11:37:59.791" v="293"/>
          <ac:spMkLst>
            <pc:docMk/>
            <pc:sldMk cId="2376958513" sldId="260"/>
            <ac:spMk id="3693" creationId="{C7494AF4-6C99-30E4-C5EE-CED2B4651514}"/>
          </ac:spMkLst>
        </pc:spChg>
        <pc:spChg chg="mod">
          <ac:chgData name="White, Alex" userId="eff6cc8c-37d8-483b-9c6c-6b27e9afa9bc" providerId="ADAL" clId="{BF04C754-5BF4-4E83-9615-DB14FA25AF8A}" dt="2023-10-12T11:37:59.791" v="293"/>
          <ac:spMkLst>
            <pc:docMk/>
            <pc:sldMk cId="2376958513" sldId="260"/>
            <ac:spMk id="3694" creationId="{C16721BC-39A1-48D2-34EC-2AFA87AA4F36}"/>
          </ac:spMkLst>
        </pc:spChg>
        <pc:spChg chg="mod">
          <ac:chgData name="White, Alex" userId="eff6cc8c-37d8-483b-9c6c-6b27e9afa9bc" providerId="ADAL" clId="{BF04C754-5BF4-4E83-9615-DB14FA25AF8A}" dt="2023-10-12T11:37:59.791" v="293"/>
          <ac:spMkLst>
            <pc:docMk/>
            <pc:sldMk cId="2376958513" sldId="260"/>
            <ac:spMk id="3695" creationId="{1DD77275-AAF5-34BD-57E0-915F8C7CDA0A}"/>
          </ac:spMkLst>
        </pc:spChg>
        <pc:spChg chg="mod">
          <ac:chgData name="White, Alex" userId="eff6cc8c-37d8-483b-9c6c-6b27e9afa9bc" providerId="ADAL" clId="{BF04C754-5BF4-4E83-9615-DB14FA25AF8A}" dt="2023-10-12T11:37:59.791" v="293"/>
          <ac:spMkLst>
            <pc:docMk/>
            <pc:sldMk cId="2376958513" sldId="260"/>
            <ac:spMk id="3696" creationId="{460FBAC6-F9D2-151D-B555-E374A7587C3A}"/>
          </ac:spMkLst>
        </pc:spChg>
        <pc:spChg chg="mod">
          <ac:chgData name="White, Alex" userId="eff6cc8c-37d8-483b-9c6c-6b27e9afa9bc" providerId="ADAL" clId="{BF04C754-5BF4-4E83-9615-DB14FA25AF8A}" dt="2023-10-12T11:37:59.791" v="293"/>
          <ac:spMkLst>
            <pc:docMk/>
            <pc:sldMk cId="2376958513" sldId="260"/>
            <ac:spMk id="3697" creationId="{CAAB64B6-1CB5-F609-AFDA-1F08065B898F}"/>
          </ac:spMkLst>
        </pc:spChg>
        <pc:spChg chg="mod">
          <ac:chgData name="White, Alex" userId="eff6cc8c-37d8-483b-9c6c-6b27e9afa9bc" providerId="ADAL" clId="{BF04C754-5BF4-4E83-9615-DB14FA25AF8A}" dt="2023-10-12T11:37:59.791" v="293"/>
          <ac:spMkLst>
            <pc:docMk/>
            <pc:sldMk cId="2376958513" sldId="260"/>
            <ac:spMk id="3698" creationId="{31CE7D73-11AB-2C47-F780-909104CA4CD2}"/>
          </ac:spMkLst>
        </pc:spChg>
        <pc:spChg chg="mod">
          <ac:chgData name="White, Alex" userId="eff6cc8c-37d8-483b-9c6c-6b27e9afa9bc" providerId="ADAL" clId="{BF04C754-5BF4-4E83-9615-DB14FA25AF8A}" dt="2023-10-12T11:37:59.791" v="293"/>
          <ac:spMkLst>
            <pc:docMk/>
            <pc:sldMk cId="2376958513" sldId="260"/>
            <ac:spMk id="3699" creationId="{FC43D0F2-DF44-80F1-824E-B43C95354918}"/>
          </ac:spMkLst>
        </pc:spChg>
        <pc:spChg chg="mod">
          <ac:chgData name="White, Alex" userId="eff6cc8c-37d8-483b-9c6c-6b27e9afa9bc" providerId="ADAL" clId="{BF04C754-5BF4-4E83-9615-DB14FA25AF8A}" dt="2023-10-12T11:37:59.791" v="293"/>
          <ac:spMkLst>
            <pc:docMk/>
            <pc:sldMk cId="2376958513" sldId="260"/>
            <ac:spMk id="3700" creationId="{9A3E843B-93BC-3835-6889-2AAD4F394496}"/>
          </ac:spMkLst>
        </pc:spChg>
        <pc:spChg chg="mod">
          <ac:chgData name="White, Alex" userId="eff6cc8c-37d8-483b-9c6c-6b27e9afa9bc" providerId="ADAL" clId="{BF04C754-5BF4-4E83-9615-DB14FA25AF8A}" dt="2023-10-12T11:37:59.791" v="293"/>
          <ac:spMkLst>
            <pc:docMk/>
            <pc:sldMk cId="2376958513" sldId="260"/>
            <ac:spMk id="3701" creationId="{3EA0A62D-6584-C957-943E-84220C4D7732}"/>
          </ac:spMkLst>
        </pc:spChg>
        <pc:spChg chg="mod">
          <ac:chgData name="White, Alex" userId="eff6cc8c-37d8-483b-9c6c-6b27e9afa9bc" providerId="ADAL" clId="{BF04C754-5BF4-4E83-9615-DB14FA25AF8A}" dt="2023-10-12T11:37:59.791" v="293"/>
          <ac:spMkLst>
            <pc:docMk/>
            <pc:sldMk cId="2376958513" sldId="260"/>
            <ac:spMk id="3702" creationId="{EED91426-FC0C-5073-80D6-0B05CF15EA16}"/>
          </ac:spMkLst>
        </pc:spChg>
        <pc:spChg chg="mod">
          <ac:chgData name="White, Alex" userId="eff6cc8c-37d8-483b-9c6c-6b27e9afa9bc" providerId="ADAL" clId="{BF04C754-5BF4-4E83-9615-DB14FA25AF8A}" dt="2023-10-12T11:37:59.791" v="293"/>
          <ac:spMkLst>
            <pc:docMk/>
            <pc:sldMk cId="2376958513" sldId="260"/>
            <ac:spMk id="3703" creationId="{75A23C5D-4ECD-7530-E938-F8ECF45182B6}"/>
          </ac:spMkLst>
        </pc:spChg>
        <pc:spChg chg="mod">
          <ac:chgData name="White, Alex" userId="eff6cc8c-37d8-483b-9c6c-6b27e9afa9bc" providerId="ADAL" clId="{BF04C754-5BF4-4E83-9615-DB14FA25AF8A}" dt="2023-10-12T11:37:59.791" v="293"/>
          <ac:spMkLst>
            <pc:docMk/>
            <pc:sldMk cId="2376958513" sldId="260"/>
            <ac:spMk id="3704" creationId="{52CC7BBA-E5D8-A01A-A308-3A8E9B2085B0}"/>
          </ac:spMkLst>
        </pc:spChg>
        <pc:spChg chg="mod">
          <ac:chgData name="White, Alex" userId="eff6cc8c-37d8-483b-9c6c-6b27e9afa9bc" providerId="ADAL" clId="{BF04C754-5BF4-4E83-9615-DB14FA25AF8A}" dt="2023-10-12T11:37:59.791" v="293"/>
          <ac:spMkLst>
            <pc:docMk/>
            <pc:sldMk cId="2376958513" sldId="260"/>
            <ac:spMk id="3705" creationId="{3D6A2A23-8B17-9680-7B61-79A468343B00}"/>
          </ac:spMkLst>
        </pc:spChg>
        <pc:spChg chg="mod">
          <ac:chgData name="White, Alex" userId="eff6cc8c-37d8-483b-9c6c-6b27e9afa9bc" providerId="ADAL" clId="{BF04C754-5BF4-4E83-9615-DB14FA25AF8A}" dt="2023-10-12T11:37:59.791" v="293"/>
          <ac:spMkLst>
            <pc:docMk/>
            <pc:sldMk cId="2376958513" sldId="260"/>
            <ac:spMk id="3706" creationId="{E3B9CC1C-A49B-F953-2D66-D263E748D7EA}"/>
          </ac:spMkLst>
        </pc:spChg>
        <pc:spChg chg="mod">
          <ac:chgData name="White, Alex" userId="eff6cc8c-37d8-483b-9c6c-6b27e9afa9bc" providerId="ADAL" clId="{BF04C754-5BF4-4E83-9615-DB14FA25AF8A}" dt="2023-10-12T11:37:59.791" v="293"/>
          <ac:spMkLst>
            <pc:docMk/>
            <pc:sldMk cId="2376958513" sldId="260"/>
            <ac:spMk id="3707" creationId="{9002F2D0-F3E8-7016-5F5B-94E63832C46F}"/>
          </ac:spMkLst>
        </pc:spChg>
        <pc:spChg chg="mod">
          <ac:chgData name="White, Alex" userId="eff6cc8c-37d8-483b-9c6c-6b27e9afa9bc" providerId="ADAL" clId="{BF04C754-5BF4-4E83-9615-DB14FA25AF8A}" dt="2023-10-12T11:37:59.791" v="293"/>
          <ac:spMkLst>
            <pc:docMk/>
            <pc:sldMk cId="2376958513" sldId="260"/>
            <ac:spMk id="3708" creationId="{650DF75D-2C37-F71C-CC70-597D0F711CD1}"/>
          </ac:spMkLst>
        </pc:spChg>
        <pc:spChg chg="mod">
          <ac:chgData name="White, Alex" userId="eff6cc8c-37d8-483b-9c6c-6b27e9afa9bc" providerId="ADAL" clId="{BF04C754-5BF4-4E83-9615-DB14FA25AF8A}" dt="2023-10-12T11:37:59.791" v="293"/>
          <ac:spMkLst>
            <pc:docMk/>
            <pc:sldMk cId="2376958513" sldId="260"/>
            <ac:spMk id="3709" creationId="{FF637AA4-8F4A-F44C-4A34-A9AA9A8FFF8B}"/>
          </ac:spMkLst>
        </pc:spChg>
        <pc:spChg chg="mod">
          <ac:chgData name="White, Alex" userId="eff6cc8c-37d8-483b-9c6c-6b27e9afa9bc" providerId="ADAL" clId="{BF04C754-5BF4-4E83-9615-DB14FA25AF8A}" dt="2023-10-12T11:37:59.791" v="293"/>
          <ac:spMkLst>
            <pc:docMk/>
            <pc:sldMk cId="2376958513" sldId="260"/>
            <ac:spMk id="3710" creationId="{E7487FEC-DACC-EA5B-B1A8-15D1EFAC0F18}"/>
          </ac:spMkLst>
        </pc:spChg>
        <pc:spChg chg="mod">
          <ac:chgData name="White, Alex" userId="eff6cc8c-37d8-483b-9c6c-6b27e9afa9bc" providerId="ADAL" clId="{BF04C754-5BF4-4E83-9615-DB14FA25AF8A}" dt="2023-10-12T11:37:59.791" v="293"/>
          <ac:spMkLst>
            <pc:docMk/>
            <pc:sldMk cId="2376958513" sldId="260"/>
            <ac:spMk id="3711" creationId="{52F10D90-C014-5B4F-5C23-64CCC15FCB5F}"/>
          </ac:spMkLst>
        </pc:spChg>
        <pc:spChg chg="mod">
          <ac:chgData name="White, Alex" userId="eff6cc8c-37d8-483b-9c6c-6b27e9afa9bc" providerId="ADAL" clId="{BF04C754-5BF4-4E83-9615-DB14FA25AF8A}" dt="2023-10-12T11:37:59.791" v="293"/>
          <ac:spMkLst>
            <pc:docMk/>
            <pc:sldMk cId="2376958513" sldId="260"/>
            <ac:spMk id="3712" creationId="{598D7F1B-B2B0-0C72-3135-D08C01F6E655}"/>
          </ac:spMkLst>
        </pc:spChg>
        <pc:spChg chg="mod">
          <ac:chgData name="White, Alex" userId="eff6cc8c-37d8-483b-9c6c-6b27e9afa9bc" providerId="ADAL" clId="{BF04C754-5BF4-4E83-9615-DB14FA25AF8A}" dt="2023-10-12T11:37:59.791" v="293"/>
          <ac:spMkLst>
            <pc:docMk/>
            <pc:sldMk cId="2376958513" sldId="260"/>
            <ac:spMk id="3713" creationId="{7889AE00-02F5-A6D7-6E94-A63B0B8EC5A1}"/>
          </ac:spMkLst>
        </pc:spChg>
        <pc:spChg chg="mod">
          <ac:chgData name="White, Alex" userId="eff6cc8c-37d8-483b-9c6c-6b27e9afa9bc" providerId="ADAL" clId="{BF04C754-5BF4-4E83-9615-DB14FA25AF8A}" dt="2023-10-12T11:37:59.791" v="293"/>
          <ac:spMkLst>
            <pc:docMk/>
            <pc:sldMk cId="2376958513" sldId="260"/>
            <ac:spMk id="3714" creationId="{710C694F-40C0-86F6-32D5-CE76F7AC4D69}"/>
          </ac:spMkLst>
        </pc:spChg>
        <pc:spChg chg="mod">
          <ac:chgData name="White, Alex" userId="eff6cc8c-37d8-483b-9c6c-6b27e9afa9bc" providerId="ADAL" clId="{BF04C754-5BF4-4E83-9615-DB14FA25AF8A}" dt="2023-10-12T11:37:59.791" v="293"/>
          <ac:spMkLst>
            <pc:docMk/>
            <pc:sldMk cId="2376958513" sldId="260"/>
            <ac:spMk id="3715" creationId="{D61F7504-7794-0FCF-BED1-A0C2571ED5EC}"/>
          </ac:spMkLst>
        </pc:spChg>
        <pc:spChg chg="mod">
          <ac:chgData name="White, Alex" userId="eff6cc8c-37d8-483b-9c6c-6b27e9afa9bc" providerId="ADAL" clId="{BF04C754-5BF4-4E83-9615-DB14FA25AF8A}" dt="2023-10-12T11:37:59.791" v="293"/>
          <ac:spMkLst>
            <pc:docMk/>
            <pc:sldMk cId="2376958513" sldId="260"/>
            <ac:spMk id="3716" creationId="{502D7B1E-5D0B-F273-4681-8032133AE73A}"/>
          </ac:spMkLst>
        </pc:spChg>
        <pc:spChg chg="mod">
          <ac:chgData name="White, Alex" userId="eff6cc8c-37d8-483b-9c6c-6b27e9afa9bc" providerId="ADAL" clId="{BF04C754-5BF4-4E83-9615-DB14FA25AF8A}" dt="2023-10-12T11:37:59.791" v="293"/>
          <ac:spMkLst>
            <pc:docMk/>
            <pc:sldMk cId="2376958513" sldId="260"/>
            <ac:spMk id="3717" creationId="{3EC11E24-16AE-14A3-8856-968CB01A5DAE}"/>
          </ac:spMkLst>
        </pc:spChg>
        <pc:spChg chg="mod">
          <ac:chgData name="White, Alex" userId="eff6cc8c-37d8-483b-9c6c-6b27e9afa9bc" providerId="ADAL" clId="{BF04C754-5BF4-4E83-9615-DB14FA25AF8A}" dt="2023-10-12T11:37:59.791" v="293"/>
          <ac:spMkLst>
            <pc:docMk/>
            <pc:sldMk cId="2376958513" sldId="260"/>
            <ac:spMk id="3718" creationId="{E20DC3D7-2B7D-D537-C9F9-4A3DB6F3F402}"/>
          </ac:spMkLst>
        </pc:spChg>
        <pc:spChg chg="mod">
          <ac:chgData name="White, Alex" userId="eff6cc8c-37d8-483b-9c6c-6b27e9afa9bc" providerId="ADAL" clId="{BF04C754-5BF4-4E83-9615-DB14FA25AF8A}" dt="2023-10-12T11:37:59.791" v="293"/>
          <ac:spMkLst>
            <pc:docMk/>
            <pc:sldMk cId="2376958513" sldId="260"/>
            <ac:spMk id="3719" creationId="{B353D9F7-E2CB-661E-0181-F764E63D39DA}"/>
          </ac:spMkLst>
        </pc:spChg>
        <pc:spChg chg="mod">
          <ac:chgData name="White, Alex" userId="eff6cc8c-37d8-483b-9c6c-6b27e9afa9bc" providerId="ADAL" clId="{BF04C754-5BF4-4E83-9615-DB14FA25AF8A}" dt="2023-10-12T11:37:59.791" v="293"/>
          <ac:spMkLst>
            <pc:docMk/>
            <pc:sldMk cId="2376958513" sldId="260"/>
            <ac:spMk id="3720" creationId="{1D895060-9388-3DF0-481D-5DD85D407BF4}"/>
          </ac:spMkLst>
        </pc:spChg>
        <pc:spChg chg="mod">
          <ac:chgData name="White, Alex" userId="eff6cc8c-37d8-483b-9c6c-6b27e9afa9bc" providerId="ADAL" clId="{BF04C754-5BF4-4E83-9615-DB14FA25AF8A}" dt="2023-10-12T11:37:59.791" v="293"/>
          <ac:spMkLst>
            <pc:docMk/>
            <pc:sldMk cId="2376958513" sldId="260"/>
            <ac:spMk id="3721" creationId="{62BB4901-43DF-22DB-E6B2-DF0367A78500}"/>
          </ac:spMkLst>
        </pc:spChg>
        <pc:spChg chg="mod">
          <ac:chgData name="White, Alex" userId="eff6cc8c-37d8-483b-9c6c-6b27e9afa9bc" providerId="ADAL" clId="{BF04C754-5BF4-4E83-9615-DB14FA25AF8A}" dt="2023-10-12T11:37:59.791" v="293"/>
          <ac:spMkLst>
            <pc:docMk/>
            <pc:sldMk cId="2376958513" sldId="260"/>
            <ac:spMk id="3722" creationId="{AA841761-0057-9359-9142-66AEA28D69E0}"/>
          </ac:spMkLst>
        </pc:spChg>
        <pc:spChg chg="mod">
          <ac:chgData name="White, Alex" userId="eff6cc8c-37d8-483b-9c6c-6b27e9afa9bc" providerId="ADAL" clId="{BF04C754-5BF4-4E83-9615-DB14FA25AF8A}" dt="2023-10-12T11:37:59.791" v="293"/>
          <ac:spMkLst>
            <pc:docMk/>
            <pc:sldMk cId="2376958513" sldId="260"/>
            <ac:spMk id="3723" creationId="{16BB4D3D-963A-395E-75A6-4ADF2E7AE3EE}"/>
          </ac:spMkLst>
        </pc:spChg>
        <pc:spChg chg="mod">
          <ac:chgData name="White, Alex" userId="eff6cc8c-37d8-483b-9c6c-6b27e9afa9bc" providerId="ADAL" clId="{BF04C754-5BF4-4E83-9615-DB14FA25AF8A}" dt="2023-10-12T11:37:59.791" v="293"/>
          <ac:spMkLst>
            <pc:docMk/>
            <pc:sldMk cId="2376958513" sldId="260"/>
            <ac:spMk id="3724" creationId="{3A6635BD-F804-B7C8-E2F6-6E654CA14552}"/>
          </ac:spMkLst>
        </pc:spChg>
        <pc:spChg chg="mod">
          <ac:chgData name="White, Alex" userId="eff6cc8c-37d8-483b-9c6c-6b27e9afa9bc" providerId="ADAL" clId="{BF04C754-5BF4-4E83-9615-DB14FA25AF8A}" dt="2023-10-12T11:37:59.791" v="293"/>
          <ac:spMkLst>
            <pc:docMk/>
            <pc:sldMk cId="2376958513" sldId="260"/>
            <ac:spMk id="3725" creationId="{B2BE5BE7-9A0E-B45B-79B8-642E3E82B492}"/>
          </ac:spMkLst>
        </pc:spChg>
        <pc:spChg chg="mod">
          <ac:chgData name="White, Alex" userId="eff6cc8c-37d8-483b-9c6c-6b27e9afa9bc" providerId="ADAL" clId="{BF04C754-5BF4-4E83-9615-DB14FA25AF8A}" dt="2023-10-12T11:37:59.791" v="293"/>
          <ac:spMkLst>
            <pc:docMk/>
            <pc:sldMk cId="2376958513" sldId="260"/>
            <ac:spMk id="3726" creationId="{8D7AE1F5-E196-6089-BFBF-F5CF2D77F7EF}"/>
          </ac:spMkLst>
        </pc:spChg>
        <pc:spChg chg="mod">
          <ac:chgData name="White, Alex" userId="eff6cc8c-37d8-483b-9c6c-6b27e9afa9bc" providerId="ADAL" clId="{BF04C754-5BF4-4E83-9615-DB14FA25AF8A}" dt="2023-10-12T11:37:59.791" v="293"/>
          <ac:spMkLst>
            <pc:docMk/>
            <pc:sldMk cId="2376958513" sldId="260"/>
            <ac:spMk id="3727" creationId="{04DE70DB-A737-23C6-4A9C-5CAAAEB81196}"/>
          </ac:spMkLst>
        </pc:spChg>
        <pc:spChg chg="mod">
          <ac:chgData name="White, Alex" userId="eff6cc8c-37d8-483b-9c6c-6b27e9afa9bc" providerId="ADAL" clId="{BF04C754-5BF4-4E83-9615-DB14FA25AF8A}" dt="2023-10-12T11:37:59.791" v="293"/>
          <ac:spMkLst>
            <pc:docMk/>
            <pc:sldMk cId="2376958513" sldId="260"/>
            <ac:spMk id="3728" creationId="{3CA71D78-64B7-CC2C-E459-7E039D7F28B1}"/>
          </ac:spMkLst>
        </pc:spChg>
        <pc:spChg chg="mod">
          <ac:chgData name="White, Alex" userId="eff6cc8c-37d8-483b-9c6c-6b27e9afa9bc" providerId="ADAL" clId="{BF04C754-5BF4-4E83-9615-DB14FA25AF8A}" dt="2023-10-12T11:37:59.791" v="293"/>
          <ac:spMkLst>
            <pc:docMk/>
            <pc:sldMk cId="2376958513" sldId="260"/>
            <ac:spMk id="3729" creationId="{DFF0CE7E-0063-EBF3-97FB-9B271ED4CFE4}"/>
          </ac:spMkLst>
        </pc:spChg>
        <pc:spChg chg="mod">
          <ac:chgData name="White, Alex" userId="eff6cc8c-37d8-483b-9c6c-6b27e9afa9bc" providerId="ADAL" clId="{BF04C754-5BF4-4E83-9615-DB14FA25AF8A}" dt="2023-10-12T11:37:59.791" v="293"/>
          <ac:spMkLst>
            <pc:docMk/>
            <pc:sldMk cId="2376958513" sldId="260"/>
            <ac:spMk id="3730" creationId="{E3CEF85C-DE56-E50D-5A77-A02691616734}"/>
          </ac:spMkLst>
        </pc:spChg>
        <pc:spChg chg="mod">
          <ac:chgData name="White, Alex" userId="eff6cc8c-37d8-483b-9c6c-6b27e9afa9bc" providerId="ADAL" clId="{BF04C754-5BF4-4E83-9615-DB14FA25AF8A}" dt="2023-10-12T11:37:59.791" v="293"/>
          <ac:spMkLst>
            <pc:docMk/>
            <pc:sldMk cId="2376958513" sldId="260"/>
            <ac:spMk id="3731" creationId="{F59333F3-9D71-7830-CAEE-685294EA68C3}"/>
          </ac:spMkLst>
        </pc:spChg>
        <pc:spChg chg="mod">
          <ac:chgData name="White, Alex" userId="eff6cc8c-37d8-483b-9c6c-6b27e9afa9bc" providerId="ADAL" clId="{BF04C754-5BF4-4E83-9615-DB14FA25AF8A}" dt="2023-10-12T11:37:59.791" v="293"/>
          <ac:spMkLst>
            <pc:docMk/>
            <pc:sldMk cId="2376958513" sldId="260"/>
            <ac:spMk id="3732" creationId="{2A390A9D-6E85-2BE8-F8FD-0ED22853C7B1}"/>
          </ac:spMkLst>
        </pc:spChg>
        <pc:spChg chg="mod">
          <ac:chgData name="White, Alex" userId="eff6cc8c-37d8-483b-9c6c-6b27e9afa9bc" providerId="ADAL" clId="{BF04C754-5BF4-4E83-9615-DB14FA25AF8A}" dt="2023-10-12T11:37:59.791" v="293"/>
          <ac:spMkLst>
            <pc:docMk/>
            <pc:sldMk cId="2376958513" sldId="260"/>
            <ac:spMk id="3733" creationId="{738C3276-EB8C-8BDF-C592-8F294C805D97}"/>
          </ac:spMkLst>
        </pc:spChg>
        <pc:spChg chg="mod">
          <ac:chgData name="White, Alex" userId="eff6cc8c-37d8-483b-9c6c-6b27e9afa9bc" providerId="ADAL" clId="{BF04C754-5BF4-4E83-9615-DB14FA25AF8A}" dt="2023-10-12T11:37:59.791" v="293"/>
          <ac:spMkLst>
            <pc:docMk/>
            <pc:sldMk cId="2376958513" sldId="260"/>
            <ac:spMk id="3734" creationId="{015D69DB-D9D9-8F25-CBCE-44348C4C4809}"/>
          </ac:spMkLst>
        </pc:spChg>
        <pc:spChg chg="mod">
          <ac:chgData name="White, Alex" userId="eff6cc8c-37d8-483b-9c6c-6b27e9afa9bc" providerId="ADAL" clId="{BF04C754-5BF4-4E83-9615-DB14FA25AF8A}" dt="2023-10-12T11:37:59.791" v="293"/>
          <ac:spMkLst>
            <pc:docMk/>
            <pc:sldMk cId="2376958513" sldId="260"/>
            <ac:spMk id="3735" creationId="{24A4F3AE-C29D-477F-3E02-907050DE2BBB}"/>
          </ac:spMkLst>
        </pc:spChg>
        <pc:spChg chg="mod">
          <ac:chgData name="White, Alex" userId="eff6cc8c-37d8-483b-9c6c-6b27e9afa9bc" providerId="ADAL" clId="{BF04C754-5BF4-4E83-9615-DB14FA25AF8A}" dt="2023-10-12T11:37:59.791" v="293"/>
          <ac:spMkLst>
            <pc:docMk/>
            <pc:sldMk cId="2376958513" sldId="260"/>
            <ac:spMk id="3736" creationId="{C6966D18-8B91-723F-1157-B41E1D99205B}"/>
          </ac:spMkLst>
        </pc:spChg>
        <pc:spChg chg="mod">
          <ac:chgData name="White, Alex" userId="eff6cc8c-37d8-483b-9c6c-6b27e9afa9bc" providerId="ADAL" clId="{BF04C754-5BF4-4E83-9615-DB14FA25AF8A}" dt="2023-10-12T11:37:59.791" v="293"/>
          <ac:spMkLst>
            <pc:docMk/>
            <pc:sldMk cId="2376958513" sldId="260"/>
            <ac:spMk id="3737" creationId="{011078E2-A474-D597-3EEE-30E3DD62A2D2}"/>
          </ac:spMkLst>
        </pc:spChg>
        <pc:spChg chg="mod">
          <ac:chgData name="White, Alex" userId="eff6cc8c-37d8-483b-9c6c-6b27e9afa9bc" providerId="ADAL" clId="{BF04C754-5BF4-4E83-9615-DB14FA25AF8A}" dt="2023-10-12T11:37:59.791" v="293"/>
          <ac:spMkLst>
            <pc:docMk/>
            <pc:sldMk cId="2376958513" sldId="260"/>
            <ac:spMk id="3738" creationId="{2C9D7AEA-34EC-498F-E6EF-4F1AD43F8A17}"/>
          </ac:spMkLst>
        </pc:spChg>
        <pc:spChg chg="mod">
          <ac:chgData name="White, Alex" userId="eff6cc8c-37d8-483b-9c6c-6b27e9afa9bc" providerId="ADAL" clId="{BF04C754-5BF4-4E83-9615-DB14FA25AF8A}" dt="2023-10-12T11:37:59.791" v="293"/>
          <ac:spMkLst>
            <pc:docMk/>
            <pc:sldMk cId="2376958513" sldId="260"/>
            <ac:spMk id="3739" creationId="{47D73B31-C522-93D8-38D4-EB8C1F402322}"/>
          </ac:spMkLst>
        </pc:spChg>
        <pc:spChg chg="mod">
          <ac:chgData name="White, Alex" userId="eff6cc8c-37d8-483b-9c6c-6b27e9afa9bc" providerId="ADAL" clId="{BF04C754-5BF4-4E83-9615-DB14FA25AF8A}" dt="2023-10-12T11:37:59.791" v="293"/>
          <ac:spMkLst>
            <pc:docMk/>
            <pc:sldMk cId="2376958513" sldId="260"/>
            <ac:spMk id="3740" creationId="{DE6B0496-0F0B-9F64-BE21-9A12EACAB02D}"/>
          </ac:spMkLst>
        </pc:spChg>
        <pc:spChg chg="mod">
          <ac:chgData name="White, Alex" userId="eff6cc8c-37d8-483b-9c6c-6b27e9afa9bc" providerId="ADAL" clId="{BF04C754-5BF4-4E83-9615-DB14FA25AF8A}" dt="2023-10-12T11:37:59.791" v="293"/>
          <ac:spMkLst>
            <pc:docMk/>
            <pc:sldMk cId="2376958513" sldId="260"/>
            <ac:spMk id="3741" creationId="{3644D9EE-5A35-261C-F91B-98C01A884634}"/>
          </ac:spMkLst>
        </pc:spChg>
        <pc:spChg chg="mod">
          <ac:chgData name="White, Alex" userId="eff6cc8c-37d8-483b-9c6c-6b27e9afa9bc" providerId="ADAL" clId="{BF04C754-5BF4-4E83-9615-DB14FA25AF8A}" dt="2023-10-12T11:37:59.791" v="293"/>
          <ac:spMkLst>
            <pc:docMk/>
            <pc:sldMk cId="2376958513" sldId="260"/>
            <ac:spMk id="3742" creationId="{8A7FA155-015D-0D87-F9F7-4CE9C2582D8C}"/>
          </ac:spMkLst>
        </pc:spChg>
        <pc:spChg chg="mod">
          <ac:chgData name="White, Alex" userId="eff6cc8c-37d8-483b-9c6c-6b27e9afa9bc" providerId="ADAL" clId="{BF04C754-5BF4-4E83-9615-DB14FA25AF8A}" dt="2023-10-12T11:37:59.791" v="293"/>
          <ac:spMkLst>
            <pc:docMk/>
            <pc:sldMk cId="2376958513" sldId="260"/>
            <ac:spMk id="3743" creationId="{EC5CD531-91A3-0190-AAD1-190482557F38}"/>
          </ac:spMkLst>
        </pc:spChg>
        <pc:spChg chg="mod">
          <ac:chgData name="White, Alex" userId="eff6cc8c-37d8-483b-9c6c-6b27e9afa9bc" providerId="ADAL" clId="{BF04C754-5BF4-4E83-9615-DB14FA25AF8A}" dt="2023-10-12T11:37:59.791" v="293"/>
          <ac:spMkLst>
            <pc:docMk/>
            <pc:sldMk cId="2376958513" sldId="260"/>
            <ac:spMk id="3744" creationId="{877CA2E3-1711-7F28-C769-9EFA86A933FB}"/>
          </ac:spMkLst>
        </pc:spChg>
        <pc:spChg chg="mod">
          <ac:chgData name="White, Alex" userId="eff6cc8c-37d8-483b-9c6c-6b27e9afa9bc" providerId="ADAL" clId="{BF04C754-5BF4-4E83-9615-DB14FA25AF8A}" dt="2023-10-12T11:37:59.791" v="293"/>
          <ac:spMkLst>
            <pc:docMk/>
            <pc:sldMk cId="2376958513" sldId="260"/>
            <ac:spMk id="3745" creationId="{91A58AD8-2182-D8FE-8F56-BEBA2764FF11}"/>
          </ac:spMkLst>
        </pc:spChg>
        <pc:spChg chg="mod">
          <ac:chgData name="White, Alex" userId="eff6cc8c-37d8-483b-9c6c-6b27e9afa9bc" providerId="ADAL" clId="{BF04C754-5BF4-4E83-9615-DB14FA25AF8A}" dt="2023-10-12T11:37:59.791" v="293"/>
          <ac:spMkLst>
            <pc:docMk/>
            <pc:sldMk cId="2376958513" sldId="260"/>
            <ac:spMk id="3746" creationId="{71D94412-D3A4-8B30-1D16-D0CE27B56214}"/>
          </ac:spMkLst>
        </pc:spChg>
        <pc:spChg chg="mod">
          <ac:chgData name="White, Alex" userId="eff6cc8c-37d8-483b-9c6c-6b27e9afa9bc" providerId="ADAL" clId="{BF04C754-5BF4-4E83-9615-DB14FA25AF8A}" dt="2023-10-12T11:37:59.791" v="293"/>
          <ac:spMkLst>
            <pc:docMk/>
            <pc:sldMk cId="2376958513" sldId="260"/>
            <ac:spMk id="3747" creationId="{E3B1C0A1-0DE7-956B-A479-D32E5A995413}"/>
          </ac:spMkLst>
        </pc:spChg>
        <pc:spChg chg="mod">
          <ac:chgData name="White, Alex" userId="eff6cc8c-37d8-483b-9c6c-6b27e9afa9bc" providerId="ADAL" clId="{BF04C754-5BF4-4E83-9615-DB14FA25AF8A}" dt="2023-10-12T11:37:59.791" v="293"/>
          <ac:spMkLst>
            <pc:docMk/>
            <pc:sldMk cId="2376958513" sldId="260"/>
            <ac:spMk id="3748" creationId="{FDE4C2AC-905A-2539-FFA3-9E7CF35B76DD}"/>
          </ac:spMkLst>
        </pc:spChg>
        <pc:spChg chg="mod">
          <ac:chgData name="White, Alex" userId="eff6cc8c-37d8-483b-9c6c-6b27e9afa9bc" providerId="ADAL" clId="{BF04C754-5BF4-4E83-9615-DB14FA25AF8A}" dt="2023-10-12T11:37:59.791" v="293"/>
          <ac:spMkLst>
            <pc:docMk/>
            <pc:sldMk cId="2376958513" sldId="260"/>
            <ac:spMk id="3749" creationId="{5B90B103-C234-38D4-98D2-9C3F655DCF0C}"/>
          </ac:spMkLst>
        </pc:spChg>
        <pc:spChg chg="mod">
          <ac:chgData name="White, Alex" userId="eff6cc8c-37d8-483b-9c6c-6b27e9afa9bc" providerId="ADAL" clId="{BF04C754-5BF4-4E83-9615-DB14FA25AF8A}" dt="2023-10-12T11:37:59.791" v="293"/>
          <ac:spMkLst>
            <pc:docMk/>
            <pc:sldMk cId="2376958513" sldId="260"/>
            <ac:spMk id="3750" creationId="{7D4D12A4-DF27-E240-9103-F0CA0FD4B8BC}"/>
          </ac:spMkLst>
        </pc:spChg>
        <pc:spChg chg="mod">
          <ac:chgData name="White, Alex" userId="eff6cc8c-37d8-483b-9c6c-6b27e9afa9bc" providerId="ADAL" clId="{BF04C754-5BF4-4E83-9615-DB14FA25AF8A}" dt="2023-10-12T11:37:59.791" v="293"/>
          <ac:spMkLst>
            <pc:docMk/>
            <pc:sldMk cId="2376958513" sldId="260"/>
            <ac:spMk id="3751" creationId="{0AFDAA00-B40F-96FC-7FCC-D7484FBCEE3A}"/>
          </ac:spMkLst>
        </pc:spChg>
        <pc:spChg chg="mod">
          <ac:chgData name="White, Alex" userId="eff6cc8c-37d8-483b-9c6c-6b27e9afa9bc" providerId="ADAL" clId="{BF04C754-5BF4-4E83-9615-DB14FA25AF8A}" dt="2023-10-12T11:37:59.791" v="293"/>
          <ac:spMkLst>
            <pc:docMk/>
            <pc:sldMk cId="2376958513" sldId="260"/>
            <ac:spMk id="3752" creationId="{F1652D61-C822-CA60-D5A7-73975D763900}"/>
          </ac:spMkLst>
        </pc:spChg>
        <pc:spChg chg="mod">
          <ac:chgData name="White, Alex" userId="eff6cc8c-37d8-483b-9c6c-6b27e9afa9bc" providerId="ADAL" clId="{BF04C754-5BF4-4E83-9615-DB14FA25AF8A}" dt="2023-10-12T11:37:59.791" v="293"/>
          <ac:spMkLst>
            <pc:docMk/>
            <pc:sldMk cId="2376958513" sldId="260"/>
            <ac:spMk id="3753" creationId="{8553FA5B-1EEA-962E-5605-2803A029F0BF}"/>
          </ac:spMkLst>
        </pc:spChg>
        <pc:spChg chg="mod">
          <ac:chgData name="White, Alex" userId="eff6cc8c-37d8-483b-9c6c-6b27e9afa9bc" providerId="ADAL" clId="{BF04C754-5BF4-4E83-9615-DB14FA25AF8A}" dt="2023-10-12T11:37:59.791" v="293"/>
          <ac:spMkLst>
            <pc:docMk/>
            <pc:sldMk cId="2376958513" sldId="260"/>
            <ac:spMk id="3754" creationId="{336AC42F-A575-5F68-F7B9-E0FC6A27201E}"/>
          </ac:spMkLst>
        </pc:spChg>
        <pc:spChg chg="mod">
          <ac:chgData name="White, Alex" userId="eff6cc8c-37d8-483b-9c6c-6b27e9afa9bc" providerId="ADAL" clId="{BF04C754-5BF4-4E83-9615-DB14FA25AF8A}" dt="2023-10-12T11:37:59.791" v="293"/>
          <ac:spMkLst>
            <pc:docMk/>
            <pc:sldMk cId="2376958513" sldId="260"/>
            <ac:spMk id="3755" creationId="{6329BF38-0925-21EB-BEBD-D53B7CF56F23}"/>
          </ac:spMkLst>
        </pc:spChg>
        <pc:spChg chg="mod">
          <ac:chgData name="White, Alex" userId="eff6cc8c-37d8-483b-9c6c-6b27e9afa9bc" providerId="ADAL" clId="{BF04C754-5BF4-4E83-9615-DB14FA25AF8A}" dt="2023-10-12T11:37:59.791" v="293"/>
          <ac:spMkLst>
            <pc:docMk/>
            <pc:sldMk cId="2376958513" sldId="260"/>
            <ac:spMk id="3756" creationId="{E8E4A6C7-C5F2-C890-C7D0-7D5B344D39A5}"/>
          </ac:spMkLst>
        </pc:spChg>
        <pc:spChg chg="mod">
          <ac:chgData name="White, Alex" userId="eff6cc8c-37d8-483b-9c6c-6b27e9afa9bc" providerId="ADAL" clId="{BF04C754-5BF4-4E83-9615-DB14FA25AF8A}" dt="2023-10-12T11:37:59.791" v="293"/>
          <ac:spMkLst>
            <pc:docMk/>
            <pc:sldMk cId="2376958513" sldId="260"/>
            <ac:spMk id="3757" creationId="{3509124C-95CC-7347-1CD0-B38E07A7E525}"/>
          </ac:spMkLst>
        </pc:spChg>
        <pc:spChg chg="mod">
          <ac:chgData name="White, Alex" userId="eff6cc8c-37d8-483b-9c6c-6b27e9afa9bc" providerId="ADAL" clId="{BF04C754-5BF4-4E83-9615-DB14FA25AF8A}" dt="2023-10-12T11:37:59.791" v="293"/>
          <ac:spMkLst>
            <pc:docMk/>
            <pc:sldMk cId="2376958513" sldId="260"/>
            <ac:spMk id="3758" creationId="{498A20A4-AD08-5F6D-FC50-EB553C2D8ADC}"/>
          </ac:spMkLst>
        </pc:spChg>
        <pc:spChg chg="mod">
          <ac:chgData name="White, Alex" userId="eff6cc8c-37d8-483b-9c6c-6b27e9afa9bc" providerId="ADAL" clId="{BF04C754-5BF4-4E83-9615-DB14FA25AF8A}" dt="2023-10-12T11:37:59.791" v="293"/>
          <ac:spMkLst>
            <pc:docMk/>
            <pc:sldMk cId="2376958513" sldId="260"/>
            <ac:spMk id="3759" creationId="{2763BD5A-4C56-8E10-6FF1-33E99902ECF6}"/>
          </ac:spMkLst>
        </pc:spChg>
        <pc:spChg chg="mod">
          <ac:chgData name="White, Alex" userId="eff6cc8c-37d8-483b-9c6c-6b27e9afa9bc" providerId="ADAL" clId="{BF04C754-5BF4-4E83-9615-DB14FA25AF8A}" dt="2023-10-12T11:37:59.791" v="293"/>
          <ac:spMkLst>
            <pc:docMk/>
            <pc:sldMk cId="2376958513" sldId="260"/>
            <ac:spMk id="3760" creationId="{4EA7C000-90C7-8025-9569-CAAFA778509A}"/>
          </ac:spMkLst>
        </pc:spChg>
        <pc:spChg chg="mod">
          <ac:chgData name="White, Alex" userId="eff6cc8c-37d8-483b-9c6c-6b27e9afa9bc" providerId="ADAL" clId="{BF04C754-5BF4-4E83-9615-DB14FA25AF8A}" dt="2023-10-12T11:37:59.791" v="293"/>
          <ac:spMkLst>
            <pc:docMk/>
            <pc:sldMk cId="2376958513" sldId="260"/>
            <ac:spMk id="3761" creationId="{088C840E-8325-EE05-F020-80568D254D82}"/>
          </ac:spMkLst>
        </pc:spChg>
        <pc:spChg chg="mod">
          <ac:chgData name="White, Alex" userId="eff6cc8c-37d8-483b-9c6c-6b27e9afa9bc" providerId="ADAL" clId="{BF04C754-5BF4-4E83-9615-DB14FA25AF8A}" dt="2023-10-12T11:37:59.791" v="293"/>
          <ac:spMkLst>
            <pc:docMk/>
            <pc:sldMk cId="2376958513" sldId="260"/>
            <ac:spMk id="3762" creationId="{A98BA7C8-F4FF-F351-F30A-B88E8175DBC3}"/>
          </ac:spMkLst>
        </pc:spChg>
        <pc:spChg chg="mod">
          <ac:chgData name="White, Alex" userId="eff6cc8c-37d8-483b-9c6c-6b27e9afa9bc" providerId="ADAL" clId="{BF04C754-5BF4-4E83-9615-DB14FA25AF8A}" dt="2023-10-12T11:37:59.791" v="293"/>
          <ac:spMkLst>
            <pc:docMk/>
            <pc:sldMk cId="2376958513" sldId="260"/>
            <ac:spMk id="3763" creationId="{9DFA5139-483A-7878-10D8-3E105B632F16}"/>
          </ac:spMkLst>
        </pc:spChg>
        <pc:spChg chg="mod">
          <ac:chgData name="White, Alex" userId="eff6cc8c-37d8-483b-9c6c-6b27e9afa9bc" providerId="ADAL" clId="{BF04C754-5BF4-4E83-9615-DB14FA25AF8A}" dt="2023-10-12T11:37:59.791" v="293"/>
          <ac:spMkLst>
            <pc:docMk/>
            <pc:sldMk cId="2376958513" sldId="260"/>
            <ac:spMk id="3764" creationId="{6F059C63-D673-9407-D1DB-77A921632DA4}"/>
          </ac:spMkLst>
        </pc:spChg>
        <pc:spChg chg="mod">
          <ac:chgData name="White, Alex" userId="eff6cc8c-37d8-483b-9c6c-6b27e9afa9bc" providerId="ADAL" clId="{BF04C754-5BF4-4E83-9615-DB14FA25AF8A}" dt="2023-10-12T11:37:59.791" v="293"/>
          <ac:spMkLst>
            <pc:docMk/>
            <pc:sldMk cId="2376958513" sldId="260"/>
            <ac:spMk id="3765" creationId="{589D10E0-0FE1-E14C-B12C-195B6B8C7AF8}"/>
          </ac:spMkLst>
        </pc:spChg>
        <pc:spChg chg="mod">
          <ac:chgData name="White, Alex" userId="eff6cc8c-37d8-483b-9c6c-6b27e9afa9bc" providerId="ADAL" clId="{BF04C754-5BF4-4E83-9615-DB14FA25AF8A}" dt="2023-10-12T11:37:59.791" v="293"/>
          <ac:spMkLst>
            <pc:docMk/>
            <pc:sldMk cId="2376958513" sldId="260"/>
            <ac:spMk id="3766" creationId="{ADEB3295-CB34-51DC-9310-C82A9C0A4BFD}"/>
          </ac:spMkLst>
        </pc:spChg>
        <pc:spChg chg="mod">
          <ac:chgData name="White, Alex" userId="eff6cc8c-37d8-483b-9c6c-6b27e9afa9bc" providerId="ADAL" clId="{BF04C754-5BF4-4E83-9615-DB14FA25AF8A}" dt="2023-10-12T11:37:59.791" v="293"/>
          <ac:spMkLst>
            <pc:docMk/>
            <pc:sldMk cId="2376958513" sldId="260"/>
            <ac:spMk id="3767" creationId="{9BF62638-80A8-A69D-E234-9A5A82D74B43}"/>
          </ac:spMkLst>
        </pc:spChg>
        <pc:spChg chg="mod">
          <ac:chgData name="White, Alex" userId="eff6cc8c-37d8-483b-9c6c-6b27e9afa9bc" providerId="ADAL" clId="{BF04C754-5BF4-4E83-9615-DB14FA25AF8A}" dt="2023-10-12T11:37:59.791" v="293"/>
          <ac:spMkLst>
            <pc:docMk/>
            <pc:sldMk cId="2376958513" sldId="260"/>
            <ac:spMk id="3768" creationId="{9A226EBB-D639-9070-9BA7-0E1E5BF024DD}"/>
          </ac:spMkLst>
        </pc:spChg>
        <pc:spChg chg="mod">
          <ac:chgData name="White, Alex" userId="eff6cc8c-37d8-483b-9c6c-6b27e9afa9bc" providerId="ADAL" clId="{BF04C754-5BF4-4E83-9615-DB14FA25AF8A}" dt="2023-10-12T11:37:59.791" v="293"/>
          <ac:spMkLst>
            <pc:docMk/>
            <pc:sldMk cId="2376958513" sldId="260"/>
            <ac:spMk id="3769" creationId="{A1EECF21-F840-C9C4-DCBD-267380866B2B}"/>
          </ac:spMkLst>
        </pc:spChg>
        <pc:spChg chg="mod">
          <ac:chgData name="White, Alex" userId="eff6cc8c-37d8-483b-9c6c-6b27e9afa9bc" providerId="ADAL" clId="{BF04C754-5BF4-4E83-9615-DB14FA25AF8A}" dt="2023-10-12T11:37:59.791" v="293"/>
          <ac:spMkLst>
            <pc:docMk/>
            <pc:sldMk cId="2376958513" sldId="260"/>
            <ac:spMk id="3770" creationId="{A44CD419-B72B-8CA0-B212-507636C96D43}"/>
          </ac:spMkLst>
        </pc:spChg>
        <pc:spChg chg="mod">
          <ac:chgData name="White, Alex" userId="eff6cc8c-37d8-483b-9c6c-6b27e9afa9bc" providerId="ADAL" clId="{BF04C754-5BF4-4E83-9615-DB14FA25AF8A}" dt="2023-10-12T11:37:59.791" v="293"/>
          <ac:spMkLst>
            <pc:docMk/>
            <pc:sldMk cId="2376958513" sldId="260"/>
            <ac:spMk id="3771" creationId="{716067B3-4EF8-3D3A-2AB7-D948732758D4}"/>
          </ac:spMkLst>
        </pc:spChg>
        <pc:spChg chg="mod">
          <ac:chgData name="White, Alex" userId="eff6cc8c-37d8-483b-9c6c-6b27e9afa9bc" providerId="ADAL" clId="{BF04C754-5BF4-4E83-9615-DB14FA25AF8A}" dt="2023-10-12T11:37:59.791" v="293"/>
          <ac:spMkLst>
            <pc:docMk/>
            <pc:sldMk cId="2376958513" sldId="260"/>
            <ac:spMk id="3772" creationId="{88D4CF5F-5630-08E6-C219-63290A359091}"/>
          </ac:spMkLst>
        </pc:spChg>
        <pc:spChg chg="mod">
          <ac:chgData name="White, Alex" userId="eff6cc8c-37d8-483b-9c6c-6b27e9afa9bc" providerId="ADAL" clId="{BF04C754-5BF4-4E83-9615-DB14FA25AF8A}" dt="2023-10-12T11:37:59.791" v="293"/>
          <ac:spMkLst>
            <pc:docMk/>
            <pc:sldMk cId="2376958513" sldId="260"/>
            <ac:spMk id="3773" creationId="{9427A123-F74D-B0ED-EABC-826A16ADD5D9}"/>
          </ac:spMkLst>
        </pc:spChg>
        <pc:spChg chg="mod">
          <ac:chgData name="White, Alex" userId="eff6cc8c-37d8-483b-9c6c-6b27e9afa9bc" providerId="ADAL" clId="{BF04C754-5BF4-4E83-9615-DB14FA25AF8A}" dt="2023-10-12T11:37:59.791" v="293"/>
          <ac:spMkLst>
            <pc:docMk/>
            <pc:sldMk cId="2376958513" sldId="260"/>
            <ac:spMk id="3774" creationId="{EA089A70-119A-2B04-1C4E-294405E944DA}"/>
          </ac:spMkLst>
        </pc:spChg>
        <pc:spChg chg="mod">
          <ac:chgData name="White, Alex" userId="eff6cc8c-37d8-483b-9c6c-6b27e9afa9bc" providerId="ADAL" clId="{BF04C754-5BF4-4E83-9615-DB14FA25AF8A}" dt="2023-10-12T11:37:59.791" v="293"/>
          <ac:spMkLst>
            <pc:docMk/>
            <pc:sldMk cId="2376958513" sldId="260"/>
            <ac:spMk id="3775" creationId="{B178E189-AC25-0A11-27BE-DEBE9B0871EE}"/>
          </ac:spMkLst>
        </pc:spChg>
        <pc:spChg chg="mod">
          <ac:chgData name="White, Alex" userId="eff6cc8c-37d8-483b-9c6c-6b27e9afa9bc" providerId="ADAL" clId="{BF04C754-5BF4-4E83-9615-DB14FA25AF8A}" dt="2023-10-12T11:37:59.791" v="293"/>
          <ac:spMkLst>
            <pc:docMk/>
            <pc:sldMk cId="2376958513" sldId="260"/>
            <ac:spMk id="3776" creationId="{C148B26C-0189-CBA9-FB7B-B90303AD31E0}"/>
          </ac:spMkLst>
        </pc:spChg>
        <pc:spChg chg="mod">
          <ac:chgData name="White, Alex" userId="eff6cc8c-37d8-483b-9c6c-6b27e9afa9bc" providerId="ADAL" clId="{BF04C754-5BF4-4E83-9615-DB14FA25AF8A}" dt="2023-10-12T11:37:59.791" v="293"/>
          <ac:spMkLst>
            <pc:docMk/>
            <pc:sldMk cId="2376958513" sldId="260"/>
            <ac:spMk id="3777" creationId="{881CF3BF-4ABD-5A62-4454-58E29531E15F}"/>
          </ac:spMkLst>
        </pc:spChg>
        <pc:spChg chg="mod">
          <ac:chgData name="White, Alex" userId="eff6cc8c-37d8-483b-9c6c-6b27e9afa9bc" providerId="ADAL" clId="{BF04C754-5BF4-4E83-9615-DB14FA25AF8A}" dt="2023-10-12T11:37:59.791" v="293"/>
          <ac:spMkLst>
            <pc:docMk/>
            <pc:sldMk cId="2376958513" sldId="260"/>
            <ac:spMk id="3778" creationId="{A6FAC2FD-ED90-0BB1-42C3-3A3A15AF1866}"/>
          </ac:spMkLst>
        </pc:spChg>
        <pc:spChg chg="mod">
          <ac:chgData name="White, Alex" userId="eff6cc8c-37d8-483b-9c6c-6b27e9afa9bc" providerId="ADAL" clId="{BF04C754-5BF4-4E83-9615-DB14FA25AF8A}" dt="2023-10-12T11:37:59.791" v="293"/>
          <ac:spMkLst>
            <pc:docMk/>
            <pc:sldMk cId="2376958513" sldId="260"/>
            <ac:spMk id="3779" creationId="{DF191CD3-1F37-8CFD-9ECB-CAE956AB3478}"/>
          </ac:spMkLst>
        </pc:spChg>
        <pc:spChg chg="mod">
          <ac:chgData name="White, Alex" userId="eff6cc8c-37d8-483b-9c6c-6b27e9afa9bc" providerId="ADAL" clId="{BF04C754-5BF4-4E83-9615-DB14FA25AF8A}" dt="2023-10-12T11:37:59.791" v="293"/>
          <ac:spMkLst>
            <pc:docMk/>
            <pc:sldMk cId="2376958513" sldId="260"/>
            <ac:spMk id="3780" creationId="{F4927F7E-8A92-E968-DD99-FCFE24AB8EFA}"/>
          </ac:spMkLst>
        </pc:spChg>
        <pc:spChg chg="mod">
          <ac:chgData name="White, Alex" userId="eff6cc8c-37d8-483b-9c6c-6b27e9afa9bc" providerId="ADAL" clId="{BF04C754-5BF4-4E83-9615-DB14FA25AF8A}" dt="2023-10-12T11:37:59.791" v="293"/>
          <ac:spMkLst>
            <pc:docMk/>
            <pc:sldMk cId="2376958513" sldId="260"/>
            <ac:spMk id="3781" creationId="{8D4407AC-8C93-E49B-3205-D269721B5B20}"/>
          </ac:spMkLst>
        </pc:spChg>
        <pc:spChg chg="mod">
          <ac:chgData name="White, Alex" userId="eff6cc8c-37d8-483b-9c6c-6b27e9afa9bc" providerId="ADAL" clId="{BF04C754-5BF4-4E83-9615-DB14FA25AF8A}" dt="2023-10-12T11:37:59.791" v="293"/>
          <ac:spMkLst>
            <pc:docMk/>
            <pc:sldMk cId="2376958513" sldId="260"/>
            <ac:spMk id="3782" creationId="{42E6F79B-652A-4F22-973F-32D0555E836B}"/>
          </ac:spMkLst>
        </pc:spChg>
        <pc:spChg chg="mod">
          <ac:chgData name="White, Alex" userId="eff6cc8c-37d8-483b-9c6c-6b27e9afa9bc" providerId="ADAL" clId="{BF04C754-5BF4-4E83-9615-DB14FA25AF8A}" dt="2023-10-12T11:37:59.791" v="293"/>
          <ac:spMkLst>
            <pc:docMk/>
            <pc:sldMk cId="2376958513" sldId="260"/>
            <ac:spMk id="3783" creationId="{7C48F702-AB63-6D9C-EC56-471B1C2D1326}"/>
          </ac:spMkLst>
        </pc:spChg>
        <pc:spChg chg="mod">
          <ac:chgData name="White, Alex" userId="eff6cc8c-37d8-483b-9c6c-6b27e9afa9bc" providerId="ADAL" clId="{BF04C754-5BF4-4E83-9615-DB14FA25AF8A}" dt="2023-10-12T11:37:59.791" v="293"/>
          <ac:spMkLst>
            <pc:docMk/>
            <pc:sldMk cId="2376958513" sldId="260"/>
            <ac:spMk id="3784" creationId="{1958AC68-80F5-A62D-C427-42A633F47EA6}"/>
          </ac:spMkLst>
        </pc:spChg>
        <pc:spChg chg="mod">
          <ac:chgData name="White, Alex" userId="eff6cc8c-37d8-483b-9c6c-6b27e9afa9bc" providerId="ADAL" clId="{BF04C754-5BF4-4E83-9615-DB14FA25AF8A}" dt="2023-10-12T11:37:59.791" v="293"/>
          <ac:spMkLst>
            <pc:docMk/>
            <pc:sldMk cId="2376958513" sldId="260"/>
            <ac:spMk id="3785" creationId="{A3CB3948-681F-632B-80B2-85A584CEDA8F}"/>
          </ac:spMkLst>
        </pc:spChg>
        <pc:spChg chg="mod">
          <ac:chgData name="White, Alex" userId="eff6cc8c-37d8-483b-9c6c-6b27e9afa9bc" providerId="ADAL" clId="{BF04C754-5BF4-4E83-9615-DB14FA25AF8A}" dt="2023-10-12T11:37:59.791" v="293"/>
          <ac:spMkLst>
            <pc:docMk/>
            <pc:sldMk cId="2376958513" sldId="260"/>
            <ac:spMk id="3786" creationId="{46C9A6B9-321C-BBE7-3DE8-84DE1CC8EFD9}"/>
          </ac:spMkLst>
        </pc:spChg>
        <pc:spChg chg="mod">
          <ac:chgData name="White, Alex" userId="eff6cc8c-37d8-483b-9c6c-6b27e9afa9bc" providerId="ADAL" clId="{BF04C754-5BF4-4E83-9615-DB14FA25AF8A}" dt="2023-10-12T11:37:59.791" v="293"/>
          <ac:spMkLst>
            <pc:docMk/>
            <pc:sldMk cId="2376958513" sldId="260"/>
            <ac:spMk id="3787" creationId="{F060C306-BF68-9A20-76B7-7FFDF6450D77}"/>
          </ac:spMkLst>
        </pc:spChg>
        <pc:spChg chg="mod">
          <ac:chgData name="White, Alex" userId="eff6cc8c-37d8-483b-9c6c-6b27e9afa9bc" providerId="ADAL" clId="{BF04C754-5BF4-4E83-9615-DB14FA25AF8A}" dt="2023-10-12T11:37:59.791" v="293"/>
          <ac:spMkLst>
            <pc:docMk/>
            <pc:sldMk cId="2376958513" sldId="260"/>
            <ac:spMk id="3788" creationId="{18DCA2E3-7A54-E459-9378-5CF9829E1C78}"/>
          </ac:spMkLst>
        </pc:spChg>
        <pc:spChg chg="mod">
          <ac:chgData name="White, Alex" userId="eff6cc8c-37d8-483b-9c6c-6b27e9afa9bc" providerId="ADAL" clId="{BF04C754-5BF4-4E83-9615-DB14FA25AF8A}" dt="2023-10-12T11:37:59.791" v="293"/>
          <ac:spMkLst>
            <pc:docMk/>
            <pc:sldMk cId="2376958513" sldId="260"/>
            <ac:spMk id="3789" creationId="{4A7EAF19-C5FC-64E6-F376-904085E646ED}"/>
          </ac:spMkLst>
        </pc:spChg>
        <pc:spChg chg="mod">
          <ac:chgData name="White, Alex" userId="eff6cc8c-37d8-483b-9c6c-6b27e9afa9bc" providerId="ADAL" clId="{BF04C754-5BF4-4E83-9615-DB14FA25AF8A}" dt="2023-10-12T11:37:59.791" v="293"/>
          <ac:spMkLst>
            <pc:docMk/>
            <pc:sldMk cId="2376958513" sldId="260"/>
            <ac:spMk id="3790" creationId="{BCD35111-66BB-DB96-897B-3AAD96FD5A30}"/>
          </ac:spMkLst>
        </pc:spChg>
        <pc:spChg chg="mod">
          <ac:chgData name="White, Alex" userId="eff6cc8c-37d8-483b-9c6c-6b27e9afa9bc" providerId="ADAL" clId="{BF04C754-5BF4-4E83-9615-DB14FA25AF8A}" dt="2023-10-12T11:37:59.791" v="293"/>
          <ac:spMkLst>
            <pc:docMk/>
            <pc:sldMk cId="2376958513" sldId="260"/>
            <ac:spMk id="3791" creationId="{87B5770F-1A2C-48BB-C6F8-B4C7F3F2ADF8}"/>
          </ac:spMkLst>
        </pc:spChg>
        <pc:spChg chg="mod">
          <ac:chgData name="White, Alex" userId="eff6cc8c-37d8-483b-9c6c-6b27e9afa9bc" providerId="ADAL" clId="{BF04C754-5BF4-4E83-9615-DB14FA25AF8A}" dt="2023-10-12T11:37:59.791" v="293"/>
          <ac:spMkLst>
            <pc:docMk/>
            <pc:sldMk cId="2376958513" sldId="260"/>
            <ac:spMk id="3792" creationId="{C4BAA2A2-16A8-2C81-9A7D-1F7F85A68D0F}"/>
          </ac:spMkLst>
        </pc:spChg>
        <pc:spChg chg="mod">
          <ac:chgData name="White, Alex" userId="eff6cc8c-37d8-483b-9c6c-6b27e9afa9bc" providerId="ADAL" clId="{BF04C754-5BF4-4E83-9615-DB14FA25AF8A}" dt="2023-10-12T11:37:59.791" v="293"/>
          <ac:spMkLst>
            <pc:docMk/>
            <pc:sldMk cId="2376958513" sldId="260"/>
            <ac:spMk id="3793" creationId="{B0C9E384-5F38-0992-D0B5-BD8FC4462F0E}"/>
          </ac:spMkLst>
        </pc:spChg>
        <pc:spChg chg="mod">
          <ac:chgData name="White, Alex" userId="eff6cc8c-37d8-483b-9c6c-6b27e9afa9bc" providerId="ADAL" clId="{BF04C754-5BF4-4E83-9615-DB14FA25AF8A}" dt="2023-10-12T11:37:59.791" v="293"/>
          <ac:spMkLst>
            <pc:docMk/>
            <pc:sldMk cId="2376958513" sldId="260"/>
            <ac:spMk id="3794" creationId="{FEE90E04-3C92-D553-8237-DBFCC31BBF2A}"/>
          </ac:spMkLst>
        </pc:spChg>
        <pc:spChg chg="mod">
          <ac:chgData name="White, Alex" userId="eff6cc8c-37d8-483b-9c6c-6b27e9afa9bc" providerId="ADAL" clId="{BF04C754-5BF4-4E83-9615-DB14FA25AF8A}" dt="2023-10-12T11:37:59.791" v="293"/>
          <ac:spMkLst>
            <pc:docMk/>
            <pc:sldMk cId="2376958513" sldId="260"/>
            <ac:spMk id="3795" creationId="{53D88EC8-960C-96B3-92F7-AAD2F8D0382A}"/>
          </ac:spMkLst>
        </pc:spChg>
        <pc:spChg chg="mod">
          <ac:chgData name="White, Alex" userId="eff6cc8c-37d8-483b-9c6c-6b27e9afa9bc" providerId="ADAL" clId="{BF04C754-5BF4-4E83-9615-DB14FA25AF8A}" dt="2023-10-12T11:37:59.791" v="293"/>
          <ac:spMkLst>
            <pc:docMk/>
            <pc:sldMk cId="2376958513" sldId="260"/>
            <ac:spMk id="3796" creationId="{7BE3B10C-0092-6E19-6CAE-4100B3617244}"/>
          </ac:spMkLst>
        </pc:spChg>
        <pc:spChg chg="mod">
          <ac:chgData name="White, Alex" userId="eff6cc8c-37d8-483b-9c6c-6b27e9afa9bc" providerId="ADAL" clId="{BF04C754-5BF4-4E83-9615-DB14FA25AF8A}" dt="2023-10-12T11:37:59.791" v="293"/>
          <ac:spMkLst>
            <pc:docMk/>
            <pc:sldMk cId="2376958513" sldId="260"/>
            <ac:spMk id="3797" creationId="{D9B8A39A-7F7E-0918-6B58-CD2C2774A9AE}"/>
          </ac:spMkLst>
        </pc:spChg>
        <pc:spChg chg="mod">
          <ac:chgData name="White, Alex" userId="eff6cc8c-37d8-483b-9c6c-6b27e9afa9bc" providerId="ADAL" clId="{BF04C754-5BF4-4E83-9615-DB14FA25AF8A}" dt="2023-10-12T11:37:59.791" v="293"/>
          <ac:spMkLst>
            <pc:docMk/>
            <pc:sldMk cId="2376958513" sldId="260"/>
            <ac:spMk id="3798" creationId="{A699DBC5-29FF-2159-AFEF-F6289504A10A}"/>
          </ac:spMkLst>
        </pc:spChg>
        <pc:spChg chg="mod">
          <ac:chgData name="White, Alex" userId="eff6cc8c-37d8-483b-9c6c-6b27e9afa9bc" providerId="ADAL" clId="{BF04C754-5BF4-4E83-9615-DB14FA25AF8A}" dt="2023-10-12T11:37:59.791" v="293"/>
          <ac:spMkLst>
            <pc:docMk/>
            <pc:sldMk cId="2376958513" sldId="260"/>
            <ac:spMk id="3799" creationId="{DB4F7ACB-2E33-E45F-4DEF-6E76707FA60C}"/>
          </ac:spMkLst>
        </pc:spChg>
        <pc:spChg chg="mod">
          <ac:chgData name="White, Alex" userId="eff6cc8c-37d8-483b-9c6c-6b27e9afa9bc" providerId="ADAL" clId="{BF04C754-5BF4-4E83-9615-DB14FA25AF8A}" dt="2023-10-12T11:37:59.791" v="293"/>
          <ac:spMkLst>
            <pc:docMk/>
            <pc:sldMk cId="2376958513" sldId="260"/>
            <ac:spMk id="3800" creationId="{80111E5A-950D-13D1-D754-579B4493F2A0}"/>
          </ac:spMkLst>
        </pc:spChg>
        <pc:spChg chg="mod">
          <ac:chgData name="White, Alex" userId="eff6cc8c-37d8-483b-9c6c-6b27e9afa9bc" providerId="ADAL" clId="{BF04C754-5BF4-4E83-9615-DB14FA25AF8A}" dt="2023-10-12T11:37:59.791" v="293"/>
          <ac:spMkLst>
            <pc:docMk/>
            <pc:sldMk cId="2376958513" sldId="260"/>
            <ac:spMk id="3801" creationId="{D0486C06-85E5-95FB-276A-38AFA3F8558F}"/>
          </ac:spMkLst>
        </pc:spChg>
        <pc:spChg chg="mod">
          <ac:chgData name="White, Alex" userId="eff6cc8c-37d8-483b-9c6c-6b27e9afa9bc" providerId="ADAL" clId="{BF04C754-5BF4-4E83-9615-DB14FA25AF8A}" dt="2023-10-12T11:37:59.791" v="293"/>
          <ac:spMkLst>
            <pc:docMk/>
            <pc:sldMk cId="2376958513" sldId="260"/>
            <ac:spMk id="3802" creationId="{7844DB34-1BBD-B9FD-983A-2B1773D699BA}"/>
          </ac:spMkLst>
        </pc:spChg>
        <pc:spChg chg="mod">
          <ac:chgData name="White, Alex" userId="eff6cc8c-37d8-483b-9c6c-6b27e9afa9bc" providerId="ADAL" clId="{BF04C754-5BF4-4E83-9615-DB14FA25AF8A}" dt="2023-10-12T11:37:59.791" v="293"/>
          <ac:spMkLst>
            <pc:docMk/>
            <pc:sldMk cId="2376958513" sldId="260"/>
            <ac:spMk id="3803" creationId="{EC42F7A6-E263-E9C9-8F6C-D8D9ABBF9477}"/>
          </ac:spMkLst>
        </pc:spChg>
        <pc:spChg chg="mod">
          <ac:chgData name="White, Alex" userId="eff6cc8c-37d8-483b-9c6c-6b27e9afa9bc" providerId="ADAL" clId="{BF04C754-5BF4-4E83-9615-DB14FA25AF8A}" dt="2023-10-12T11:37:59.791" v="293"/>
          <ac:spMkLst>
            <pc:docMk/>
            <pc:sldMk cId="2376958513" sldId="260"/>
            <ac:spMk id="3804" creationId="{D8839805-954A-C250-614F-9F3883BCB8E0}"/>
          </ac:spMkLst>
        </pc:spChg>
        <pc:spChg chg="mod">
          <ac:chgData name="White, Alex" userId="eff6cc8c-37d8-483b-9c6c-6b27e9afa9bc" providerId="ADAL" clId="{BF04C754-5BF4-4E83-9615-DB14FA25AF8A}" dt="2023-10-12T11:37:59.791" v="293"/>
          <ac:spMkLst>
            <pc:docMk/>
            <pc:sldMk cId="2376958513" sldId="260"/>
            <ac:spMk id="3805" creationId="{B6B84606-B61E-AD6A-71D7-F05247E08462}"/>
          </ac:spMkLst>
        </pc:spChg>
        <pc:spChg chg="mod">
          <ac:chgData name="White, Alex" userId="eff6cc8c-37d8-483b-9c6c-6b27e9afa9bc" providerId="ADAL" clId="{BF04C754-5BF4-4E83-9615-DB14FA25AF8A}" dt="2023-10-12T11:37:59.791" v="293"/>
          <ac:spMkLst>
            <pc:docMk/>
            <pc:sldMk cId="2376958513" sldId="260"/>
            <ac:spMk id="3806" creationId="{C974F941-1CA4-7F73-56B4-FB5A89E09919}"/>
          </ac:spMkLst>
        </pc:spChg>
        <pc:spChg chg="mod">
          <ac:chgData name="White, Alex" userId="eff6cc8c-37d8-483b-9c6c-6b27e9afa9bc" providerId="ADAL" clId="{BF04C754-5BF4-4E83-9615-DB14FA25AF8A}" dt="2023-10-12T11:37:59.791" v="293"/>
          <ac:spMkLst>
            <pc:docMk/>
            <pc:sldMk cId="2376958513" sldId="260"/>
            <ac:spMk id="3807" creationId="{B6FF00C1-9300-C21B-3217-F38C827D0AAF}"/>
          </ac:spMkLst>
        </pc:spChg>
        <pc:spChg chg="mod">
          <ac:chgData name="White, Alex" userId="eff6cc8c-37d8-483b-9c6c-6b27e9afa9bc" providerId="ADAL" clId="{BF04C754-5BF4-4E83-9615-DB14FA25AF8A}" dt="2023-10-12T11:37:59.791" v="293"/>
          <ac:spMkLst>
            <pc:docMk/>
            <pc:sldMk cId="2376958513" sldId="260"/>
            <ac:spMk id="3808" creationId="{A16FAAFC-8FF8-D204-8C0B-8462B866ACFB}"/>
          </ac:spMkLst>
        </pc:spChg>
        <pc:spChg chg="mod">
          <ac:chgData name="White, Alex" userId="eff6cc8c-37d8-483b-9c6c-6b27e9afa9bc" providerId="ADAL" clId="{BF04C754-5BF4-4E83-9615-DB14FA25AF8A}" dt="2023-10-12T11:37:59.791" v="293"/>
          <ac:spMkLst>
            <pc:docMk/>
            <pc:sldMk cId="2376958513" sldId="260"/>
            <ac:spMk id="3809" creationId="{F0A3C8CF-16BF-B91C-0A76-35136E1B318C}"/>
          </ac:spMkLst>
        </pc:spChg>
        <pc:spChg chg="mod">
          <ac:chgData name="White, Alex" userId="eff6cc8c-37d8-483b-9c6c-6b27e9afa9bc" providerId="ADAL" clId="{BF04C754-5BF4-4E83-9615-DB14FA25AF8A}" dt="2023-10-12T11:37:59.791" v="293"/>
          <ac:spMkLst>
            <pc:docMk/>
            <pc:sldMk cId="2376958513" sldId="260"/>
            <ac:spMk id="3810" creationId="{F9B97B70-418A-FBA1-1E26-650D87611607}"/>
          </ac:spMkLst>
        </pc:spChg>
        <pc:spChg chg="mod">
          <ac:chgData name="White, Alex" userId="eff6cc8c-37d8-483b-9c6c-6b27e9afa9bc" providerId="ADAL" clId="{BF04C754-5BF4-4E83-9615-DB14FA25AF8A}" dt="2023-10-12T11:37:59.791" v="293"/>
          <ac:spMkLst>
            <pc:docMk/>
            <pc:sldMk cId="2376958513" sldId="260"/>
            <ac:spMk id="3811" creationId="{B0AAFC01-6B0B-70BF-98BE-D9B9A7B66D51}"/>
          </ac:spMkLst>
        </pc:spChg>
        <pc:spChg chg="mod">
          <ac:chgData name="White, Alex" userId="eff6cc8c-37d8-483b-9c6c-6b27e9afa9bc" providerId="ADAL" clId="{BF04C754-5BF4-4E83-9615-DB14FA25AF8A}" dt="2023-10-12T11:37:59.791" v="293"/>
          <ac:spMkLst>
            <pc:docMk/>
            <pc:sldMk cId="2376958513" sldId="260"/>
            <ac:spMk id="3812" creationId="{F1B1FD3D-5F99-13A1-47D4-26F234EAEFA4}"/>
          </ac:spMkLst>
        </pc:spChg>
        <pc:spChg chg="mod">
          <ac:chgData name="White, Alex" userId="eff6cc8c-37d8-483b-9c6c-6b27e9afa9bc" providerId="ADAL" clId="{BF04C754-5BF4-4E83-9615-DB14FA25AF8A}" dt="2023-10-12T11:37:59.791" v="293"/>
          <ac:spMkLst>
            <pc:docMk/>
            <pc:sldMk cId="2376958513" sldId="260"/>
            <ac:spMk id="3813" creationId="{D182755B-8BCA-2A9B-3C0E-979017CFCF8C}"/>
          </ac:spMkLst>
        </pc:spChg>
        <pc:spChg chg="mod">
          <ac:chgData name="White, Alex" userId="eff6cc8c-37d8-483b-9c6c-6b27e9afa9bc" providerId="ADAL" clId="{BF04C754-5BF4-4E83-9615-DB14FA25AF8A}" dt="2023-10-12T11:37:59.791" v="293"/>
          <ac:spMkLst>
            <pc:docMk/>
            <pc:sldMk cId="2376958513" sldId="260"/>
            <ac:spMk id="3814" creationId="{6476E9EF-1ED9-B0FA-0567-73085B2AB0FE}"/>
          </ac:spMkLst>
        </pc:spChg>
        <pc:spChg chg="mod">
          <ac:chgData name="White, Alex" userId="eff6cc8c-37d8-483b-9c6c-6b27e9afa9bc" providerId="ADAL" clId="{BF04C754-5BF4-4E83-9615-DB14FA25AF8A}" dt="2023-10-12T11:37:59.791" v="293"/>
          <ac:spMkLst>
            <pc:docMk/>
            <pc:sldMk cId="2376958513" sldId="260"/>
            <ac:spMk id="3815" creationId="{A2CE949D-8C78-21F7-707D-80CFBA170A5D}"/>
          </ac:spMkLst>
        </pc:spChg>
        <pc:spChg chg="mod">
          <ac:chgData name="White, Alex" userId="eff6cc8c-37d8-483b-9c6c-6b27e9afa9bc" providerId="ADAL" clId="{BF04C754-5BF4-4E83-9615-DB14FA25AF8A}" dt="2023-10-12T11:37:59.791" v="293"/>
          <ac:spMkLst>
            <pc:docMk/>
            <pc:sldMk cId="2376958513" sldId="260"/>
            <ac:spMk id="3816" creationId="{4C4C1134-0DAB-8A71-73FB-0D587066E3B1}"/>
          </ac:spMkLst>
        </pc:spChg>
        <pc:spChg chg="mod">
          <ac:chgData name="White, Alex" userId="eff6cc8c-37d8-483b-9c6c-6b27e9afa9bc" providerId="ADAL" clId="{BF04C754-5BF4-4E83-9615-DB14FA25AF8A}" dt="2023-10-12T11:37:59.791" v="293"/>
          <ac:spMkLst>
            <pc:docMk/>
            <pc:sldMk cId="2376958513" sldId="260"/>
            <ac:spMk id="3817" creationId="{0F69BD78-D81A-EDB3-DB58-11DE251C2635}"/>
          </ac:spMkLst>
        </pc:spChg>
        <pc:spChg chg="mod">
          <ac:chgData name="White, Alex" userId="eff6cc8c-37d8-483b-9c6c-6b27e9afa9bc" providerId="ADAL" clId="{BF04C754-5BF4-4E83-9615-DB14FA25AF8A}" dt="2023-10-12T11:37:59.791" v="293"/>
          <ac:spMkLst>
            <pc:docMk/>
            <pc:sldMk cId="2376958513" sldId="260"/>
            <ac:spMk id="3818" creationId="{FE3EF75E-CED8-2BF2-37D9-340EE0E9DE98}"/>
          </ac:spMkLst>
        </pc:spChg>
        <pc:spChg chg="mod">
          <ac:chgData name="White, Alex" userId="eff6cc8c-37d8-483b-9c6c-6b27e9afa9bc" providerId="ADAL" clId="{BF04C754-5BF4-4E83-9615-DB14FA25AF8A}" dt="2023-10-12T11:37:59.791" v="293"/>
          <ac:spMkLst>
            <pc:docMk/>
            <pc:sldMk cId="2376958513" sldId="260"/>
            <ac:spMk id="3819" creationId="{EC2D4B77-2532-4890-3D94-39F03C9EBB2F}"/>
          </ac:spMkLst>
        </pc:spChg>
        <pc:spChg chg="mod">
          <ac:chgData name="White, Alex" userId="eff6cc8c-37d8-483b-9c6c-6b27e9afa9bc" providerId="ADAL" clId="{BF04C754-5BF4-4E83-9615-DB14FA25AF8A}" dt="2023-10-12T11:37:59.791" v="293"/>
          <ac:spMkLst>
            <pc:docMk/>
            <pc:sldMk cId="2376958513" sldId="260"/>
            <ac:spMk id="3820" creationId="{82AA17A6-2FC8-C58A-CA93-75776E77AA1B}"/>
          </ac:spMkLst>
        </pc:spChg>
        <pc:spChg chg="mod">
          <ac:chgData name="White, Alex" userId="eff6cc8c-37d8-483b-9c6c-6b27e9afa9bc" providerId="ADAL" clId="{BF04C754-5BF4-4E83-9615-DB14FA25AF8A}" dt="2023-10-12T11:37:59.791" v="293"/>
          <ac:spMkLst>
            <pc:docMk/>
            <pc:sldMk cId="2376958513" sldId="260"/>
            <ac:spMk id="3821" creationId="{8859ED6D-35EB-582C-4BB8-966871697857}"/>
          </ac:spMkLst>
        </pc:spChg>
        <pc:spChg chg="mod">
          <ac:chgData name="White, Alex" userId="eff6cc8c-37d8-483b-9c6c-6b27e9afa9bc" providerId="ADAL" clId="{BF04C754-5BF4-4E83-9615-DB14FA25AF8A}" dt="2023-10-12T11:37:59.791" v="293"/>
          <ac:spMkLst>
            <pc:docMk/>
            <pc:sldMk cId="2376958513" sldId="260"/>
            <ac:spMk id="3822" creationId="{DDFCFE63-99F7-2D31-9ED5-44080617F4C9}"/>
          </ac:spMkLst>
        </pc:spChg>
        <pc:spChg chg="mod">
          <ac:chgData name="White, Alex" userId="eff6cc8c-37d8-483b-9c6c-6b27e9afa9bc" providerId="ADAL" clId="{BF04C754-5BF4-4E83-9615-DB14FA25AF8A}" dt="2023-10-12T11:37:59.791" v="293"/>
          <ac:spMkLst>
            <pc:docMk/>
            <pc:sldMk cId="2376958513" sldId="260"/>
            <ac:spMk id="3823" creationId="{BB678A4C-E620-CB25-C913-BFC5433E2F1C}"/>
          </ac:spMkLst>
        </pc:spChg>
        <pc:spChg chg="mod">
          <ac:chgData name="White, Alex" userId="eff6cc8c-37d8-483b-9c6c-6b27e9afa9bc" providerId="ADAL" clId="{BF04C754-5BF4-4E83-9615-DB14FA25AF8A}" dt="2023-10-12T11:37:59.791" v="293"/>
          <ac:spMkLst>
            <pc:docMk/>
            <pc:sldMk cId="2376958513" sldId="260"/>
            <ac:spMk id="3824" creationId="{C345821C-0DED-275A-B0BA-F55A6B84DB6F}"/>
          </ac:spMkLst>
        </pc:spChg>
        <pc:spChg chg="mod">
          <ac:chgData name="White, Alex" userId="eff6cc8c-37d8-483b-9c6c-6b27e9afa9bc" providerId="ADAL" clId="{BF04C754-5BF4-4E83-9615-DB14FA25AF8A}" dt="2023-10-12T11:37:59.791" v="293"/>
          <ac:spMkLst>
            <pc:docMk/>
            <pc:sldMk cId="2376958513" sldId="260"/>
            <ac:spMk id="3825" creationId="{F9E42794-3C2B-E0AA-D683-DE0EAA66D63E}"/>
          </ac:spMkLst>
        </pc:spChg>
        <pc:spChg chg="mod">
          <ac:chgData name="White, Alex" userId="eff6cc8c-37d8-483b-9c6c-6b27e9afa9bc" providerId="ADAL" clId="{BF04C754-5BF4-4E83-9615-DB14FA25AF8A}" dt="2023-10-12T11:37:59.791" v="293"/>
          <ac:spMkLst>
            <pc:docMk/>
            <pc:sldMk cId="2376958513" sldId="260"/>
            <ac:spMk id="3826" creationId="{94A39615-AF2C-45EC-67FB-1B2DBA8EF66A}"/>
          </ac:spMkLst>
        </pc:spChg>
        <pc:spChg chg="mod">
          <ac:chgData name="White, Alex" userId="eff6cc8c-37d8-483b-9c6c-6b27e9afa9bc" providerId="ADAL" clId="{BF04C754-5BF4-4E83-9615-DB14FA25AF8A}" dt="2023-10-12T11:37:59.791" v="293"/>
          <ac:spMkLst>
            <pc:docMk/>
            <pc:sldMk cId="2376958513" sldId="260"/>
            <ac:spMk id="3827" creationId="{D57BB898-6C53-499C-BE07-4A60540D4AA2}"/>
          </ac:spMkLst>
        </pc:spChg>
        <pc:spChg chg="mod">
          <ac:chgData name="White, Alex" userId="eff6cc8c-37d8-483b-9c6c-6b27e9afa9bc" providerId="ADAL" clId="{BF04C754-5BF4-4E83-9615-DB14FA25AF8A}" dt="2023-10-12T11:37:59.791" v="293"/>
          <ac:spMkLst>
            <pc:docMk/>
            <pc:sldMk cId="2376958513" sldId="260"/>
            <ac:spMk id="3828" creationId="{7109F609-BDDF-298D-9634-D9ACDA983CDF}"/>
          </ac:spMkLst>
        </pc:spChg>
        <pc:spChg chg="mod">
          <ac:chgData name="White, Alex" userId="eff6cc8c-37d8-483b-9c6c-6b27e9afa9bc" providerId="ADAL" clId="{BF04C754-5BF4-4E83-9615-DB14FA25AF8A}" dt="2023-10-12T11:37:59.791" v="293"/>
          <ac:spMkLst>
            <pc:docMk/>
            <pc:sldMk cId="2376958513" sldId="260"/>
            <ac:spMk id="3829" creationId="{DDB239F5-21AF-EFA8-4F8D-B18B301737EF}"/>
          </ac:spMkLst>
        </pc:spChg>
        <pc:spChg chg="mod">
          <ac:chgData name="White, Alex" userId="eff6cc8c-37d8-483b-9c6c-6b27e9afa9bc" providerId="ADAL" clId="{BF04C754-5BF4-4E83-9615-DB14FA25AF8A}" dt="2023-10-12T11:37:59.791" v="293"/>
          <ac:spMkLst>
            <pc:docMk/>
            <pc:sldMk cId="2376958513" sldId="260"/>
            <ac:spMk id="3830" creationId="{18F86E03-CF18-12F9-A9AD-984F354D6579}"/>
          </ac:spMkLst>
        </pc:spChg>
        <pc:spChg chg="mod">
          <ac:chgData name="White, Alex" userId="eff6cc8c-37d8-483b-9c6c-6b27e9afa9bc" providerId="ADAL" clId="{BF04C754-5BF4-4E83-9615-DB14FA25AF8A}" dt="2023-10-12T11:37:59.791" v="293"/>
          <ac:spMkLst>
            <pc:docMk/>
            <pc:sldMk cId="2376958513" sldId="260"/>
            <ac:spMk id="3831" creationId="{E4735F34-8E3B-EDF8-07BB-F404D2129288}"/>
          </ac:spMkLst>
        </pc:spChg>
        <pc:spChg chg="mod">
          <ac:chgData name="White, Alex" userId="eff6cc8c-37d8-483b-9c6c-6b27e9afa9bc" providerId="ADAL" clId="{BF04C754-5BF4-4E83-9615-DB14FA25AF8A}" dt="2023-10-12T11:37:59.791" v="293"/>
          <ac:spMkLst>
            <pc:docMk/>
            <pc:sldMk cId="2376958513" sldId="260"/>
            <ac:spMk id="3832" creationId="{50BCC38A-C2A6-E050-B322-A2424BDC6B80}"/>
          </ac:spMkLst>
        </pc:spChg>
        <pc:spChg chg="mod">
          <ac:chgData name="White, Alex" userId="eff6cc8c-37d8-483b-9c6c-6b27e9afa9bc" providerId="ADAL" clId="{BF04C754-5BF4-4E83-9615-DB14FA25AF8A}" dt="2023-10-12T11:37:59.791" v="293"/>
          <ac:spMkLst>
            <pc:docMk/>
            <pc:sldMk cId="2376958513" sldId="260"/>
            <ac:spMk id="3833" creationId="{3F15A7D7-71C0-2D80-006F-F7B6DC05A1C7}"/>
          </ac:spMkLst>
        </pc:spChg>
        <pc:spChg chg="mod">
          <ac:chgData name="White, Alex" userId="eff6cc8c-37d8-483b-9c6c-6b27e9afa9bc" providerId="ADAL" clId="{BF04C754-5BF4-4E83-9615-DB14FA25AF8A}" dt="2023-10-12T11:37:59.791" v="293"/>
          <ac:spMkLst>
            <pc:docMk/>
            <pc:sldMk cId="2376958513" sldId="260"/>
            <ac:spMk id="3834" creationId="{CE96615A-725D-A215-D261-8A967DEC709B}"/>
          </ac:spMkLst>
        </pc:spChg>
        <pc:spChg chg="mod">
          <ac:chgData name="White, Alex" userId="eff6cc8c-37d8-483b-9c6c-6b27e9afa9bc" providerId="ADAL" clId="{BF04C754-5BF4-4E83-9615-DB14FA25AF8A}" dt="2023-10-12T11:37:59.791" v="293"/>
          <ac:spMkLst>
            <pc:docMk/>
            <pc:sldMk cId="2376958513" sldId="260"/>
            <ac:spMk id="3835" creationId="{1DA4FB7F-2E1D-E1F5-D431-E106BCA5A4A3}"/>
          </ac:spMkLst>
        </pc:spChg>
        <pc:spChg chg="mod">
          <ac:chgData name="White, Alex" userId="eff6cc8c-37d8-483b-9c6c-6b27e9afa9bc" providerId="ADAL" clId="{BF04C754-5BF4-4E83-9615-DB14FA25AF8A}" dt="2023-10-12T11:37:59.791" v="293"/>
          <ac:spMkLst>
            <pc:docMk/>
            <pc:sldMk cId="2376958513" sldId="260"/>
            <ac:spMk id="3836" creationId="{D46AB86C-689A-60C4-63C9-8240DC2BD620}"/>
          </ac:spMkLst>
        </pc:spChg>
        <pc:spChg chg="mod">
          <ac:chgData name="White, Alex" userId="eff6cc8c-37d8-483b-9c6c-6b27e9afa9bc" providerId="ADAL" clId="{BF04C754-5BF4-4E83-9615-DB14FA25AF8A}" dt="2023-10-12T11:37:59.791" v="293"/>
          <ac:spMkLst>
            <pc:docMk/>
            <pc:sldMk cId="2376958513" sldId="260"/>
            <ac:spMk id="3837" creationId="{03FAEAD7-2B77-DDBD-F367-86F3A2F93B2F}"/>
          </ac:spMkLst>
        </pc:spChg>
        <pc:spChg chg="mod">
          <ac:chgData name="White, Alex" userId="eff6cc8c-37d8-483b-9c6c-6b27e9afa9bc" providerId="ADAL" clId="{BF04C754-5BF4-4E83-9615-DB14FA25AF8A}" dt="2023-10-12T11:37:59.791" v="293"/>
          <ac:spMkLst>
            <pc:docMk/>
            <pc:sldMk cId="2376958513" sldId="260"/>
            <ac:spMk id="3838" creationId="{AF9EDF98-461C-6591-820D-1E960731CA18}"/>
          </ac:spMkLst>
        </pc:spChg>
        <pc:spChg chg="mod">
          <ac:chgData name="White, Alex" userId="eff6cc8c-37d8-483b-9c6c-6b27e9afa9bc" providerId="ADAL" clId="{BF04C754-5BF4-4E83-9615-DB14FA25AF8A}" dt="2023-10-12T11:37:59.791" v="293"/>
          <ac:spMkLst>
            <pc:docMk/>
            <pc:sldMk cId="2376958513" sldId="260"/>
            <ac:spMk id="3839" creationId="{A9D4CE1F-09E8-DD4F-0ECD-95E21C41DA60}"/>
          </ac:spMkLst>
        </pc:spChg>
        <pc:spChg chg="mod">
          <ac:chgData name="White, Alex" userId="eff6cc8c-37d8-483b-9c6c-6b27e9afa9bc" providerId="ADAL" clId="{BF04C754-5BF4-4E83-9615-DB14FA25AF8A}" dt="2023-10-12T11:37:59.791" v="293"/>
          <ac:spMkLst>
            <pc:docMk/>
            <pc:sldMk cId="2376958513" sldId="260"/>
            <ac:spMk id="3840" creationId="{1215233D-6120-42DD-16E5-736132DA7A6A}"/>
          </ac:spMkLst>
        </pc:spChg>
        <pc:spChg chg="mod">
          <ac:chgData name="White, Alex" userId="eff6cc8c-37d8-483b-9c6c-6b27e9afa9bc" providerId="ADAL" clId="{BF04C754-5BF4-4E83-9615-DB14FA25AF8A}" dt="2023-10-12T11:37:59.791" v="293"/>
          <ac:spMkLst>
            <pc:docMk/>
            <pc:sldMk cId="2376958513" sldId="260"/>
            <ac:spMk id="3841" creationId="{C12EA17B-F379-416E-C742-60865F655B5D}"/>
          </ac:spMkLst>
        </pc:spChg>
        <pc:spChg chg="mod">
          <ac:chgData name="White, Alex" userId="eff6cc8c-37d8-483b-9c6c-6b27e9afa9bc" providerId="ADAL" clId="{BF04C754-5BF4-4E83-9615-DB14FA25AF8A}" dt="2023-10-12T11:37:59.791" v="293"/>
          <ac:spMkLst>
            <pc:docMk/>
            <pc:sldMk cId="2376958513" sldId="260"/>
            <ac:spMk id="3842" creationId="{E27255EE-1914-496B-8FDC-52BDAF73425D}"/>
          </ac:spMkLst>
        </pc:spChg>
        <pc:spChg chg="mod">
          <ac:chgData name="White, Alex" userId="eff6cc8c-37d8-483b-9c6c-6b27e9afa9bc" providerId="ADAL" clId="{BF04C754-5BF4-4E83-9615-DB14FA25AF8A}" dt="2023-10-12T11:37:59.791" v="293"/>
          <ac:spMkLst>
            <pc:docMk/>
            <pc:sldMk cId="2376958513" sldId="260"/>
            <ac:spMk id="3843" creationId="{748D8166-94CD-9239-5486-1C2A10BA18B2}"/>
          </ac:spMkLst>
        </pc:spChg>
        <pc:spChg chg="mod">
          <ac:chgData name="White, Alex" userId="eff6cc8c-37d8-483b-9c6c-6b27e9afa9bc" providerId="ADAL" clId="{BF04C754-5BF4-4E83-9615-DB14FA25AF8A}" dt="2023-10-12T11:37:59.791" v="293"/>
          <ac:spMkLst>
            <pc:docMk/>
            <pc:sldMk cId="2376958513" sldId="260"/>
            <ac:spMk id="3844" creationId="{F1E8B4BE-733B-D7C6-C1F5-474AE4C7281A}"/>
          </ac:spMkLst>
        </pc:spChg>
        <pc:spChg chg="mod">
          <ac:chgData name="White, Alex" userId="eff6cc8c-37d8-483b-9c6c-6b27e9afa9bc" providerId="ADAL" clId="{BF04C754-5BF4-4E83-9615-DB14FA25AF8A}" dt="2023-10-12T11:37:59.791" v="293"/>
          <ac:spMkLst>
            <pc:docMk/>
            <pc:sldMk cId="2376958513" sldId="260"/>
            <ac:spMk id="3845" creationId="{F65DD475-2305-5439-177E-7D8C31DFA774}"/>
          </ac:spMkLst>
        </pc:spChg>
        <pc:spChg chg="mod">
          <ac:chgData name="White, Alex" userId="eff6cc8c-37d8-483b-9c6c-6b27e9afa9bc" providerId="ADAL" clId="{BF04C754-5BF4-4E83-9615-DB14FA25AF8A}" dt="2023-10-12T11:37:59.791" v="293"/>
          <ac:spMkLst>
            <pc:docMk/>
            <pc:sldMk cId="2376958513" sldId="260"/>
            <ac:spMk id="3846" creationId="{7CEC52A8-3921-6E55-3A7A-8CEA87434140}"/>
          </ac:spMkLst>
        </pc:spChg>
        <pc:spChg chg="mod">
          <ac:chgData name="White, Alex" userId="eff6cc8c-37d8-483b-9c6c-6b27e9afa9bc" providerId="ADAL" clId="{BF04C754-5BF4-4E83-9615-DB14FA25AF8A}" dt="2023-10-12T11:37:59.791" v="293"/>
          <ac:spMkLst>
            <pc:docMk/>
            <pc:sldMk cId="2376958513" sldId="260"/>
            <ac:spMk id="3847" creationId="{029A71B7-ED84-68A8-6DF4-F794A25A5CFD}"/>
          </ac:spMkLst>
        </pc:spChg>
        <pc:spChg chg="mod">
          <ac:chgData name="White, Alex" userId="eff6cc8c-37d8-483b-9c6c-6b27e9afa9bc" providerId="ADAL" clId="{BF04C754-5BF4-4E83-9615-DB14FA25AF8A}" dt="2023-10-12T11:37:59.791" v="293"/>
          <ac:spMkLst>
            <pc:docMk/>
            <pc:sldMk cId="2376958513" sldId="260"/>
            <ac:spMk id="3848" creationId="{A921D705-A246-948E-7CA2-DA1D3336D5EA}"/>
          </ac:spMkLst>
        </pc:spChg>
        <pc:spChg chg="mod">
          <ac:chgData name="White, Alex" userId="eff6cc8c-37d8-483b-9c6c-6b27e9afa9bc" providerId="ADAL" clId="{BF04C754-5BF4-4E83-9615-DB14FA25AF8A}" dt="2023-10-12T11:37:59.791" v="293"/>
          <ac:spMkLst>
            <pc:docMk/>
            <pc:sldMk cId="2376958513" sldId="260"/>
            <ac:spMk id="3849" creationId="{2D7AE4FD-9709-F9AC-916F-90E823C645A9}"/>
          </ac:spMkLst>
        </pc:spChg>
        <pc:spChg chg="mod">
          <ac:chgData name="White, Alex" userId="eff6cc8c-37d8-483b-9c6c-6b27e9afa9bc" providerId="ADAL" clId="{BF04C754-5BF4-4E83-9615-DB14FA25AF8A}" dt="2023-10-12T11:37:59.791" v="293"/>
          <ac:spMkLst>
            <pc:docMk/>
            <pc:sldMk cId="2376958513" sldId="260"/>
            <ac:spMk id="3850" creationId="{206FF93A-02E4-BF49-838A-8CA283F8417D}"/>
          </ac:spMkLst>
        </pc:spChg>
        <pc:spChg chg="mod">
          <ac:chgData name="White, Alex" userId="eff6cc8c-37d8-483b-9c6c-6b27e9afa9bc" providerId="ADAL" clId="{BF04C754-5BF4-4E83-9615-DB14FA25AF8A}" dt="2023-10-12T11:37:59.791" v="293"/>
          <ac:spMkLst>
            <pc:docMk/>
            <pc:sldMk cId="2376958513" sldId="260"/>
            <ac:spMk id="3851" creationId="{820A7D03-41FE-1D54-96EF-945652CD9C65}"/>
          </ac:spMkLst>
        </pc:spChg>
        <pc:spChg chg="mod">
          <ac:chgData name="White, Alex" userId="eff6cc8c-37d8-483b-9c6c-6b27e9afa9bc" providerId="ADAL" clId="{BF04C754-5BF4-4E83-9615-DB14FA25AF8A}" dt="2023-10-12T11:37:59.791" v="293"/>
          <ac:spMkLst>
            <pc:docMk/>
            <pc:sldMk cId="2376958513" sldId="260"/>
            <ac:spMk id="3852" creationId="{F6F3B7A7-34C2-316E-FBCC-B7121CBFC7FF}"/>
          </ac:spMkLst>
        </pc:spChg>
        <pc:spChg chg="mod">
          <ac:chgData name="White, Alex" userId="eff6cc8c-37d8-483b-9c6c-6b27e9afa9bc" providerId="ADAL" clId="{BF04C754-5BF4-4E83-9615-DB14FA25AF8A}" dt="2023-10-12T11:37:59.791" v="293"/>
          <ac:spMkLst>
            <pc:docMk/>
            <pc:sldMk cId="2376958513" sldId="260"/>
            <ac:spMk id="3853" creationId="{93F8DDCF-6187-5F89-C95D-FA5C0C07F3E7}"/>
          </ac:spMkLst>
        </pc:spChg>
        <pc:spChg chg="mod">
          <ac:chgData name="White, Alex" userId="eff6cc8c-37d8-483b-9c6c-6b27e9afa9bc" providerId="ADAL" clId="{BF04C754-5BF4-4E83-9615-DB14FA25AF8A}" dt="2023-10-12T11:37:59.791" v="293"/>
          <ac:spMkLst>
            <pc:docMk/>
            <pc:sldMk cId="2376958513" sldId="260"/>
            <ac:spMk id="3854" creationId="{8CB72D2F-6695-9B21-30EF-DE49670BA787}"/>
          </ac:spMkLst>
        </pc:spChg>
        <pc:spChg chg="mod">
          <ac:chgData name="White, Alex" userId="eff6cc8c-37d8-483b-9c6c-6b27e9afa9bc" providerId="ADAL" clId="{BF04C754-5BF4-4E83-9615-DB14FA25AF8A}" dt="2023-10-12T11:37:59.791" v="293"/>
          <ac:spMkLst>
            <pc:docMk/>
            <pc:sldMk cId="2376958513" sldId="260"/>
            <ac:spMk id="3855" creationId="{640B222F-C46F-9682-0E6D-745B68874B9A}"/>
          </ac:spMkLst>
        </pc:spChg>
        <pc:spChg chg="mod">
          <ac:chgData name="White, Alex" userId="eff6cc8c-37d8-483b-9c6c-6b27e9afa9bc" providerId="ADAL" clId="{BF04C754-5BF4-4E83-9615-DB14FA25AF8A}" dt="2023-10-12T11:37:59.791" v="293"/>
          <ac:spMkLst>
            <pc:docMk/>
            <pc:sldMk cId="2376958513" sldId="260"/>
            <ac:spMk id="3856" creationId="{AE258EF6-B4B5-D494-8AF0-4242E6D66242}"/>
          </ac:spMkLst>
        </pc:spChg>
        <pc:spChg chg="mod">
          <ac:chgData name="White, Alex" userId="eff6cc8c-37d8-483b-9c6c-6b27e9afa9bc" providerId="ADAL" clId="{BF04C754-5BF4-4E83-9615-DB14FA25AF8A}" dt="2023-10-12T11:37:59.791" v="293"/>
          <ac:spMkLst>
            <pc:docMk/>
            <pc:sldMk cId="2376958513" sldId="260"/>
            <ac:spMk id="3857" creationId="{73E0B9E5-0132-2F35-C87E-6F0096940050}"/>
          </ac:spMkLst>
        </pc:spChg>
        <pc:spChg chg="mod">
          <ac:chgData name="White, Alex" userId="eff6cc8c-37d8-483b-9c6c-6b27e9afa9bc" providerId="ADAL" clId="{BF04C754-5BF4-4E83-9615-DB14FA25AF8A}" dt="2023-10-12T11:37:59.791" v="293"/>
          <ac:spMkLst>
            <pc:docMk/>
            <pc:sldMk cId="2376958513" sldId="260"/>
            <ac:spMk id="3858" creationId="{76E9A3EA-949B-E28F-7CC0-23A67EC39EF9}"/>
          </ac:spMkLst>
        </pc:spChg>
        <pc:spChg chg="mod">
          <ac:chgData name="White, Alex" userId="eff6cc8c-37d8-483b-9c6c-6b27e9afa9bc" providerId="ADAL" clId="{BF04C754-5BF4-4E83-9615-DB14FA25AF8A}" dt="2023-10-12T11:37:59.791" v="293"/>
          <ac:spMkLst>
            <pc:docMk/>
            <pc:sldMk cId="2376958513" sldId="260"/>
            <ac:spMk id="3859" creationId="{E4EA21DA-88FD-68D3-33FB-B483964D3D0F}"/>
          </ac:spMkLst>
        </pc:spChg>
        <pc:spChg chg="mod">
          <ac:chgData name="White, Alex" userId="eff6cc8c-37d8-483b-9c6c-6b27e9afa9bc" providerId="ADAL" clId="{BF04C754-5BF4-4E83-9615-DB14FA25AF8A}" dt="2023-10-12T11:37:59.791" v="293"/>
          <ac:spMkLst>
            <pc:docMk/>
            <pc:sldMk cId="2376958513" sldId="260"/>
            <ac:spMk id="3860" creationId="{A44D3600-BE09-F205-365A-88105B0461D9}"/>
          </ac:spMkLst>
        </pc:spChg>
        <pc:spChg chg="mod">
          <ac:chgData name="White, Alex" userId="eff6cc8c-37d8-483b-9c6c-6b27e9afa9bc" providerId="ADAL" clId="{BF04C754-5BF4-4E83-9615-DB14FA25AF8A}" dt="2023-10-12T11:37:59.791" v="293"/>
          <ac:spMkLst>
            <pc:docMk/>
            <pc:sldMk cId="2376958513" sldId="260"/>
            <ac:spMk id="3861" creationId="{F5C2AAB3-4625-4C18-0C9A-C0EF7DC3A073}"/>
          </ac:spMkLst>
        </pc:spChg>
        <pc:spChg chg="mod">
          <ac:chgData name="White, Alex" userId="eff6cc8c-37d8-483b-9c6c-6b27e9afa9bc" providerId="ADAL" clId="{BF04C754-5BF4-4E83-9615-DB14FA25AF8A}" dt="2023-10-12T11:37:59.791" v="293"/>
          <ac:spMkLst>
            <pc:docMk/>
            <pc:sldMk cId="2376958513" sldId="260"/>
            <ac:spMk id="3862" creationId="{9F318407-7E3B-0ACB-D976-F55ABC696F94}"/>
          </ac:spMkLst>
        </pc:spChg>
        <pc:spChg chg="mod">
          <ac:chgData name="White, Alex" userId="eff6cc8c-37d8-483b-9c6c-6b27e9afa9bc" providerId="ADAL" clId="{BF04C754-5BF4-4E83-9615-DB14FA25AF8A}" dt="2023-10-12T11:37:59.791" v="293"/>
          <ac:spMkLst>
            <pc:docMk/>
            <pc:sldMk cId="2376958513" sldId="260"/>
            <ac:spMk id="3863" creationId="{BCD5380F-88A9-9346-5C80-A86C3498B3E2}"/>
          </ac:spMkLst>
        </pc:spChg>
        <pc:spChg chg="mod">
          <ac:chgData name="White, Alex" userId="eff6cc8c-37d8-483b-9c6c-6b27e9afa9bc" providerId="ADAL" clId="{BF04C754-5BF4-4E83-9615-DB14FA25AF8A}" dt="2023-10-12T11:37:59.791" v="293"/>
          <ac:spMkLst>
            <pc:docMk/>
            <pc:sldMk cId="2376958513" sldId="260"/>
            <ac:spMk id="3864" creationId="{36908446-ADBF-3512-B851-DDF0B92D1156}"/>
          </ac:spMkLst>
        </pc:spChg>
        <pc:spChg chg="mod">
          <ac:chgData name="White, Alex" userId="eff6cc8c-37d8-483b-9c6c-6b27e9afa9bc" providerId="ADAL" clId="{BF04C754-5BF4-4E83-9615-DB14FA25AF8A}" dt="2023-10-12T11:37:59.791" v="293"/>
          <ac:spMkLst>
            <pc:docMk/>
            <pc:sldMk cId="2376958513" sldId="260"/>
            <ac:spMk id="3865" creationId="{53A49ADE-3667-C213-BE39-F3548B5C3438}"/>
          </ac:spMkLst>
        </pc:spChg>
        <pc:spChg chg="mod">
          <ac:chgData name="White, Alex" userId="eff6cc8c-37d8-483b-9c6c-6b27e9afa9bc" providerId="ADAL" clId="{BF04C754-5BF4-4E83-9615-DB14FA25AF8A}" dt="2023-10-12T11:37:59.791" v="293"/>
          <ac:spMkLst>
            <pc:docMk/>
            <pc:sldMk cId="2376958513" sldId="260"/>
            <ac:spMk id="3866" creationId="{FFD8C355-FC0C-7B23-E46E-016D6CC97E63}"/>
          </ac:spMkLst>
        </pc:spChg>
        <pc:spChg chg="mod">
          <ac:chgData name="White, Alex" userId="eff6cc8c-37d8-483b-9c6c-6b27e9afa9bc" providerId="ADAL" clId="{BF04C754-5BF4-4E83-9615-DB14FA25AF8A}" dt="2023-10-12T11:37:59.791" v="293"/>
          <ac:spMkLst>
            <pc:docMk/>
            <pc:sldMk cId="2376958513" sldId="260"/>
            <ac:spMk id="3867" creationId="{F799AA29-BED6-9928-5549-96048343220E}"/>
          </ac:spMkLst>
        </pc:spChg>
        <pc:spChg chg="mod">
          <ac:chgData name="White, Alex" userId="eff6cc8c-37d8-483b-9c6c-6b27e9afa9bc" providerId="ADAL" clId="{BF04C754-5BF4-4E83-9615-DB14FA25AF8A}" dt="2023-10-12T11:37:59.791" v="293"/>
          <ac:spMkLst>
            <pc:docMk/>
            <pc:sldMk cId="2376958513" sldId="260"/>
            <ac:spMk id="3868" creationId="{61CE3B78-3F71-74D5-995C-BFE0142E5F90}"/>
          </ac:spMkLst>
        </pc:spChg>
        <pc:spChg chg="mod">
          <ac:chgData name="White, Alex" userId="eff6cc8c-37d8-483b-9c6c-6b27e9afa9bc" providerId="ADAL" clId="{BF04C754-5BF4-4E83-9615-DB14FA25AF8A}" dt="2023-10-12T11:37:59.791" v="293"/>
          <ac:spMkLst>
            <pc:docMk/>
            <pc:sldMk cId="2376958513" sldId="260"/>
            <ac:spMk id="3869" creationId="{84857C65-8B8B-558E-9135-37642BE60F62}"/>
          </ac:spMkLst>
        </pc:spChg>
        <pc:spChg chg="mod">
          <ac:chgData name="White, Alex" userId="eff6cc8c-37d8-483b-9c6c-6b27e9afa9bc" providerId="ADAL" clId="{BF04C754-5BF4-4E83-9615-DB14FA25AF8A}" dt="2023-10-12T11:37:59.791" v="293"/>
          <ac:spMkLst>
            <pc:docMk/>
            <pc:sldMk cId="2376958513" sldId="260"/>
            <ac:spMk id="3870" creationId="{C0B2A09B-C742-83A8-847C-422107D099DF}"/>
          </ac:spMkLst>
        </pc:spChg>
        <pc:spChg chg="mod">
          <ac:chgData name="White, Alex" userId="eff6cc8c-37d8-483b-9c6c-6b27e9afa9bc" providerId="ADAL" clId="{BF04C754-5BF4-4E83-9615-DB14FA25AF8A}" dt="2023-10-12T11:37:59.791" v="293"/>
          <ac:spMkLst>
            <pc:docMk/>
            <pc:sldMk cId="2376958513" sldId="260"/>
            <ac:spMk id="3871" creationId="{1E0B6DCF-174F-5D96-154D-272C6CC3485E}"/>
          </ac:spMkLst>
        </pc:spChg>
        <pc:spChg chg="mod">
          <ac:chgData name="White, Alex" userId="eff6cc8c-37d8-483b-9c6c-6b27e9afa9bc" providerId="ADAL" clId="{BF04C754-5BF4-4E83-9615-DB14FA25AF8A}" dt="2023-10-12T11:37:59.791" v="293"/>
          <ac:spMkLst>
            <pc:docMk/>
            <pc:sldMk cId="2376958513" sldId="260"/>
            <ac:spMk id="3872" creationId="{949766FA-1BAF-E645-4AE6-E705067219BC}"/>
          </ac:spMkLst>
        </pc:spChg>
        <pc:spChg chg="mod">
          <ac:chgData name="White, Alex" userId="eff6cc8c-37d8-483b-9c6c-6b27e9afa9bc" providerId="ADAL" clId="{BF04C754-5BF4-4E83-9615-DB14FA25AF8A}" dt="2023-10-12T11:37:59.791" v="293"/>
          <ac:spMkLst>
            <pc:docMk/>
            <pc:sldMk cId="2376958513" sldId="260"/>
            <ac:spMk id="3873" creationId="{ED99C692-29EA-530B-2ABE-DFFA0CB1228A}"/>
          </ac:spMkLst>
        </pc:spChg>
        <pc:spChg chg="mod">
          <ac:chgData name="White, Alex" userId="eff6cc8c-37d8-483b-9c6c-6b27e9afa9bc" providerId="ADAL" clId="{BF04C754-5BF4-4E83-9615-DB14FA25AF8A}" dt="2023-10-12T11:37:59.791" v="293"/>
          <ac:spMkLst>
            <pc:docMk/>
            <pc:sldMk cId="2376958513" sldId="260"/>
            <ac:spMk id="3874" creationId="{9590AFF7-A34B-8493-E469-CE6976B11FB3}"/>
          </ac:spMkLst>
        </pc:spChg>
        <pc:spChg chg="mod">
          <ac:chgData name="White, Alex" userId="eff6cc8c-37d8-483b-9c6c-6b27e9afa9bc" providerId="ADAL" clId="{BF04C754-5BF4-4E83-9615-DB14FA25AF8A}" dt="2023-10-12T11:37:59.791" v="293"/>
          <ac:spMkLst>
            <pc:docMk/>
            <pc:sldMk cId="2376958513" sldId="260"/>
            <ac:spMk id="3875" creationId="{A048E6D6-8052-F423-04BF-B2CFC18BA0AD}"/>
          </ac:spMkLst>
        </pc:spChg>
        <pc:spChg chg="mod">
          <ac:chgData name="White, Alex" userId="eff6cc8c-37d8-483b-9c6c-6b27e9afa9bc" providerId="ADAL" clId="{BF04C754-5BF4-4E83-9615-DB14FA25AF8A}" dt="2023-10-12T11:37:59.791" v="293"/>
          <ac:spMkLst>
            <pc:docMk/>
            <pc:sldMk cId="2376958513" sldId="260"/>
            <ac:spMk id="3876" creationId="{96A57291-7415-5F9D-6D89-452F5C8042FA}"/>
          </ac:spMkLst>
        </pc:spChg>
        <pc:spChg chg="mod">
          <ac:chgData name="White, Alex" userId="eff6cc8c-37d8-483b-9c6c-6b27e9afa9bc" providerId="ADAL" clId="{BF04C754-5BF4-4E83-9615-DB14FA25AF8A}" dt="2023-10-12T11:37:59.791" v="293"/>
          <ac:spMkLst>
            <pc:docMk/>
            <pc:sldMk cId="2376958513" sldId="260"/>
            <ac:spMk id="3877" creationId="{19AA5672-3488-68AE-FFF3-1CADFD88B1FC}"/>
          </ac:spMkLst>
        </pc:spChg>
        <pc:spChg chg="mod">
          <ac:chgData name="White, Alex" userId="eff6cc8c-37d8-483b-9c6c-6b27e9afa9bc" providerId="ADAL" clId="{BF04C754-5BF4-4E83-9615-DB14FA25AF8A}" dt="2023-10-12T11:37:59.791" v="293"/>
          <ac:spMkLst>
            <pc:docMk/>
            <pc:sldMk cId="2376958513" sldId="260"/>
            <ac:spMk id="3878" creationId="{631D1072-B4C0-0D90-78CF-F590A773A849}"/>
          </ac:spMkLst>
        </pc:spChg>
        <pc:spChg chg="mod">
          <ac:chgData name="White, Alex" userId="eff6cc8c-37d8-483b-9c6c-6b27e9afa9bc" providerId="ADAL" clId="{BF04C754-5BF4-4E83-9615-DB14FA25AF8A}" dt="2023-10-12T11:37:59.791" v="293"/>
          <ac:spMkLst>
            <pc:docMk/>
            <pc:sldMk cId="2376958513" sldId="260"/>
            <ac:spMk id="3879" creationId="{79D54986-A745-64D2-700F-65E4CF82183D}"/>
          </ac:spMkLst>
        </pc:spChg>
        <pc:spChg chg="mod">
          <ac:chgData name="White, Alex" userId="eff6cc8c-37d8-483b-9c6c-6b27e9afa9bc" providerId="ADAL" clId="{BF04C754-5BF4-4E83-9615-DB14FA25AF8A}" dt="2023-10-12T11:37:59.791" v="293"/>
          <ac:spMkLst>
            <pc:docMk/>
            <pc:sldMk cId="2376958513" sldId="260"/>
            <ac:spMk id="3880" creationId="{24800D5C-6944-A4AE-3231-BF1244F4C621}"/>
          </ac:spMkLst>
        </pc:spChg>
        <pc:spChg chg="mod">
          <ac:chgData name="White, Alex" userId="eff6cc8c-37d8-483b-9c6c-6b27e9afa9bc" providerId="ADAL" clId="{BF04C754-5BF4-4E83-9615-DB14FA25AF8A}" dt="2023-10-12T11:37:59.791" v="293"/>
          <ac:spMkLst>
            <pc:docMk/>
            <pc:sldMk cId="2376958513" sldId="260"/>
            <ac:spMk id="3881" creationId="{DE71675F-78EF-1ABA-C4D4-290296FAA93B}"/>
          </ac:spMkLst>
        </pc:spChg>
        <pc:spChg chg="mod">
          <ac:chgData name="White, Alex" userId="eff6cc8c-37d8-483b-9c6c-6b27e9afa9bc" providerId="ADAL" clId="{BF04C754-5BF4-4E83-9615-DB14FA25AF8A}" dt="2023-10-12T11:37:59.791" v="293"/>
          <ac:spMkLst>
            <pc:docMk/>
            <pc:sldMk cId="2376958513" sldId="260"/>
            <ac:spMk id="3882" creationId="{F1BD5AD3-2262-2246-85F3-F15634D4E7E8}"/>
          </ac:spMkLst>
        </pc:spChg>
        <pc:spChg chg="mod">
          <ac:chgData name="White, Alex" userId="eff6cc8c-37d8-483b-9c6c-6b27e9afa9bc" providerId="ADAL" clId="{BF04C754-5BF4-4E83-9615-DB14FA25AF8A}" dt="2023-10-12T11:37:59.791" v="293"/>
          <ac:spMkLst>
            <pc:docMk/>
            <pc:sldMk cId="2376958513" sldId="260"/>
            <ac:spMk id="3883" creationId="{48011793-3F72-98CF-A65D-62077292BFE7}"/>
          </ac:spMkLst>
        </pc:spChg>
        <pc:spChg chg="mod">
          <ac:chgData name="White, Alex" userId="eff6cc8c-37d8-483b-9c6c-6b27e9afa9bc" providerId="ADAL" clId="{BF04C754-5BF4-4E83-9615-DB14FA25AF8A}" dt="2023-10-12T11:37:59.791" v="293"/>
          <ac:spMkLst>
            <pc:docMk/>
            <pc:sldMk cId="2376958513" sldId="260"/>
            <ac:spMk id="3884" creationId="{BB7EF2C4-CB5C-DBC0-45F2-DABEE846C745}"/>
          </ac:spMkLst>
        </pc:spChg>
        <pc:spChg chg="mod">
          <ac:chgData name="White, Alex" userId="eff6cc8c-37d8-483b-9c6c-6b27e9afa9bc" providerId="ADAL" clId="{BF04C754-5BF4-4E83-9615-DB14FA25AF8A}" dt="2023-10-12T11:37:59.791" v="293"/>
          <ac:spMkLst>
            <pc:docMk/>
            <pc:sldMk cId="2376958513" sldId="260"/>
            <ac:spMk id="3885" creationId="{AFD82FE0-5A4D-09B0-FCCA-AC0912D1C67E}"/>
          </ac:spMkLst>
        </pc:spChg>
        <pc:spChg chg="mod">
          <ac:chgData name="White, Alex" userId="eff6cc8c-37d8-483b-9c6c-6b27e9afa9bc" providerId="ADAL" clId="{BF04C754-5BF4-4E83-9615-DB14FA25AF8A}" dt="2023-10-12T11:37:59.791" v="293"/>
          <ac:spMkLst>
            <pc:docMk/>
            <pc:sldMk cId="2376958513" sldId="260"/>
            <ac:spMk id="3886" creationId="{29A88184-72B5-1683-EEA2-8EA043A3CA08}"/>
          </ac:spMkLst>
        </pc:spChg>
        <pc:spChg chg="mod">
          <ac:chgData name="White, Alex" userId="eff6cc8c-37d8-483b-9c6c-6b27e9afa9bc" providerId="ADAL" clId="{BF04C754-5BF4-4E83-9615-DB14FA25AF8A}" dt="2023-10-12T11:37:59.791" v="293"/>
          <ac:spMkLst>
            <pc:docMk/>
            <pc:sldMk cId="2376958513" sldId="260"/>
            <ac:spMk id="3887" creationId="{8DAEB39E-1077-6736-BE74-AF8BBCD0DAFD}"/>
          </ac:spMkLst>
        </pc:spChg>
        <pc:spChg chg="mod">
          <ac:chgData name="White, Alex" userId="eff6cc8c-37d8-483b-9c6c-6b27e9afa9bc" providerId="ADAL" clId="{BF04C754-5BF4-4E83-9615-DB14FA25AF8A}" dt="2023-10-12T11:37:59.791" v="293"/>
          <ac:spMkLst>
            <pc:docMk/>
            <pc:sldMk cId="2376958513" sldId="260"/>
            <ac:spMk id="3888" creationId="{1C542589-829C-FAFF-14C5-17D1DF5A3019}"/>
          </ac:spMkLst>
        </pc:spChg>
        <pc:spChg chg="mod">
          <ac:chgData name="White, Alex" userId="eff6cc8c-37d8-483b-9c6c-6b27e9afa9bc" providerId="ADAL" clId="{BF04C754-5BF4-4E83-9615-DB14FA25AF8A}" dt="2023-10-12T11:37:59.791" v="293"/>
          <ac:spMkLst>
            <pc:docMk/>
            <pc:sldMk cId="2376958513" sldId="260"/>
            <ac:spMk id="3889" creationId="{68C3CA82-4203-C955-3BD4-096C8E6A16A4}"/>
          </ac:spMkLst>
        </pc:spChg>
        <pc:spChg chg="mod">
          <ac:chgData name="White, Alex" userId="eff6cc8c-37d8-483b-9c6c-6b27e9afa9bc" providerId="ADAL" clId="{BF04C754-5BF4-4E83-9615-DB14FA25AF8A}" dt="2023-10-12T11:37:59.791" v="293"/>
          <ac:spMkLst>
            <pc:docMk/>
            <pc:sldMk cId="2376958513" sldId="260"/>
            <ac:spMk id="3890" creationId="{7C2E8034-E67D-0C23-ACC9-01FEFDF1BD9A}"/>
          </ac:spMkLst>
        </pc:spChg>
        <pc:spChg chg="mod">
          <ac:chgData name="White, Alex" userId="eff6cc8c-37d8-483b-9c6c-6b27e9afa9bc" providerId="ADAL" clId="{BF04C754-5BF4-4E83-9615-DB14FA25AF8A}" dt="2023-10-12T11:37:59.791" v="293"/>
          <ac:spMkLst>
            <pc:docMk/>
            <pc:sldMk cId="2376958513" sldId="260"/>
            <ac:spMk id="3891" creationId="{AC98FB94-0D8B-2EE7-EAB2-5DB4FF4BE1BF}"/>
          </ac:spMkLst>
        </pc:spChg>
        <pc:spChg chg="mod">
          <ac:chgData name="White, Alex" userId="eff6cc8c-37d8-483b-9c6c-6b27e9afa9bc" providerId="ADAL" clId="{BF04C754-5BF4-4E83-9615-DB14FA25AF8A}" dt="2023-10-12T11:37:59.791" v="293"/>
          <ac:spMkLst>
            <pc:docMk/>
            <pc:sldMk cId="2376958513" sldId="260"/>
            <ac:spMk id="3892" creationId="{07F4B624-DCEA-837D-7569-4AA4F2C24606}"/>
          </ac:spMkLst>
        </pc:spChg>
        <pc:spChg chg="mod">
          <ac:chgData name="White, Alex" userId="eff6cc8c-37d8-483b-9c6c-6b27e9afa9bc" providerId="ADAL" clId="{BF04C754-5BF4-4E83-9615-DB14FA25AF8A}" dt="2023-10-12T11:37:59.791" v="293"/>
          <ac:spMkLst>
            <pc:docMk/>
            <pc:sldMk cId="2376958513" sldId="260"/>
            <ac:spMk id="3893" creationId="{26B82B44-9A84-624A-BA32-94C0733B55B5}"/>
          </ac:spMkLst>
        </pc:spChg>
        <pc:spChg chg="mod">
          <ac:chgData name="White, Alex" userId="eff6cc8c-37d8-483b-9c6c-6b27e9afa9bc" providerId="ADAL" clId="{BF04C754-5BF4-4E83-9615-DB14FA25AF8A}" dt="2023-10-12T11:37:59.791" v="293"/>
          <ac:spMkLst>
            <pc:docMk/>
            <pc:sldMk cId="2376958513" sldId="260"/>
            <ac:spMk id="3894" creationId="{9D4CDD4D-24C9-E469-F0AC-575A60B144DB}"/>
          </ac:spMkLst>
        </pc:spChg>
        <pc:spChg chg="mod">
          <ac:chgData name="White, Alex" userId="eff6cc8c-37d8-483b-9c6c-6b27e9afa9bc" providerId="ADAL" clId="{BF04C754-5BF4-4E83-9615-DB14FA25AF8A}" dt="2023-10-12T11:37:59.791" v="293"/>
          <ac:spMkLst>
            <pc:docMk/>
            <pc:sldMk cId="2376958513" sldId="260"/>
            <ac:spMk id="3895" creationId="{8C7D873E-33D8-AADB-E924-994F6ED2CEFD}"/>
          </ac:spMkLst>
        </pc:spChg>
        <pc:spChg chg="mod">
          <ac:chgData name="White, Alex" userId="eff6cc8c-37d8-483b-9c6c-6b27e9afa9bc" providerId="ADAL" clId="{BF04C754-5BF4-4E83-9615-DB14FA25AF8A}" dt="2023-10-12T11:37:59.791" v="293"/>
          <ac:spMkLst>
            <pc:docMk/>
            <pc:sldMk cId="2376958513" sldId="260"/>
            <ac:spMk id="3896" creationId="{F4E481CF-6880-7A36-40B2-7B65AC79CF9C}"/>
          </ac:spMkLst>
        </pc:spChg>
        <pc:spChg chg="mod">
          <ac:chgData name="White, Alex" userId="eff6cc8c-37d8-483b-9c6c-6b27e9afa9bc" providerId="ADAL" clId="{BF04C754-5BF4-4E83-9615-DB14FA25AF8A}" dt="2023-10-12T11:37:59.791" v="293"/>
          <ac:spMkLst>
            <pc:docMk/>
            <pc:sldMk cId="2376958513" sldId="260"/>
            <ac:spMk id="3897" creationId="{095F71A2-97E8-4D0A-406D-8AECBE1E28AC}"/>
          </ac:spMkLst>
        </pc:spChg>
        <pc:spChg chg="mod">
          <ac:chgData name="White, Alex" userId="eff6cc8c-37d8-483b-9c6c-6b27e9afa9bc" providerId="ADAL" clId="{BF04C754-5BF4-4E83-9615-DB14FA25AF8A}" dt="2023-10-12T11:37:59.791" v="293"/>
          <ac:spMkLst>
            <pc:docMk/>
            <pc:sldMk cId="2376958513" sldId="260"/>
            <ac:spMk id="3898" creationId="{CC875C5F-1833-A252-EC3C-337D804C3022}"/>
          </ac:spMkLst>
        </pc:spChg>
        <pc:spChg chg="mod">
          <ac:chgData name="White, Alex" userId="eff6cc8c-37d8-483b-9c6c-6b27e9afa9bc" providerId="ADAL" clId="{BF04C754-5BF4-4E83-9615-DB14FA25AF8A}" dt="2023-10-12T11:37:59.791" v="293"/>
          <ac:spMkLst>
            <pc:docMk/>
            <pc:sldMk cId="2376958513" sldId="260"/>
            <ac:spMk id="3899" creationId="{DABF2B79-C322-80BB-F73E-38C6C584C3BE}"/>
          </ac:spMkLst>
        </pc:spChg>
        <pc:spChg chg="mod">
          <ac:chgData name="White, Alex" userId="eff6cc8c-37d8-483b-9c6c-6b27e9afa9bc" providerId="ADAL" clId="{BF04C754-5BF4-4E83-9615-DB14FA25AF8A}" dt="2023-10-12T11:37:59.791" v="293"/>
          <ac:spMkLst>
            <pc:docMk/>
            <pc:sldMk cId="2376958513" sldId="260"/>
            <ac:spMk id="3900" creationId="{0E8B55CF-ED80-483A-1316-484C0FF2DBC0}"/>
          </ac:spMkLst>
        </pc:spChg>
        <pc:spChg chg="mod">
          <ac:chgData name="White, Alex" userId="eff6cc8c-37d8-483b-9c6c-6b27e9afa9bc" providerId="ADAL" clId="{BF04C754-5BF4-4E83-9615-DB14FA25AF8A}" dt="2023-10-12T11:37:59.791" v="293"/>
          <ac:spMkLst>
            <pc:docMk/>
            <pc:sldMk cId="2376958513" sldId="260"/>
            <ac:spMk id="3901" creationId="{EEFCB12E-6367-B22E-B3C6-06D1D8A016A8}"/>
          </ac:spMkLst>
        </pc:spChg>
        <pc:spChg chg="mod">
          <ac:chgData name="White, Alex" userId="eff6cc8c-37d8-483b-9c6c-6b27e9afa9bc" providerId="ADAL" clId="{BF04C754-5BF4-4E83-9615-DB14FA25AF8A}" dt="2023-10-12T11:37:59.791" v="293"/>
          <ac:spMkLst>
            <pc:docMk/>
            <pc:sldMk cId="2376958513" sldId="260"/>
            <ac:spMk id="3902" creationId="{C8A6E22C-38A1-4AA7-2CF9-C52C60CAE321}"/>
          </ac:spMkLst>
        </pc:spChg>
        <pc:spChg chg="mod">
          <ac:chgData name="White, Alex" userId="eff6cc8c-37d8-483b-9c6c-6b27e9afa9bc" providerId="ADAL" clId="{BF04C754-5BF4-4E83-9615-DB14FA25AF8A}" dt="2023-10-12T11:37:59.791" v="293"/>
          <ac:spMkLst>
            <pc:docMk/>
            <pc:sldMk cId="2376958513" sldId="260"/>
            <ac:spMk id="3903" creationId="{1F4451C6-D0A3-4958-C8A9-B0133E250DA9}"/>
          </ac:spMkLst>
        </pc:spChg>
        <pc:spChg chg="mod">
          <ac:chgData name="White, Alex" userId="eff6cc8c-37d8-483b-9c6c-6b27e9afa9bc" providerId="ADAL" clId="{BF04C754-5BF4-4E83-9615-DB14FA25AF8A}" dt="2023-10-12T11:37:59.791" v="293"/>
          <ac:spMkLst>
            <pc:docMk/>
            <pc:sldMk cId="2376958513" sldId="260"/>
            <ac:spMk id="3904" creationId="{409DE886-49DC-6EFC-1C70-ECC575796933}"/>
          </ac:spMkLst>
        </pc:spChg>
        <pc:spChg chg="mod">
          <ac:chgData name="White, Alex" userId="eff6cc8c-37d8-483b-9c6c-6b27e9afa9bc" providerId="ADAL" clId="{BF04C754-5BF4-4E83-9615-DB14FA25AF8A}" dt="2023-10-12T11:37:59.791" v="293"/>
          <ac:spMkLst>
            <pc:docMk/>
            <pc:sldMk cId="2376958513" sldId="260"/>
            <ac:spMk id="3905" creationId="{2E4C2495-5126-1D1C-D05E-31F0827AEDC8}"/>
          </ac:spMkLst>
        </pc:spChg>
        <pc:spChg chg="mod">
          <ac:chgData name="White, Alex" userId="eff6cc8c-37d8-483b-9c6c-6b27e9afa9bc" providerId="ADAL" clId="{BF04C754-5BF4-4E83-9615-DB14FA25AF8A}" dt="2023-10-12T11:37:59.791" v="293"/>
          <ac:spMkLst>
            <pc:docMk/>
            <pc:sldMk cId="2376958513" sldId="260"/>
            <ac:spMk id="3906" creationId="{27BF895F-6E4A-5DC9-3780-B26A2631A710}"/>
          </ac:spMkLst>
        </pc:spChg>
        <pc:spChg chg="mod">
          <ac:chgData name="White, Alex" userId="eff6cc8c-37d8-483b-9c6c-6b27e9afa9bc" providerId="ADAL" clId="{BF04C754-5BF4-4E83-9615-DB14FA25AF8A}" dt="2023-10-12T11:37:59.791" v="293"/>
          <ac:spMkLst>
            <pc:docMk/>
            <pc:sldMk cId="2376958513" sldId="260"/>
            <ac:spMk id="3907" creationId="{A33EFC68-2DF0-2F74-8900-B157B5BC05CF}"/>
          </ac:spMkLst>
        </pc:spChg>
        <pc:spChg chg="mod">
          <ac:chgData name="White, Alex" userId="eff6cc8c-37d8-483b-9c6c-6b27e9afa9bc" providerId="ADAL" clId="{BF04C754-5BF4-4E83-9615-DB14FA25AF8A}" dt="2023-10-12T11:37:59.791" v="293"/>
          <ac:spMkLst>
            <pc:docMk/>
            <pc:sldMk cId="2376958513" sldId="260"/>
            <ac:spMk id="3908" creationId="{617306D4-C540-FA73-97D7-BFF0A346C125}"/>
          </ac:spMkLst>
        </pc:spChg>
        <pc:spChg chg="mod">
          <ac:chgData name="White, Alex" userId="eff6cc8c-37d8-483b-9c6c-6b27e9afa9bc" providerId="ADAL" clId="{BF04C754-5BF4-4E83-9615-DB14FA25AF8A}" dt="2023-10-12T11:37:59.791" v="293"/>
          <ac:spMkLst>
            <pc:docMk/>
            <pc:sldMk cId="2376958513" sldId="260"/>
            <ac:spMk id="3909" creationId="{767BC576-18E1-8058-2351-DA0D9A78373C}"/>
          </ac:spMkLst>
        </pc:spChg>
        <pc:spChg chg="mod">
          <ac:chgData name="White, Alex" userId="eff6cc8c-37d8-483b-9c6c-6b27e9afa9bc" providerId="ADAL" clId="{BF04C754-5BF4-4E83-9615-DB14FA25AF8A}" dt="2023-10-12T11:37:59.791" v="293"/>
          <ac:spMkLst>
            <pc:docMk/>
            <pc:sldMk cId="2376958513" sldId="260"/>
            <ac:spMk id="3910" creationId="{D5E0B86E-8F34-9115-B608-BA51C22A9AE5}"/>
          </ac:spMkLst>
        </pc:spChg>
        <pc:spChg chg="mod">
          <ac:chgData name="White, Alex" userId="eff6cc8c-37d8-483b-9c6c-6b27e9afa9bc" providerId="ADAL" clId="{BF04C754-5BF4-4E83-9615-DB14FA25AF8A}" dt="2023-10-12T11:37:59.791" v="293"/>
          <ac:spMkLst>
            <pc:docMk/>
            <pc:sldMk cId="2376958513" sldId="260"/>
            <ac:spMk id="3911" creationId="{E787A39C-69D2-8925-04A4-8B067FBD3BB2}"/>
          </ac:spMkLst>
        </pc:spChg>
        <pc:spChg chg="mod">
          <ac:chgData name="White, Alex" userId="eff6cc8c-37d8-483b-9c6c-6b27e9afa9bc" providerId="ADAL" clId="{BF04C754-5BF4-4E83-9615-DB14FA25AF8A}" dt="2023-10-12T11:37:59.791" v="293"/>
          <ac:spMkLst>
            <pc:docMk/>
            <pc:sldMk cId="2376958513" sldId="260"/>
            <ac:spMk id="3912" creationId="{7899C421-2613-ECDE-F903-4208E90FBA36}"/>
          </ac:spMkLst>
        </pc:spChg>
        <pc:spChg chg="mod">
          <ac:chgData name="White, Alex" userId="eff6cc8c-37d8-483b-9c6c-6b27e9afa9bc" providerId="ADAL" clId="{BF04C754-5BF4-4E83-9615-DB14FA25AF8A}" dt="2023-10-12T11:37:59.791" v="293"/>
          <ac:spMkLst>
            <pc:docMk/>
            <pc:sldMk cId="2376958513" sldId="260"/>
            <ac:spMk id="3913" creationId="{366BFF4B-7356-0B19-23B8-FD38CED2C2A3}"/>
          </ac:spMkLst>
        </pc:spChg>
        <pc:spChg chg="mod">
          <ac:chgData name="White, Alex" userId="eff6cc8c-37d8-483b-9c6c-6b27e9afa9bc" providerId="ADAL" clId="{BF04C754-5BF4-4E83-9615-DB14FA25AF8A}" dt="2023-10-12T11:37:59.791" v="293"/>
          <ac:spMkLst>
            <pc:docMk/>
            <pc:sldMk cId="2376958513" sldId="260"/>
            <ac:spMk id="3914" creationId="{9083E5CA-97EE-6234-920D-448F3502A6B9}"/>
          </ac:spMkLst>
        </pc:spChg>
        <pc:spChg chg="mod">
          <ac:chgData name="White, Alex" userId="eff6cc8c-37d8-483b-9c6c-6b27e9afa9bc" providerId="ADAL" clId="{BF04C754-5BF4-4E83-9615-DB14FA25AF8A}" dt="2023-10-12T11:37:59.791" v="293"/>
          <ac:spMkLst>
            <pc:docMk/>
            <pc:sldMk cId="2376958513" sldId="260"/>
            <ac:spMk id="3915" creationId="{1E2C176C-653B-3D91-4E7A-60C860AE5EC4}"/>
          </ac:spMkLst>
        </pc:spChg>
        <pc:spChg chg="mod">
          <ac:chgData name="White, Alex" userId="eff6cc8c-37d8-483b-9c6c-6b27e9afa9bc" providerId="ADAL" clId="{BF04C754-5BF4-4E83-9615-DB14FA25AF8A}" dt="2023-10-12T11:37:59.791" v="293"/>
          <ac:spMkLst>
            <pc:docMk/>
            <pc:sldMk cId="2376958513" sldId="260"/>
            <ac:spMk id="3916" creationId="{A51F68BA-C6F6-0784-0843-96858BA5333C}"/>
          </ac:spMkLst>
        </pc:spChg>
        <pc:spChg chg="mod">
          <ac:chgData name="White, Alex" userId="eff6cc8c-37d8-483b-9c6c-6b27e9afa9bc" providerId="ADAL" clId="{BF04C754-5BF4-4E83-9615-DB14FA25AF8A}" dt="2023-10-12T11:37:59.791" v="293"/>
          <ac:spMkLst>
            <pc:docMk/>
            <pc:sldMk cId="2376958513" sldId="260"/>
            <ac:spMk id="3917" creationId="{B9ECB1F0-9D68-83E8-CF95-ACBCFF8616FB}"/>
          </ac:spMkLst>
        </pc:spChg>
        <pc:spChg chg="mod">
          <ac:chgData name="White, Alex" userId="eff6cc8c-37d8-483b-9c6c-6b27e9afa9bc" providerId="ADAL" clId="{BF04C754-5BF4-4E83-9615-DB14FA25AF8A}" dt="2023-10-12T11:37:59.791" v="293"/>
          <ac:spMkLst>
            <pc:docMk/>
            <pc:sldMk cId="2376958513" sldId="260"/>
            <ac:spMk id="3918" creationId="{9E689B0D-2D16-139F-1B3A-691E5692D35F}"/>
          </ac:spMkLst>
        </pc:spChg>
        <pc:spChg chg="mod">
          <ac:chgData name="White, Alex" userId="eff6cc8c-37d8-483b-9c6c-6b27e9afa9bc" providerId="ADAL" clId="{BF04C754-5BF4-4E83-9615-DB14FA25AF8A}" dt="2023-10-12T11:37:59.791" v="293"/>
          <ac:spMkLst>
            <pc:docMk/>
            <pc:sldMk cId="2376958513" sldId="260"/>
            <ac:spMk id="3919" creationId="{F22D15C3-8E15-DAAE-2C11-CF04B4C0AC63}"/>
          </ac:spMkLst>
        </pc:spChg>
        <pc:spChg chg="mod">
          <ac:chgData name="White, Alex" userId="eff6cc8c-37d8-483b-9c6c-6b27e9afa9bc" providerId="ADAL" clId="{BF04C754-5BF4-4E83-9615-DB14FA25AF8A}" dt="2023-10-12T11:37:59.791" v="293"/>
          <ac:spMkLst>
            <pc:docMk/>
            <pc:sldMk cId="2376958513" sldId="260"/>
            <ac:spMk id="3920" creationId="{ECFEF25C-D6E6-9B1F-C521-3138D68D844F}"/>
          </ac:spMkLst>
        </pc:spChg>
        <pc:spChg chg="mod">
          <ac:chgData name="White, Alex" userId="eff6cc8c-37d8-483b-9c6c-6b27e9afa9bc" providerId="ADAL" clId="{BF04C754-5BF4-4E83-9615-DB14FA25AF8A}" dt="2023-10-12T11:37:59.791" v="293"/>
          <ac:spMkLst>
            <pc:docMk/>
            <pc:sldMk cId="2376958513" sldId="260"/>
            <ac:spMk id="3921" creationId="{5D268B9A-F8EB-A62D-879B-39B1626CE309}"/>
          </ac:spMkLst>
        </pc:spChg>
        <pc:spChg chg="mod">
          <ac:chgData name="White, Alex" userId="eff6cc8c-37d8-483b-9c6c-6b27e9afa9bc" providerId="ADAL" clId="{BF04C754-5BF4-4E83-9615-DB14FA25AF8A}" dt="2023-10-12T11:37:59.791" v="293"/>
          <ac:spMkLst>
            <pc:docMk/>
            <pc:sldMk cId="2376958513" sldId="260"/>
            <ac:spMk id="3922" creationId="{CF589DDB-97A2-6416-0AF3-797C8A6C45B8}"/>
          </ac:spMkLst>
        </pc:spChg>
        <pc:spChg chg="mod">
          <ac:chgData name="White, Alex" userId="eff6cc8c-37d8-483b-9c6c-6b27e9afa9bc" providerId="ADAL" clId="{BF04C754-5BF4-4E83-9615-DB14FA25AF8A}" dt="2023-10-12T11:37:59.791" v="293"/>
          <ac:spMkLst>
            <pc:docMk/>
            <pc:sldMk cId="2376958513" sldId="260"/>
            <ac:spMk id="3923" creationId="{E89258E1-CCC7-A131-1B2C-1F314282E620}"/>
          </ac:spMkLst>
        </pc:spChg>
        <pc:spChg chg="mod">
          <ac:chgData name="White, Alex" userId="eff6cc8c-37d8-483b-9c6c-6b27e9afa9bc" providerId="ADAL" clId="{BF04C754-5BF4-4E83-9615-DB14FA25AF8A}" dt="2023-10-12T11:37:59.791" v="293"/>
          <ac:spMkLst>
            <pc:docMk/>
            <pc:sldMk cId="2376958513" sldId="260"/>
            <ac:spMk id="3924" creationId="{DFB3CF42-B1F4-B6C1-0400-0B5EB1893C28}"/>
          </ac:spMkLst>
        </pc:spChg>
        <pc:spChg chg="mod">
          <ac:chgData name="White, Alex" userId="eff6cc8c-37d8-483b-9c6c-6b27e9afa9bc" providerId="ADAL" clId="{BF04C754-5BF4-4E83-9615-DB14FA25AF8A}" dt="2023-10-12T11:37:59.791" v="293"/>
          <ac:spMkLst>
            <pc:docMk/>
            <pc:sldMk cId="2376958513" sldId="260"/>
            <ac:spMk id="3925" creationId="{DBB79C9D-1CDF-0E76-9E6F-146058EFCBC9}"/>
          </ac:spMkLst>
        </pc:spChg>
        <pc:spChg chg="mod">
          <ac:chgData name="White, Alex" userId="eff6cc8c-37d8-483b-9c6c-6b27e9afa9bc" providerId="ADAL" clId="{BF04C754-5BF4-4E83-9615-DB14FA25AF8A}" dt="2023-10-12T11:37:59.791" v="293"/>
          <ac:spMkLst>
            <pc:docMk/>
            <pc:sldMk cId="2376958513" sldId="260"/>
            <ac:spMk id="3926" creationId="{01331841-94FC-2409-E62D-041556834991}"/>
          </ac:spMkLst>
        </pc:spChg>
        <pc:spChg chg="mod">
          <ac:chgData name="White, Alex" userId="eff6cc8c-37d8-483b-9c6c-6b27e9afa9bc" providerId="ADAL" clId="{BF04C754-5BF4-4E83-9615-DB14FA25AF8A}" dt="2023-10-12T11:37:59.791" v="293"/>
          <ac:spMkLst>
            <pc:docMk/>
            <pc:sldMk cId="2376958513" sldId="260"/>
            <ac:spMk id="3927" creationId="{7745EE3E-DFE3-AF13-F3F1-109745F86A2F}"/>
          </ac:spMkLst>
        </pc:spChg>
        <pc:spChg chg="mod">
          <ac:chgData name="White, Alex" userId="eff6cc8c-37d8-483b-9c6c-6b27e9afa9bc" providerId="ADAL" clId="{BF04C754-5BF4-4E83-9615-DB14FA25AF8A}" dt="2023-10-12T11:37:59.791" v="293"/>
          <ac:spMkLst>
            <pc:docMk/>
            <pc:sldMk cId="2376958513" sldId="260"/>
            <ac:spMk id="3928" creationId="{3C19FDE0-071B-D9BA-9A50-ED7FFCFA3792}"/>
          </ac:spMkLst>
        </pc:spChg>
        <pc:spChg chg="mod">
          <ac:chgData name="White, Alex" userId="eff6cc8c-37d8-483b-9c6c-6b27e9afa9bc" providerId="ADAL" clId="{BF04C754-5BF4-4E83-9615-DB14FA25AF8A}" dt="2023-10-12T11:37:59.791" v="293"/>
          <ac:spMkLst>
            <pc:docMk/>
            <pc:sldMk cId="2376958513" sldId="260"/>
            <ac:spMk id="3929" creationId="{4E8F2B5B-4793-2E94-7AD8-FA4DB30E14A3}"/>
          </ac:spMkLst>
        </pc:spChg>
        <pc:spChg chg="mod">
          <ac:chgData name="White, Alex" userId="eff6cc8c-37d8-483b-9c6c-6b27e9afa9bc" providerId="ADAL" clId="{BF04C754-5BF4-4E83-9615-DB14FA25AF8A}" dt="2023-10-12T11:37:59.791" v="293"/>
          <ac:spMkLst>
            <pc:docMk/>
            <pc:sldMk cId="2376958513" sldId="260"/>
            <ac:spMk id="3930" creationId="{FCD56ED0-2C0A-E4A7-8BD3-E6455C6053F0}"/>
          </ac:spMkLst>
        </pc:spChg>
        <pc:spChg chg="mod">
          <ac:chgData name="White, Alex" userId="eff6cc8c-37d8-483b-9c6c-6b27e9afa9bc" providerId="ADAL" clId="{BF04C754-5BF4-4E83-9615-DB14FA25AF8A}" dt="2023-10-12T11:37:59.791" v="293"/>
          <ac:spMkLst>
            <pc:docMk/>
            <pc:sldMk cId="2376958513" sldId="260"/>
            <ac:spMk id="3931" creationId="{4D83F12E-0FAF-A752-9D43-4B5FC960A595}"/>
          </ac:spMkLst>
        </pc:spChg>
        <pc:spChg chg="mod">
          <ac:chgData name="White, Alex" userId="eff6cc8c-37d8-483b-9c6c-6b27e9afa9bc" providerId="ADAL" clId="{BF04C754-5BF4-4E83-9615-DB14FA25AF8A}" dt="2023-10-12T11:37:59.791" v="293"/>
          <ac:spMkLst>
            <pc:docMk/>
            <pc:sldMk cId="2376958513" sldId="260"/>
            <ac:spMk id="3932" creationId="{1EE1959B-023B-77F3-4F73-83D0954850ED}"/>
          </ac:spMkLst>
        </pc:spChg>
        <pc:spChg chg="mod">
          <ac:chgData name="White, Alex" userId="eff6cc8c-37d8-483b-9c6c-6b27e9afa9bc" providerId="ADAL" clId="{BF04C754-5BF4-4E83-9615-DB14FA25AF8A}" dt="2023-10-12T11:37:59.791" v="293"/>
          <ac:spMkLst>
            <pc:docMk/>
            <pc:sldMk cId="2376958513" sldId="260"/>
            <ac:spMk id="3933" creationId="{D3EB0825-E9DA-43BF-32CE-D99554A8509F}"/>
          </ac:spMkLst>
        </pc:spChg>
        <pc:spChg chg="mod">
          <ac:chgData name="White, Alex" userId="eff6cc8c-37d8-483b-9c6c-6b27e9afa9bc" providerId="ADAL" clId="{BF04C754-5BF4-4E83-9615-DB14FA25AF8A}" dt="2023-10-12T11:37:59.791" v="293"/>
          <ac:spMkLst>
            <pc:docMk/>
            <pc:sldMk cId="2376958513" sldId="260"/>
            <ac:spMk id="3934" creationId="{B70B4A8C-6EF3-AFC0-4CF4-E2C1E3E5C2F5}"/>
          </ac:spMkLst>
        </pc:spChg>
        <pc:spChg chg="mod">
          <ac:chgData name="White, Alex" userId="eff6cc8c-37d8-483b-9c6c-6b27e9afa9bc" providerId="ADAL" clId="{BF04C754-5BF4-4E83-9615-DB14FA25AF8A}" dt="2023-10-12T11:37:59.791" v="293"/>
          <ac:spMkLst>
            <pc:docMk/>
            <pc:sldMk cId="2376958513" sldId="260"/>
            <ac:spMk id="3935" creationId="{AAE678DB-73B1-2C0F-0B82-F0C13B9A3D83}"/>
          </ac:spMkLst>
        </pc:spChg>
        <pc:spChg chg="mod">
          <ac:chgData name="White, Alex" userId="eff6cc8c-37d8-483b-9c6c-6b27e9afa9bc" providerId="ADAL" clId="{BF04C754-5BF4-4E83-9615-DB14FA25AF8A}" dt="2023-10-12T11:37:59.791" v="293"/>
          <ac:spMkLst>
            <pc:docMk/>
            <pc:sldMk cId="2376958513" sldId="260"/>
            <ac:spMk id="3936" creationId="{32299F86-08F5-B4C7-AA09-FA2A4EA49F98}"/>
          </ac:spMkLst>
        </pc:spChg>
        <pc:spChg chg="mod">
          <ac:chgData name="White, Alex" userId="eff6cc8c-37d8-483b-9c6c-6b27e9afa9bc" providerId="ADAL" clId="{BF04C754-5BF4-4E83-9615-DB14FA25AF8A}" dt="2023-10-12T11:37:59.791" v="293"/>
          <ac:spMkLst>
            <pc:docMk/>
            <pc:sldMk cId="2376958513" sldId="260"/>
            <ac:spMk id="3937" creationId="{C40E232C-0627-3F60-0BB8-E061092E4FE4}"/>
          </ac:spMkLst>
        </pc:spChg>
        <pc:spChg chg="mod">
          <ac:chgData name="White, Alex" userId="eff6cc8c-37d8-483b-9c6c-6b27e9afa9bc" providerId="ADAL" clId="{BF04C754-5BF4-4E83-9615-DB14FA25AF8A}" dt="2023-10-12T11:37:59.791" v="293"/>
          <ac:spMkLst>
            <pc:docMk/>
            <pc:sldMk cId="2376958513" sldId="260"/>
            <ac:spMk id="3938" creationId="{C3CF7F57-53CA-6479-79D3-66B2C639BDCC}"/>
          </ac:spMkLst>
        </pc:spChg>
        <pc:spChg chg="mod">
          <ac:chgData name="White, Alex" userId="eff6cc8c-37d8-483b-9c6c-6b27e9afa9bc" providerId="ADAL" clId="{BF04C754-5BF4-4E83-9615-DB14FA25AF8A}" dt="2023-10-12T11:37:59.791" v="293"/>
          <ac:spMkLst>
            <pc:docMk/>
            <pc:sldMk cId="2376958513" sldId="260"/>
            <ac:spMk id="3939" creationId="{081873FC-6357-6B1A-C364-C9AB5CF0231E}"/>
          </ac:spMkLst>
        </pc:spChg>
        <pc:spChg chg="mod">
          <ac:chgData name="White, Alex" userId="eff6cc8c-37d8-483b-9c6c-6b27e9afa9bc" providerId="ADAL" clId="{BF04C754-5BF4-4E83-9615-DB14FA25AF8A}" dt="2023-10-12T11:37:59.791" v="293"/>
          <ac:spMkLst>
            <pc:docMk/>
            <pc:sldMk cId="2376958513" sldId="260"/>
            <ac:spMk id="3940" creationId="{DAFE1719-E135-EB2A-824A-09FF59F2B3B2}"/>
          </ac:spMkLst>
        </pc:spChg>
        <pc:spChg chg="mod">
          <ac:chgData name="White, Alex" userId="eff6cc8c-37d8-483b-9c6c-6b27e9afa9bc" providerId="ADAL" clId="{BF04C754-5BF4-4E83-9615-DB14FA25AF8A}" dt="2023-10-12T11:37:59.791" v="293"/>
          <ac:spMkLst>
            <pc:docMk/>
            <pc:sldMk cId="2376958513" sldId="260"/>
            <ac:spMk id="3941" creationId="{78D5CC7D-51B5-0674-1238-6408FEECAE33}"/>
          </ac:spMkLst>
        </pc:spChg>
        <pc:spChg chg="mod">
          <ac:chgData name="White, Alex" userId="eff6cc8c-37d8-483b-9c6c-6b27e9afa9bc" providerId="ADAL" clId="{BF04C754-5BF4-4E83-9615-DB14FA25AF8A}" dt="2023-10-12T11:37:59.791" v="293"/>
          <ac:spMkLst>
            <pc:docMk/>
            <pc:sldMk cId="2376958513" sldId="260"/>
            <ac:spMk id="3942" creationId="{8E12CFBF-A08D-0D95-70F8-92687D81836E}"/>
          </ac:spMkLst>
        </pc:spChg>
        <pc:spChg chg="mod">
          <ac:chgData name="White, Alex" userId="eff6cc8c-37d8-483b-9c6c-6b27e9afa9bc" providerId="ADAL" clId="{BF04C754-5BF4-4E83-9615-DB14FA25AF8A}" dt="2023-10-12T11:37:59.791" v="293"/>
          <ac:spMkLst>
            <pc:docMk/>
            <pc:sldMk cId="2376958513" sldId="260"/>
            <ac:spMk id="3943" creationId="{0A81BCCF-75C5-80C2-1987-D924050F61F7}"/>
          </ac:spMkLst>
        </pc:spChg>
        <pc:spChg chg="mod">
          <ac:chgData name="White, Alex" userId="eff6cc8c-37d8-483b-9c6c-6b27e9afa9bc" providerId="ADAL" clId="{BF04C754-5BF4-4E83-9615-DB14FA25AF8A}" dt="2023-10-12T11:37:59.791" v="293"/>
          <ac:spMkLst>
            <pc:docMk/>
            <pc:sldMk cId="2376958513" sldId="260"/>
            <ac:spMk id="3944" creationId="{CDDB1DA9-0A55-88AD-B4B4-B32DE1F51D40}"/>
          </ac:spMkLst>
        </pc:spChg>
        <pc:spChg chg="mod">
          <ac:chgData name="White, Alex" userId="eff6cc8c-37d8-483b-9c6c-6b27e9afa9bc" providerId="ADAL" clId="{BF04C754-5BF4-4E83-9615-DB14FA25AF8A}" dt="2023-10-12T11:37:59.791" v="293"/>
          <ac:spMkLst>
            <pc:docMk/>
            <pc:sldMk cId="2376958513" sldId="260"/>
            <ac:spMk id="3945" creationId="{E7043D27-F68B-6AD9-1AFF-2B737D3BC41B}"/>
          </ac:spMkLst>
        </pc:spChg>
        <pc:spChg chg="mod">
          <ac:chgData name="White, Alex" userId="eff6cc8c-37d8-483b-9c6c-6b27e9afa9bc" providerId="ADAL" clId="{BF04C754-5BF4-4E83-9615-DB14FA25AF8A}" dt="2023-10-12T11:37:59.791" v="293"/>
          <ac:spMkLst>
            <pc:docMk/>
            <pc:sldMk cId="2376958513" sldId="260"/>
            <ac:spMk id="3946" creationId="{33FE24DB-0652-8078-52AA-E2D3FC9F9840}"/>
          </ac:spMkLst>
        </pc:spChg>
        <pc:spChg chg="mod">
          <ac:chgData name="White, Alex" userId="eff6cc8c-37d8-483b-9c6c-6b27e9afa9bc" providerId="ADAL" clId="{BF04C754-5BF4-4E83-9615-DB14FA25AF8A}" dt="2023-10-12T11:37:59.791" v="293"/>
          <ac:spMkLst>
            <pc:docMk/>
            <pc:sldMk cId="2376958513" sldId="260"/>
            <ac:spMk id="3947" creationId="{9129AF54-D068-2FEF-C59E-68DB1F90FE04}"/>
          </ac:spMkLst>
        </pc:spChg>
        <pc:spChg chg="mod">
          <ac:chgData name="White, Alex" userId="eff6cc8c-37d8-483b-9c6c-6b27e9afa9bc" providerId="ADAL" clId="{BF04C754-5BF4-4E83-9615-DB14FA25AF8A}" dt="2023-10-12T11:37:59.791" v="293"/>
          <ac:spMkLst>
            <pc:docMk/>
            <pc:sldMk cId="2376958513" sldId="260"/>
            <ac:spMk id="3948" creationId="{14811104-3754-BEA4-4222-37728324837D}"/>
          </ac:spMkLst>
        </pc:spChg>
        <pc:spChg chg="mod">
          <ac:chgData name="White, Alex" userId="eff6cc8c-37d8-483b-9c6c-6b27e9afa9bc" providerId="ADAL" clId="{BF04C754-5BF4-4E83-9615-DB14FA25AF8A}" dt="2023-10-12T11:37:59.791" v="293"/>
          <ac:spMkLst>
            <pc:docMk/>
            <pc:sldMk cId="2376958513" sldId="260"/>
            <ac:spMk id="3949" creationId="{DB65060F-8DB2-3009-B8E4-5342824F87A0}"/>
          </ac:spMkLst>
        </pc:spChg>
        <pc:spChg chg="mod">
          <ac:chgData name="White, Alex" userId="eff6cc8c-37d8-483b-9c6c-6b27e9afa9bc" providerId="ADAL" clId="{BF04C754-5BF4-4E83-9615-DB14FA25AF8A}" dt="2023-10-12T11:37:59.791" v="293"/>
          <ac:spMkLst>
            <pc:docMk/>
            <pc:sldMk cId="2376958513" sldId="260"/>
            <ac:spMk id="3950" creationId="{13D8F1E7-BD4A-5085-8AB8-D20EDCB920A4}"/>
          </ac:spMkLst>
        </pc:spChg>
        <pc:spChg chg="mod">
          <ac:chgData name="White, Alex" userId="eff6cc8c-37d8-483b-9c6c-6b27e9afa9bc" providerId="ADAL" clId="{BF04C754-5BF4-4E83-9615-DB14FA25AF8A}" dt="2023-10-12T11:37:59.791" v="293"/>
          <ac:spMkLst>
            <pc:docMk/>
            <pc:sldMk cId="2376958513" sldId="260"/>
            <ac:spMk id="3951" creationId="{89A2DBC4-F88F-3DD6-6173-95FBD7204DCF}"/>
          </ac:spMkLst>
        </pc:spChg>
        <pc:spChg chg="mod">
          <ac:chgData name="White, Alex" userId="eff6cc8c-37d8-483b-9c6c-6b27e9afa9bc" providerId="ADAL" clId="{BF04C754-5BF4-4E83-9615-DB14FA25AF8A}" dt="2023-10-12T11:37:59.791" v="293"/>
          <ac:spMkLst>
            <pc:docMk/>
            <pc:sldMk cId="2376958513" sldId="260"/>
            <ac:spMk id="3952" creationId="{2D0FDB14-C5E7-5D45-3F5B-64CC4778C809}"/>
          </ac:spMkLst>
        </pc:spChg>
        <pc:spChg chg="mod">
          <ac:chgData name="White, Alex" userId="eff6cc8c-37d8-483b-9c6c-6b27e9afa9bc" providerId="ADAL" clId="{BF04C754-5BF4-4E83-9615-DB14FA25AF8A}" dt="2023-10-12T11:37:59.791" v="293"/>
          <ac:spMkLst>
            <pc:docMk/>
            <pc:sldMk cId="2376958513" sldId="260"/>
            <ac:spMk id="3953" creationId="{C666929C-D016-F6DC-61C1-05E39F66E5B9}"/>
          </ac:spMkLst>
        </pc:spChg>
        <pc:spChg chg="mod">
          <ac:chgData name="White, Alex" userId="eff6cc8c-37d8-483b-9c6c-6b27e9afa9bc" providerId="ADAL" clId="{BF04C754-5BF4-4E83-9615-DB14FA25AF8A}" dt="2023-10-12T11:37:59.791" v="293"/>
          <ac:spMkLst>
            <pc:docMk/>
            <pc:sldMk cId="2376958513" sldId="260"/>
            <ac:spMk id="3954" creationId="{D9271A29-32D0-241E-F300-D4FE3D7B6C47}"/>
          </ac:spMkLst>
        </pc:spChg>
        <pc:spChg chg="mod">
          <ac:chgData name="White, Alex" userId="eff6cc8c-37d8-483b-9c6c-6b27e9afa9bc" providerId="ADAL" clId="{BF04C754-5BF4-4E83-9615-DB14FA25AF8A}" dt="2023-10-12T11:37:59.791" v="293"/>
          <ac:spMkLst>
            <pc:docMk/>
            <pc:sldMk cId="2376958513" sldId="260"/>
            <ac:spMk id="3955" creationId="{B95A3612-B7C0-4D71-0F30-C921FFB0E406}"/>
          </ac:spMkLst>
        </pc:spChg>
        <pc:spChg chg="mod">
          <ac:chgData name="White, Alex" userId="eff6cc8c-37d8-483b-9c6c-6b27e9afa9bc" providerId="ADAL" clId="{BF04C754-5BF4-4E83-9615-DB14FA25AF8A}" dt="2023-10-12T11:37:59.791" v="293"/>
          <ac:spMkLst>
            <pc:docMk/>
            <pc:sldMk cId="2376958513" sldId="260"/>
            <ac:spMk id="3956" creationId="{D5271CBF-3369-307A-49B6-2249D9A2E63E}"/>
          </ac:spMkLst>
        </pc:spChg>
        <pc:spChg chg="mod">
          <ac:chgData name="White, Alex" userId="eff6cc8c-37d8-483b-9c6c-6b27e9afa9bc" providerId="ADAL" clId="{BF04C754-5BF4-4E83-9615-DB14FA25AF8A}" dt="2023-10-12T11:37:59.791" v="293"/>
          <ac:spMkLst>
            <pc:docMk/>
            <pc:sldMk cId="2376958513" sldId="260"/>
            <ac:spMk id="3957" creationId="{3FA06D90-1CF3-D621-2C31-9560CFC1FBF5}"/>
          </ac:spMkLst>
        </pc:spChg>
        <pc:spChg chg="mod">
          <ac:chgData name="White, Alex" userId="eff6cc8c-37d8-483b-9c6c-6b27e9afa9bc" providerId="ADAL" clId="{BF04C754-5BF4-4E83-9615-DB14FA25AF8A}" dt="2023-10-12T11:37:59.791" v="293"/>
          <ac:spMkLst>
            <pc:docMk/>
            <pc:sldMk cId="2376958513" sldId="260"/>
            <ac:spMk id="3958" creationId="{03220912-E1D8-D9F1-5D92-454540674DB5}"/>
          </ac:spMkLst>
        </pc:spChg>
        <pc:spChg chg="mod">
          <ac:chgData name="White, Alex" userId="eff6cc8c-37d8-483b-9c6c-6b27e9afa9bc" providerId="ADAL" clId="{BF04C754-5BF4-4E83-9615-DB14FA25AF8A}" dt="2023-10-12T11:37:59.791" v="293"/>
          <ac:spMkLst>
            <pc:docMk/>
            <pc:sldMk cId="2376958513" sldId="260"/>
            <ac:spMk id="3959" creationId="{AA5E15C9-291B-3C86-5F07-E812F2C46BAE}"/>
          </ac:spMkLst>
        </pc:spChg>
        <pc:spChg chg="mod">
          <ac:chgData name="White, Alex" userId="eff6cc8c-37d8-483b-9c6c-6b27e9afa9bc" providerId="ADAL" clId="{BF04C754-5BF4-4E83-9615-DB14FA25AF8A}" dt="2023-10-12T11:37:59.791" v="293"/>
          <ac:spMkLst>
            <pc:docMk/>
            <pc:sldMk cId="2376958513" sldId="260"/>
            <ac:spMk id="3960" creationId="{C379C58D-2019-0552-743B-C86E3F17411B}"/>
          </ac:spMkLst>
        </pc:spChg>
        <pc:spChg chg="mod">
          <ac:chgData name="White, Alex" userId="eff6cc8c-37d8-483b-9c6c-6b27e9afa9bc" providerId="ADAL" clId="{BF04C754-5BF4-4E83-9615-DB14FA25AF8A}" dt="2023-10-12T11:37:59.791" v="293"/>
          <ac:spMkLst>
            <pc:docMk/>
            <pc:sldMk cId="2376958513" sldId="260"/>
            <ac:spMk id="3961" creationId="{9356706B-DF7B-A99A-BDE2-4684EDC1F764}"/>
          </ac:spMkLst>
        </pc:spChg>
        <pc:spChg chg="mod">
          <ac:chgData name="White, Alex" userId="eff6cc8c-37d8-483b-9c6c-6b27e9afa9bc" providerId="ADAL" clId="{BF04C754-5BF4-4E83-9615-DB14FA25AF8A}" dt="2023-10-12T11:37:59.791" v="293"/>
          <ac:spMkLst>
            <pc:docMk/>
            <pc:sldMk cId="2376958513" sldId="260"/>
            <ac:spMk id="3962" creationId="{B7C7065E-E9AD-9A77-114C-05740A08BE40}"/>
          </ac:spMkLst>
        </pc:spChg>
        <pc:spChg chg="mod">
          <ac:chgData name="White, Alex" userId="eff6cc8c-37d8-483b-9c6c-6b27e9afa9bc" providerId="ADAL" clId="{BF04C754-5BF4-4E83-9615-DB14FA25AF8A}" dt="2023-10-12T11:37:59.791" v="293"/>
          <ac:spMkLst>
            <pc:docMk/>
            <pc:sldMk cId="2376958513" sldId="260"/>
            <ac:spMk id="3963" creationId="{CAA587A5-7E7E-CC2F-7E68-2FB17666778F}"/>
          </ac:spMkLst>
        </pc:spChg>
        <pc:spChg chg="mod">
          <ac:chgData name="White, Alex" userId="eff6cc8c-37d8-483b-9c6c-6b27e9afa9bc" providerId="ADAL" clId="{BF04C754-5BF4-4E83-9615-DB14FA25AF8A}" dt="2023-10-12T11:37:59.791" v="293"/>
          <ac:spMkLst>
            <pc:docMk/>
            <pc:sldMk cId="2376958513" sldId="260"/>
            <ac:spMk id="3964" creationId="{425DB51A-E436-7707-CF83-3EB4FA67E0B9}"/>
          </ac:spMkLst>
        </pc:spChg>
        <pc:spChg chg="mod">
          <ac:chgData name="White, Alex" userId="eff6cc8c-37d8-483b-9c6c-6b27e9afa9bc" providerId="ADAL" clId="{BF04C754-5BF4-4E83-9615-DB14FA25AF8A}" dt="2023-10-12T11:37:59.791" v="293"/>
          <ac:spMkLst>
            <pc:docMk/>
            <pc:sldMk cId="2376958513" sldId="260"/>
            <ac:spMk id="3965" creationId="{779B9235-7772-C0D1-D937-33EEDA900088}"/>
          </ac:spMkLst>
        </pc:spChg>
        <pc:spChg chg="mod">
          <ac:chgData name="White, Alex" userId="eff6cc8c-37d8-483b-9c6c-6b27e9afa9bc" providerId="ADAL" clId="{BF04C754-5BF4-4E83-9615-DB14FA25AF8A}" dt="2023-10-12T11:37:59.791" v="293"/>
          <ac:spMkLst>
            <pc:docMk/>
            <pc:sldMk cId="2376958513" sldId="260"/>
            <ac:spMk id="3966" creationId="{B456CF25-8E40-909C-BB29-BB94F07265A1}"/>
          </ac:spMkLst>
        </pc:spChg>
        <pc:spChg chg="mod">
          <ac:chgData name="White, Alex" userId="eff6cc8c-37d8-483b-9c6c-6b27e9afa9bc" providerId="ADAL" clId="{BF04C754-5BF4-4E83-9615-DB14FA25AF8A}" dt="2023-10-12T11:37:59.791" v="293"/>
          <ac:spMkLst>
            <pc:docMk/>
            <pc:sldMk cId="2376958513" sldId="260"/>
            <ac:spMk id="3967" creationId="{4F9D6A15-6547-1B4F-0906-84A8F466BA42}"/>
          </ac:spMkLst>
        </pc:spChg>
        <pc:spChg chg="mod">
          <ac:chgData name="White, Alex" userId="eff6cc8c-37d8-483b-9c6c-6b27e9afa9bc" providerId="ADAL" clId="{BF04C754-5BF4-4E83-9615-DB14FA25AF8A}" dt="2023-10-12T11:37:59.791" v="293"/>
          <ac:spMkLst>
            <pc:docMk/>
            <pc:sldMk cId="2376958513" sldId="260"/>
            <ac:spMk id="3968" creationId="{741B3503-6C13-D7C1-7311-B984A3F12B59}"/>
          </ac:spMkLst>
        </pc:spChg>
        <pc:spChg chg="mod">
          <ac:chgData name="White, Alex" userId="eff6cc8c-37d8-483b-9c6c-6b27e9afa9bc" providerId="ADAL" clId="{BF04C754-5BF4-4E83-9615-DB14FA25AF8A}" dt="2023-10-12T11:37:59.791" v="293"/>
          <ac:spMkLst>
            <pc:docMk/>
            <pc:sldMk cId="2376958513" sldId="260"/>
            <ac:spMk id="3969" creationId="{4896B5EE-C2B6-46C2-DAFA-42AD4F081BB5}"/>
          </ac:spMkLst>
        </pc:spChg>
        <pc:spChg chg="mod">
          <ac:chgData name="White, Alex" userId="eff6cc8c-37d8-483b-9c6c-6b27e9afa9bc" providerId="ADAL" clId="{BF04C754-5BF4-4E83-9615-DB14FA25AF8A}" dt="2023-10-12T11:37:59.791" v="293"/>
          <ac:spMkLst>
            <pc:docMk/>
            <pc:sldMk cId="2376958513" sldId="260"/>
            <ac:spMk id="3970" creationId="{B256AA86-E73C-6DDF-2A17-C0BD40740667}"/>
          </ac:spMkLst>
        </pc:spChg>
        <pc:spChg chg="mod">
          <ac:chgData name="White, Alex" userId="eff6cc8c-37d8-483b-9c6c-6b27e9afa9bc" providerId="ADAL" clId="{BF04C754-5BF4-4E83-9615-DB14FA25AF8A}" dt="2023-10-12T11:37:59.791" v="293"/>
          <ac:spMkLst>
            <pc:docMk/>
            <pc:sldMk cId="2376958513" sldId="260"/>
            <ac:spMk id="3971" creationId="{E1C8EBA8-5AEB-AB61-87E2-36B791718528}"/>
          </ac:spMkLst>
        </pc:spChg>
        <pc:spChg chg="mod">
          <ac:chgData name="White, Alex" userId="eff6cc8c-37d8-483b-9c6c-6b27e9afa9bc" providerId="ADAL" clId="{BF04C754-5BF4-4E83-9615-DB14FA25AF8A}" dt="2023-10-12T11:37:59.791" v="293"/>
          <ac:spMkLst>
            <pc:docMk/>
            <pc:sldMk cId="2376958513" sldId="260"/>
            <ac:spMk id="3972" creationId="{BEB89528-43E2-55CC-78C8-96AB8B08C583}"/>
          </ac:spMkLst>
        </pc:spChg>
        <pc:spChg chg="mod">
          <ac:chgData name="White, Alex" userId="eff6cc8c-37d8-483b-9c6c-6b27e9afa9bc" providerId="ADAL" clId="{BF04C754-5BF4-4E83-9615-DB14FA25AF8A}" dt="2023-10-12T11:37:59.791" v="293"/>
          <ac:spMkLst>
            <pc:docMk/>
            <pc:sldMk cId="2376958513" sldId="260"/>
            <ac:spMk id="3973" creationId="{B08C6655-8AA9-16B8-67F2-E5DACDB578E9}"/>
          </ac:spMkLst>
        </pc:spChg>
        <pc:spChg chg="mod">
          <ac:chgData name="White, Alex" userId="eff6cc8c-37d8-483b-9c6c-6b27e9afa9bc" providerId="ADAL" clId="{BF04C754-5BF4-4E83-9615-DB14FA25AF8A}" dt="2023-10-12T11:37:59.791" v="293"/>
          <ac:spMkLst>
            <pc:docMk/>
            <pc:sldMk cId="2376958513" sldId="260"/>
            <ac:spMk id="3974" creationId="{A4A4D890-49C9-E352-EC0B-E516059A4FB3}"/>
          </ac:spMkLst>
        </pc:spChg>
        <pc:spChg chg="mod">
          <ac:chgData name="White, Alex" userId="eff6cc8c-37d8-483b-9c6c-6b27e9afa9bc" providerId="ADAL" clId="{BF04C754-5BF4-4E83-9615-DB14FA25AF8A}" dt="2023-10-12T11:37:59.791" v="293"/>
          <ac:spMkLst>
            <pc:docMk/>
            <pc:sldMk cId="2376958513" sldId="260"/>
            <ac:spMk id="3975" creationId="{E63C91C2-86D2-2605-9003-93B3DCC816BE}"/>
          </ac:spMkLst>
        </pc:spChg>
        <pc:spChg chg="mod">
          <ac:chgData name="White, Alex" userId="eff6cc8c-37d8-483b-9c6c-6b27e9afa9bc" providerId="ADAL" clId="{BF04C754-5BF4-4E83-9615-DB14FA25AF8A}" dt="2023-10-12T11:37:59.791" v="293"/>
          <ac:spMkLst>
            <pc:docMk/>
            <pc:sldMk cId="2376958513" sldId="260"/>
            <ac:spMk id="3976" creationId="{E0D1CB06-EC33-82A9-BFF9-823AE6A880B5}"/>
          </ac:spMkLst>
        </pc:spChg>
        <pc:spChg chg="mod">
          <ac:chgData name="White, Alex" userId="eff6cc8c-37d8-483b-9c6c-6b27e9afa9bc" providerId="ADAL" clId="{BF04C754-5BF4-4E83-9615-DB14FA25AF8A}" dt="2023-10-12T11:37:59.791" v="293"/>
          <ac:spMkLst>
            <pc:docMk/>
            <pc:sldMk cId="2376958513" sldId="260"/>
            <ac:spMk id="3977" creationId="{5952CE42-7524-7066-E90D-9EE36B900E97}"/>
          </ac:spMkLst>
        </pc:spChg>
        <pc:spChg chg="mod">
          <ac:chgData name="White, Alex" userId="eff6cc8c-37d8-483b-9c6c-6b27e9afa9bc" providerId="ADAL" clId="{BF04C754-5BF4-4E83-9615-DB14FA25AF8A}" dt="2023-10-12T11:37:59.791" v="293"/>
          <ac:spMkLst>
            <pc:docMk/>
            <pc:sldMk cId="2376958513" sldId="260"/>
            <ac:spMk id="3978" creationId="{2BC58F68-0A45-A9E0-0CE5-2F6AD8E1BD38}"/>
          </ac:spMkLst>
        </pc:spChg>
        <pc:spChg chg="mod">
          <ac:chgData name="White, Alex" userId="eff6cc8c-37d8-483b-9c6c-6b27e9afa9bc" providerId="ADAL" clId="{BF04C754-5BF4-4E83-9615-DB14FA25AF8A}" dt="2023-10-12T11:37:59.791" v="293"/>
          <ac:spMkLst>
            <pc:docMk/>
            <pc:sldMk cId="2376958513" sldId="260"/>
            <ac:spMk id="3979" creationId="{C8C19ED0-F6ED-635B-E7CA-5DFBF08DA0BB}"/>
          </ac:spMkLst>
        </pc:spChg>
        <pc:spChg chg="mod">
          <ac:chgData name="White, Alex" userId="eff6cc8c-37d8-483b-9c6c-6b27e9afa9bc" providerId="ADAL" clId="{BF04C754-5BF4-4E83-9615-DB14FA25AF8A}" dt="2023-10-12T11:37:59.791" v="293"/>
          <ac:spMkLst>
            <pc:docMk/>
            <pc:sldMk cId="2376958513" sldId="260"/>
            <ac:spMk id="3980" creationId="{8EEE0EBE-76E7-E1CB-12A6-C61DF0313DEC}"/>
          </ac:spMkLst>
        </pc:spChg>
        <pc:spChg chg="mod">
          <ac:chgData name="White, Alex" userId="eff6cc8c-37d8-483b-9c6c-6b27e9afa9bc" providerId="ADAL" clId="{BF04C754-5BF4-4E83-9615-DB14FA25AF8A}" dt="2023-10-12T11:37:59.791" v="293"/>
          <ac:spMkLst>
            <pc:docMk/>
            <pc:sldMk cId="2376958513" sldId="260"/>
            <ac:spMk id="3981" creationId="{CA48F286-4015-A0E7-6662-065088A6CDD1}"/>
          </ac:spMkLst>
        </pc:spChg>
        <pc:spChg chg="mod">
          <ac:chgData name="White, Alex" userId="eff6cc8c-37d8-483b-9c6c-6b27e9afa9bc" providerId="ADAL" clId="{BF04C754-5BF4-4E83-9615-DB14FA25AF8A}" dt="2023-10-12T11:37:59.791" v="293"/>
          <ac:spMkLst>
            <pc:docMk/>
            <pc:sldMk cId="2376958513" sldId="260"/>
            <ac:spMk id="3982" creationId="{653C6EA9-57C7-6BA0-73CF-80F4120FBA37}"/>
          </ac:spMkLst>
        </pc:spChg>
        <pc:spChg chg="mod">
          <ac:chgData name="White, Alex" userId="eff6cc8c-37d8-483b-9c6c-6b27e9afa9bc" providerId="ADAL" clId="{BF04C754-5BF4-4E83-9615-DB14FA25AF8A}" dt="2023-10-12T11:37:59.791" v="293"/>
          <ac:spMkLst>
            <pc:docMk/>
            <pc:sldMk cId="2376958513" sldId="260"/>
            <ac:spMk id="3983" creationId="{2394BC49-AC89-CC57-98C7-305A8918B412}"/>
          </ac:spMkLst>
        </pc:spChg>
        <pc:spChg chg="mod">
          <ac:chgData name="White, Alex" userId="eff6cc8c-37d8-483b-9c6c-6b27e9afa9bc" providerId="ADAL" clId="{BF04C754-5BF4-4E83-9615-DB14FA25AF8A}" dt="2023-10-12T11:37:59.791" v="293"/>
          <ac:spMkLst>
            <pc:docMk/>
            <pc:sldMk cId="2376958513" sldId="260"/>
            <ac:spMk id="3984" creationId="{D1301AC3-0D79-41D8-6B76-2C04C5FAA7D2}"/>
          </ac:spMkLst>
        </pc:spChg>
        <pc:spChg chg="mod">
          <ac:chgData name="White, Alex" userId="eff6cc8c-37d8-483b-9c6c-6b27e9afa9bc" providerId="ADAL" clId="{BF04C754-5BF4-4E83-9615-DB14FA25AF8A}" dt="2023-10-12T11:37:59.791" v="293"/>
          <ac:spMkLst>
            <pc:docMk/>
            <pc:sldMk cId="2376958513" sldId="260"/>
            <ac:spMk id="3985" creationId="{C0CA37C2-0D98-DE4F-1571-CFF2EFF8BFE6}"/>
          </ac:spMkLst>
        </pc:spChg>
        <pc:spChg chg="mod">
          <ac:chgData name="White, Alex" userId="eff6cc8c-37d8-483b-9c6c-6b27e9afa9bc" providerId="ADAL" clId="{BF04C754-5BF4-4E83-9615-DB14FA25AF8A}" dt="2023-10-12T11:37:59.791" v="293"/>
          <ac:spMkLst>
            <pc:docMk/>
            <pc:sldMk cId="2376958513" sldId="260"/>
            <ac:spMk id="3986" creationId="{50572A2A-F4B2-067A-943F-63FF714784B4}"/>
          </ac:spMkLst>
        </pc:spChg>
        <pc:spChg chg="mod">
          <ac:chgData name="White, Alex" userId="eff6cc8c-37d8-483b-9c6c-6b27e9afa9bc" providerId="ADAL" clId="{BF04C754-5BF4-4E83-9615-DB14FA25AF8A}" dt="2023-10-12T11:37:59.791" v="293"/>
          <ac:spMkLst>
            <pc:docMk/>
            <pc:sldMk cId="2376958513" sldId="260"/>
            <ac:spMk id="3987" creationId="{6A9B72EB-E3D7-EF6B-2250-0A03D52D2BF6}"/>
          </ac:spMkLst>
        </pc:spChg>
        <pc:spChg chg="mod">
          <ac:chgData name="White, Alex" userId="eff6cc8c-37d8-483b-9c6c-6b27e9afa9bc" providerId="ADAL" clId="{BF04C754-5BF4-4E83-9615-DB14FA25AF8A}" dt="2023-10-12T11:37:59.791" v="293"/>
          <ac:spMkLst>
            <pc:docMk/>
            <pc:sldMk cId="2376958513" sldId="260"/>
            <ac:spMk id="3988" creationId="{15EF5D03-F1E2-8BD0-CDFD-9080F02A0199}"/>
          </ac:spMkLst>
        </pc:spChg>
        <pc:spChg chg="mod">
          <ac:chgData name="White, Alex" userId="eff6cc8c-37d8-483b-9c6c-6b27e9afa9bc" providerId="ADAL" clId="{BF04C754-5BF4-4E83-9615-DB14FA25AF8A}" dt="2023-10-12T11:37:59.791" v="293"/>
          <ac:spMkLst>
            <pc:docMk/>
            <pc:sldMk cId="2376958513" sldId="260"/>
            <ac:spMk id="3989" creationId="{77D67160-69ED-240E-C83F-5F0DEE809FBF}"/>
          </ac:spMkLst>
        </pc:spChg>
        <pc:spChg chg="mod">
          <ac:chgData name="White, Alex" userId="eff6cc8c-37d8-483b-9c6c-6b27e9afa9bc" providerId="ADAL" clId="{BF04C754-5BF4-4E83-9615-DB14FA25AF8A}" dt="2023-10-12T11:37:59.791" v="293"/>
          <ac:spMkLst>
            <pc:docMk/>
            <pc:sldMk cId="2376958513" sldId="260"/>
            <ac:spMk id="3990" creationId="{619271FC-57BC-465D-9316-F315776EDAB5}"/>
          </ac:spMkLst>
        </pc:spChg>
        <pc:spChg chg="mod">
          <ac:chgData name="White, Alex" userId="eff6cc8c-37d8-483b-9c6c-6b27e9afa9bc" providerId="ADAL" clId="{BF04C754-5BF4-4E83-9615-DB14FA25AF8A}" dt="2023-10-12T11:37:59.791" v="293"/>
          <ac:spMkLst>
            <pc:docMk/>
            <pc:sldMk cId="2376958513" sldId="260"/>
            <ac:spMk id="3991" creationId="{848905B9-BE08-093E-A6B9-AE7F00447543}"/>
          </ac:spMkLst>
        </pc:spChg>
        <pc:spChg chg="mod">
          <ac:chgData name="White, Alex" userId="eff6cc8c-37d8-483b-9c6c-6b27e9afa9bc" providerId="ADAL" clId="{BF04C754-5BF4-4E83-9615-DB14FA25AF8A}" dt="2023-10-12T11:37:59.791" v="293"/>
          <ac:spMkLst>
            <pc:docMk/>
            <pc:sldMk cId="2376958513" sldId="260"/>
            <ac:spMk id="3992" creationId="{5514C6EA-98C8-CE82-39A6-C23B7B8401F1}"/>
          </ac:spMkLst>
        </pc:spChg>
        <pc:spChg chg="mod">
          <ac:chgData name="White, Alex" userId="eff6cc8c-37d8-483b-9c6c-6b27e9afa9bc" providerId="ADAL" clId="{BF04C754-5BF4-4E83-9615-DB14FA25AF8A}" dt="2023-10-12T11:37:59.791" v="293"/>
          <ac:spMkLst>
            <pc:docMk/>
            <pc:sldMk cId="2376958513" sldId="260"/>
            <ac:spMk id="3993" creationId="{D419CC33-0375-2414-A809-5E348A6919B4}"/>
          </ac:spMkLst>
        </pc:spChg>
        <pc:spChg chg="mod">
          <ac:chgData name="White, Alex" userId="eff6cc8c-37d8-483b-9c6c-6b27e9afa9bc" providerId="ADAL" clId="{BF04C754-5BF4-4E83-9615-DB14FA25AF8A}" dt="2023-10-12T11:37:59.791" v="293"/>
          <ac:spMkLst>
            <pc:docMk/>
            <pc:sldMk cId="2376958513" sldId="260"/>
            <ac:spMk id="3994" creationId="{56551473-39C3-C004-9142-24A6439D00BA}"/>
          </ac:spMkLst>
        </pc:spChg>
        <pc:spChg chg="mod">
          <ac:chgData name="White, Alex" userId="eff6cc8c-37d8-483b-9c6c-6b27e9afa9bc" providerId="ADAL" clId="{BF04C754-5BF4-4E83-9615-DB14FA25AF8A}" dt="2023-10-12T11:37:59.791" v="293"/>
          <ac:spMkLst>
            <pc:docMk/>
            <pc:sldMk cId="2376958513" sldId="260"/>
            <ac:spMk id="3995" creationId="{A5D5FFB9-A210-041E-3AF2-63EF51D811DF}"/>
          </ac:spMkLst>
        </pc:spChg>
        <pc:spChg chg="mod">
          <ac:chgData name="White, Alex" userId="eff6cc8c-37d8-483b-9c6c-6b27e9afa9bc" providerId="ADAL" clId="{BF04C754-5BF4-4E83-9615-DB14FA25AF8A}" dt="2023-10-12T11:37:59.791" v="293"/>
          <ac:spMkLst>
            <pc:docMk/>
            <pc:sldMk cId="2376958513" sldId="260"/>
            <ac:spMk id="3996" creationId="{331866DE-02FE-BAE8-1C43-4F51950978FB}"/>
          </ac:spMkLst>
        </pc:spChg>
        <pc:spChg chg="mod">
          <ac:chgData name="White, Alex" userId="eff6cc8c-37d8-483b-9c6c-6b27e9afa9bc" providerId="ADAL" clId="{BF04C754-5BF4-4E83-9615-DB14FA25AF8A}" dt="2023-10-12T11:37:59.791" v="293"/>
          <ac:spMkLst>
            <pc:docMk/>
            <pc:sldMk cId="2376958513" sldId="260"/>
            <ac:spMk id="3997" creationId="{B3EE2FD7-6DA7-5038-85E8-F26E88C57EAC}"/>
          </ac:spMkLst>
        </pc:spChg>
        <pc:spChg chg="mod">
          <ac:chgData name="White, Alex" userId="eff6cc8c-37d8-483b-9c6c-6b27e9afa9bc" providerId="ADAL" clId="{BF04C754-5BF4-4E83-9615-DB14FA25AF8A}" dt="2023-10-12T11:37:59.791" v="293"/>
          <ac:spMkLst>
            <pc:docMk/>
            <pc:sldMk cId="2376958513" sldId="260"/>
            <ac:spMk id="3998" creationId="{B4C955CC-54CA-D182-23D2-76B080EAAA22}"/>
          </ac:spMkLst>
        </pc:spChg>
        <pc:spChg chg="mod">
          <ac:chgData name="White, Alex" userId="eff6cc8c-37d8-483b-9c6c-6b27e9afa9bc" providerId="ADAL" clId="{BF04C754-5BF4-4E83-9615-DB14FA25AF8A}" dt="2023-10-12T11:37:59.791" v="293"/>
          <ac:spMkLst>
            <pc:docMk/>
            <pc:sldMk cId="2376958513" sldId="260"/>
            <ac:spMk id="3999" creationId="{88CE04D5-C9E1-CCC0-3DD9-51874E90CF76}"/>
          </ac:spMkLst>
        </pc:spChg>
        <pc:spChg chg="mod">
          <ac:chgData name="White, Alex" userId="eff6cc8c-37d8-483b-9c6c-6b27e9afa9bc" providerId="ADAL" clId="{BF04C754-5BF4-4E83-9615-DB14FA25AF8A}" dt="2023-10-12T11:37:59.791" v="293"/>
          <ac:spMkLst>
            <pc:docMk/>
            <pc:sldMk cId="2376958513" sldId="260"/>
            <ac:spMk id="4000" creationId="{38196D23-EE8F-087D-F216-38C744E25868}"/>
          </ac:spMkLst>
        </pc:spChg>
        <pc:spChg chg="mod">
          <ac:chgData name="White, Alex" userId="eff6cc8c-37d8-483b-9c6c-6b27e9afa9bc" providerId="ADAL" clId="{BF04C754-5BF4-4E83-9615-DB14FA25AF8A}" dt="2023-10-12T11:37:59.791" v="293"/>
          <ac:spMkLst>
            <pc:docMk/>
            <pc:sldMk cId="2376958513" sldId="260"/>
            <ac:spMk id="4001" creationId="{81BFE4B9-6246-4B9B-32CF-E867D47F570A}"/>
          </ac:spMkLst>
        </pc:spChg>
        <pc:spChg chg="mod">
          <ac:chgData name="White, Alex" userId="eff6cc8c-37d8-483b-9c6c-6b27e9afa9bc" providerId="ADAL" clId="{BF04C754-5BF4-4E83-9615-DB14FA25AF8A}" dt="2023-10-12T11:37:59.791" v="293"/>
          <ac:spMkLst>
            <pc:docMk/>
            <pc:sldMk cId="2376958513" sldId="260"/>
            <ac:spMk id="4002" creationId="{F5B3EE80-0612-B92F-73DF-051578577A6C}"/>
          </ac:spMkLst>
        </pc:spChg>
        <pc:spChg chg="mod">
          <ac:chgData name="White, Alex" userId="eff6cc8c-37d8-483b-9c6c-6b27e9afa9bc" providerId="ADAL" clId="{BF04C754-5BF4-4E83-9615-DB14FA25AF8A}" dt="2023-10-12T11:37:59.791" v="293"/>
          <ac:spMkLst>
            <pc:docMk/>
            <pc:sldMk cId="2376958513" sldId="260"/>
            <ac:spMk id="4003" creationId="{594225D4-4552-27FA-C650-D0A422A36C15}"/>
          </ac:spMkLst>
        </pc:spChg>
        <pc:spChg chg="mod">
          <ac:chgData name="White, Alex" userId="eff6cc8c-37d8-483b-9c6c-6b27e9afa9bc" providerId="ADAL" clId="{BF04C754-5BF4-4E83-9615-DB14FA25AF8A}" dt="2023-10-12T11:37:59.791" v="293"/>
          <ac:spMkLst>
            <pc:docMk/>
            <pc:sldMk cId="2376958513" sldId="260"/>
            <ac:spMk id="4004" creationId="{92B69B57-D85E-A1E2-4481-06EE29CDD56A}"/>
          </ac:spMkLst>
        </pc:spChg>
        <pc:spChg chg="mod">
          <ac:chgData name="White, Alex" userId="eff6cc8c-37d8-483b-9c6c-6b27e9afa9bc" providerId="ADAL" clId="{BF04C754-5BF4-4E83-9615-DB14FA25AF8A}" dt="2023-10-12T11:37:59.791" v="293"/>
          <ac:spMkLst>
            <pc:docMk/>
            <pc:sldMk cId="2376958513" sldId="260"/>
            <ac:spMk id="4005" creationId="{6F59F55B-F9AB-BCF6-F152-664497B03346}"/>
          </ac:spMkLst>
        </pc:spChg>
        <pc:spChg chg="mod">
          <ac:chgData name="White, Alex" userId="eff6cc8c-37d8-483b-9c6c-6b27e9afa9bc" providerId="ADAL" clId="{BF04C754-5BF4-4E83-9615-DB14FA25AF8A}" dt="2023-10-12T11:37:59.791" v="293"/>
          <ac:spMkLst>
            <pc:docMk/>
            <pc:sldMk cId="2376958513" sldId="260"/>
            <ac:spMk id="4006" creationId="{39E72878-C7A5-1585-297F-D6A41DACB933}"/>
          </ac:spMkLst>
        </pc:spChg>
        <pc:spChg chg="mod">
          <ac:chgData name="White, Alex" userId="eff6cc8c-37d8-483b-9c6c-6b27e9afa9bc" providerId="ADAL" clId="{BF04C754-5BF4-4E83-9615-DB14FA25AF8A}" dt="2023-10-12T11:37:59.791" v="293"/>
          <ac:spMkLst>
            <pc:docMk/>
            <pc:sldMk cId="2376958513" sldId="260"/>
            <ac:spMk id="4007" creationId="{CA979E54-5FA2-B734-7690-DF23825CDFEA}"/>
          </ac:spMkLst>
        </pc:spChg>
        <pc:spChg chg="mod">
          <ac:chgData name="White, Alex" userId="eff6cc8c-37d8-483b-9c6c-6b27e9afa9bc" providerId="ADAL" clId="{BF04C754-5BF4-4E83-9615-DB14FA25AF8A}" dt="2023-10-12T11:37:59.791" v="293"/>
          <ac:spMkLst>
            <pc:docMk/>
            <pc:sldMk cId="2376958513" sldId="260"/>
            <ac:spMk id="4008" creationId="{9F51D8B7-1789-89A6-C112-0FF87F217FF4}"/>
          </ac:spMkLst>
        </pc:spChg>
        <pc:spChg chg="mod">
          <ac:chgData name="White, Alex" userId="eff6cc8c-37d8-483b-9c6c-6b27e9afa9bc" providerId="ADAL" clId="{BF04C754-5BF4-4E83-9615-DB14FA25AF8A}" dt="2023-10-12T11:37:59.791" v="293"/>
          <ac:spMkLst>
            <pc:docMk/>
            <pc:sldMk cId="2376958513" sldId="260"/>
            <ac:spMk id="4009" creationId="{22C4535C-E2B0-980C-29C1-C4F7F8EA4C11}"/>
          </ac:spMkLst>
        </pc:spChg>
        <pc:spChg chg="mod">
          <ac:chgData name="White, Alex" userId="eff6cc8c-37d8-483b-9c6c-6b27e9afa9bc" providerId="ADAL" clId="{BF04C754-5BF4-4E83-9615-DB14FA25AF8A}" dt="2023-10-12T11:37:59.791" v="293"/>
          <ac:spMkLst>
            <pc:docMk/>
            <pc:sldMk cId="2376958513" sldId="260"/>
            <ac:spMk id="4010" creationId="{820843F2-7F2B-3255-FD47-F8E251C662D1}"/>
          </ac:spMkLst>
        </pc:spChg>
        <pc:spChg chg="mod">
          <ac:chgData name="White, Alex" userId="eff6cc8c-37d8-483b-9c6c-6b27e9afa9bc" providerId="ADAL" clId="{BF04C754-5BF4-4E83-9615-DB14FA25AF8A}" dt="2023-10-12T11:37:59.791" v="293"/>
          <ac:spMkLst>
            <pc:docMk/>
            <pc:sldMk cId="2376958513" sldId="260"/>
            <ac:spMk id="4011" creationId="{791B148B-40FB-383D-484F-EA22D7D4057A}"/>
          </ac:spMkLst>
        </pc:spChg>
        <pc:spChg chg="mod">
          <ac:chgData name="White, Alex" userId="eff6cc8c-37d8-483b-9c6c-6b27e9afa9bc" providerId="ADAL" clId="{BF04C754-5BF4-4E83-9615-DB14FA25AF8A}" dt="2023-10-12T11:37:59.791" v="293"/>
          <ac:spMkLst>
            <pc:docMk/>
            <pc:sldMk cId="2376958513" sldId="260"/>
            <ac:spMk id="4012" creationId="{19A0DD4B-CA86-36B6-A38E-2E2DBF418F2D}"/>
          </ac:spMkLst>
        </pc:spChg>
        <pc:spChg chg="mod">
          <ac:chgData name="White, Alex" userId="eff6cc8c-37d8-483b-9c6c-6b27e9afa9bc" providerId="ADAL" clId="{BF04C754-5BF4-4E83-9615-DB14FA25AF8A}" dt="2023-10-12T11:37:59.791" v="293"/>
          <ac:spMkLst>
            <pc:docMk/>
            <pc:sldMk cId="2376958513" sldId="260"/>
            <ac:spMk id="4013" creationId="{658A807B-1ECA-F3AB-E722-CC383A6B6A25}"/>
          </ac:spMkLst>
        </pc:spChg>
        <pc:spChg chg="mod">
          <ac:chgData name="White, Alex" userId="eff6cc8c-37d8-483b-9c6c-6b27e9afa9bc" providerId="ADAL" clId="{BF04C754-5BF4-4E83-9615-DB14FA25AF8A}" dt="2023-10-12T11:37:59.791" v="293"/>
          <ac:spMkLst>
            <pc:docMk/>
            <pc:sldMk cId="2376958513" sldId="260"/>
            <ac:spMk id="4014" creationId="{B0863F93-7CA9-C822-D36B-6290F738F557}"/>
          </ac:spMkLst>
        </pc:spChg>
        <pc:spChg chg="mod">
          <ac:chgData name="White, Alex" userId="eff6cc8c-37d8-483b-9c6c-6b27e9afa9bc" providerId="ADAL" clId="{BF04C754-5BF4-4E83-9615-DB14FA25AF8A}" dt="2023-10-12T11:37:59.791" v="293"/>
          <ac:spMkLst>
            <pc:docMk/>
            <pc:sldMk cId="2376958513" sldId="260"/>
            <ac:spMk id="4015" creationId="{AB6F1D00-4553-2008-3D07-1D61EDEBFE07}"/>
          </ac:spMkLst>
        </pc:spChg>
        <pc:spChg chg="mod">
          <ac:chgData name="White, Alex" userId="eff6cc8c-37d8-483b-9c6c-6b27e9afa9bc" providerId="ADAL" clId="{BF04C754-5BF4-4E83-9615-DB14FA25AF8A}" dt="2023-10-12T11:37:59.791" v="293"/>
          <ac:spMkLst>
            <pc:docMk/>
            <pc:sldMk cId="2376958513" sldId="260"/>
            <ac:spMk id="4016" creationId="{9FAB4E56-0EF0-7BF8-4A88-981D7FB12A87}"/>
          </ac:spMkLst>
        </pc:spChg>
        <pc:spChg chg="mod">
          <ac:chgData name="White, Alex" userId="eff6cc8c-37d8-483b-9c6c-6b27e9afa9bc" providerId="ADAL" clId="{BF04C754-5BF4-4E83-9615-DB14FA25AF8A}" dt="2023-10-12T11:37:59.791" v="293"/>
          <ac:spMkLst>
            <pc:docMk/>
            <pc:sldMk cId="2376958513" sldId="260"/>
            <ac:spMk id="4017" creationId="{9C6A5800-80CB-5D8D-A14B-885EB85862F8}"/>
          </ac:spMkLst>
        </pc:spChg>
        <pc:spChg chg="mod">
          <ac:chgData name="White, Alex" userId="eff6cc8c-37d8-483b-9c6c-6b27e9afa9bc" providerId="ADAL" clId="{BF04C754-5BF4-4E83-9615-DB14FA25AF8A}" dt="2023-10-12T11:37:59.791" v="293"/>
          <ac:spMkLst>
            <pc:docMk/>
            <pc:sldMk cId="2376958513" sldId="260"/>
            <ac:spMk id="4018" creationId="{ADB6E764-1585-64DB-C8C9-612B080630A9}"/>
          </ac:spMkLst>
        </pc:spChg>
        <pc:spChg chg="mod">
          <ac:chgData name="White, Alex" userId="eff6cc8c-37d8-483b-9c6c-6b27e9afa9bc" providerId="ADAL" clId="{BF04C754-5BF4-4E83-9615-DB14FA25AF8A}" dt="2023-10-12T11:37:59.791" v="293"/>
          <ac:spMkLst>
            <pc:docMk/>
            <pc:sldMk cId="2376958513" sldId="260"/>
            <ac:spMk id="4019" creationId="{5FFFCBF2-BA76-D7BE-896C-D65F464BE88C}"/>
          </ac:spMkLst>
        </pc:spChg>
        <pc:spChg chg="mod">
          <ac:chgData name="White, Alex" userId="eff6cc8c-37d8-483b-9c6c-6b27e9afa9bc" providerId="ADAL" clId="{BF04C754-5BF4-4E83-9615-DB14FA25AF8A}" dt="2023-10-12T11:37:59.791" v="293"/>
          <ac:spMkLst>
            <pc:docMk/>
            <pc:sldMk cId="2376958513" sldId="260"/>
            <ac:spMk id="4020" creationId="{66F09D72-0436-6C3E-2FA5-7C15C95B9880}"/>
          </ac:spMkLst>
        </pc:spChg>
        <pc:spChg chg="mod">
          <ac:chgData name="White, Alex" userId="eff6cc8c-37d8-483b-9c6c-6b27e9afa9bc" providerId="ADAL" clId="{BF04C754-5BF4-4E83-9615-DB14FA25AF8A}" dt="2023-10-12T11:37:59.791" v="293"/>
          <ac:spMkLst>
            <pc:docMk/>
            <pc:sldMk cId="2376958513" sldId="260"/>
            <ac:spMk id="4021" creationId="{18CBB961-490A-9B50-485B-BF9BB41BB3CB}"/>
          </ac:spMkLst>
        </pc:spChg>
        <pc:spChg chg="mod">
          <ac:chgData name="White, Alex" userId="eff6cc8c-37d8-483b-9c6c-6b27e9afa9bc" providerId="ADAL" clId="{BF04C754-5BF4-4E83-9615-DB14FA25AF8A}" dt="2023-10-12T11:37:59.791" v="293"/>
          <ac:spMkLst>
            <pc:docMk/>
            <pc:sldMk cId="2376958513" sldId="260"/>
            <ac:spMk id="4022" creationId="{40427AC0-1D9E-F865-70D8-F5FDF8B6EFB3}"/>
          </ac:spMkLst>
        </pc:spChg>
        <pc:spChg chg="mod">
          <ac:chgData name="White, Alex" userId="eff6cc8c-37d8-483b-9c6c-6b27e9afa9bc" providerId="ADAL" clId="{BF04C754-5BF4-4E83-9615-DB14FA25AF8A}" dt="2023-10-12T11:37:59.791" v="293"/>
          <ac:spMkLst>
            <pc:docMk/>
            <pc:sldMk cId="2376958513" sldId="260"/>
            <ac:spMk id="4023" creationId="{FCA769E9-BCAE-A9AC-8F48-F7EE44358DEA}"/>
          </ac:spMkLst>
        </pc:spChg>
        <pc:spChg chg="mod">
          <ac:chgData name="White, Alex" userId="eff6cc8c-37d8-483b-9c6c-6b27e9afa9bc" providerId="ADAL" clId="{BF04C754-5BF4-4E83-9615-DB14FA25AF8A}" dt="2023-10-12T11:37:59.791" v="293"/>
          <ac:spMkLst>
            <pc:docMk/>
            <pc:sldMk cId="2376958513" sldId="260"/>
            <ac:spMk id="4024" creationId="{3F58DD23-2F88-30AF-B472-5865693CF0A7}"/>
          </ac:spMkLst>
        </pc:spChg>
        <pc:spChg chg="mod">
          <ac:chgData name="White, Alex" userId="eff6cc8c-37d8-483b-9c6c-6b27e9afa9bc" providerId="ADAL" clId="{BF04C754-5BF4-4E83-9615-DB14FA25AF8A}" dt="2023-10-12T11:37:59.791" v="293"/>
          <ac:spMkLst>
            <pc:docMk/>
            <pc:sldMk cId="2376958513" sldId="260"/>
            <ac:spMk id="4025" creationId="{B1722FEF-07EE-B2AA-ED39-89180AE60825}"/>
          </ac:spMkLst>
        </pc:spChg>
        <pc:spChg chg="mod">
          <ac:chgData name="White, Alex" userId="eff6cc8c-37d8-483b-9c6c-6b27e9afa9bc" providerId="ADAL" clId="{BF04C754-5BF4-4E83-9615-DB14FA25AF8A}" dt="2023-10-12T11:37:59.791" v="293"/>
          <ac:spMkLst>
            <pc:docMk/>
            <pc:sldMk cId="2376958513" sldId="260"/>
            <ac:spMk id="4026" creationId="{1DC92393-DC5F-BA31-297D-AB627B58DD40}"/>
          </ac:spMkLst>
        </pc:spChg>
        <pc:spChg chg="mod">
          <ac:chgData name="White, Alex" userId="eff6cc8c-37d8-483b-9c6c-6b27e9afa9bc" providerId="ADAL" clId="{BF04C754-5BF4-4E83-9615-DB14FA25AF8A}" dt="2023-10-12T11:37:59.791" v="293"/>
          <ac:spMkLst>
            <pc:docMk/>
            <pc:sldMk cId="2376958513" sldId="260"/>
            <ac:spMk id="4027" creationId="{C53B3C35-2FD3-3AEF-F098-996577D731D7}"/>
          </ac:spMkLst>
        </pc:spChg>
        <pc:spChg chg="mod">
          <ac:chgData name="White, Alex" userId="eff6cc8c-37d8-483b-9c6c-6b27e9afa9bc" providerId="ADAL" clId="{BF04C754-5BF4-4E83-9615-DB14FA25AF8A}" dt="2023-10-12T11:37:59.791" v="293"/>
          <ac:spMkLst>
            <pc:docMk/>
            <pc:sldMk cId="2376958513" sldId="260"/>
            <ac:spMk id="4028" creationId="{28D1E8EF-EBB9-1B2B-418F-D5D268C62FDE}"/>
          </ac:spMkLst>
        </pc:spChg>
        <pc:spChg chg="mod">
          <ac:chgData name="White, Alex" userId="eff6cc8c-37d8-483b-9c6c-6b27e9afa9bc" providerId="ADAL" clId="{BF04C754-5BF4-4E83-9615-DB14FA25AF8A}" dt="2023-10-12T11:37:59.791" v="293"/>
          <ac:spMkLst>
            <pc:docMk/>
            <pc:sldMk cId="2376958513" sldId="260"/>
            <ac:spMk id="4029" creationId="{00CF3B02-0073-B423-E057-15B4BD8E762B}"/>
          </ac:spMkLst>
        </pc:spChg>
        <pc:spChg chg="mod">
          <ac:chgData name="White, Alex" userId="eff6cc8c-37d8-483b-9c6c-6b27e9afa9bc" providerId="ADAL" clId="{BF04C754-5BF4-4E83-9615-DB14FA25AF8A}" dt="2023-10-12T11:37:59.791" v="293"/>
          <ac:spMkLst>
            <pc:docMk/>
            <pc:sldMk cId="2376958513" sldId="260"/>
            <ac:spMk id="4030" creationId="{6BB8BEE8-0D03-DEA7-F385-72BDC4FAA8BB}"/>
          </ac:spMkLst>
        </pc:spChg>
        <pc:spChg chg="mod">
          <ac:chgData name="White, Alex" userId="eff6cc8c-37d8-483b-9c6c-6b27e9afa9bc" providerId="ADAL" clId="{BF04C754-5BF4-4E83-9615-DB14FA25AF8A}" dt="2023-10-12T11:37:59.791" v="293"/>
          <ac:spMkLst>
            <pc:docMk/>
            <pc:sldMk cId="2376958513" sldId="260"/>
            <ac:spMk id="4031" creationId="{AEFBD5E9-5F79-19AB-BB5F-7A55E437E5BF}"/>
          </ac:spMkLst>
        </pc:spChg>
        <pc:spChg chg="mod">
          <ac:chgData name="White, Alex" userId="eff6cc8c-37d8-483b-9c6c-6b27e9afa9bc" providerId="ADAL" clId="{BF04C754-5BF4-4E83-9615-DB14FA25AF8A}" dt="2023-10-12T11:37:59.791" v="293"/>
          <ac:spMkLst>
            <pc:docMk/>
            <pc:sldMk cId="2376958513" sldId="260"/>
            <ac:spMk id="4032" creationId="{6955BB88-1879-8FFC-EC9C-E5EC52A227E1}"/>
          </ac:spMkLst>
        </pc:spChg>
        <pc:spChg chg="mod">
          <ac:chgData name="White, Alex" userId="eff6cc8c-37d8-483b-9c6c-6b27e9afa9bc" providerId="ADAL" clId="{BF04C754-5BF4-4E83-9615-DB14FA25AF8A}" dt="2023-10-12T11:37:59.791" v="293"/>
          <ac:spMkLst>
            <pc:docMk/>
            <pc:sldMk cId="2376958513" sldId="260"/>
            <ac:spMk id="4033" creationId="{6DB1BF73-2FB2-188E-61A6-8ACB8D64226A}"/>
          </ac:spMkLst>
        </pc:spChg>
        <pc:spChg chg="mod">
          <ac:chgData name="White, Alex" userId="eff6cc8c-37d8-483b-9c6c-6b27e9afa9bc" providerId="ADAL" clId="{BF04C754-5BF4-4E83-9615-DB14FA25AF8A}" dt="2023-10-12T11:37:59.791" v="293"/>
          <ac:spMkLst>
            <pc:docMk/>
            <pc:sldMk cId="2376958513" sldId="260"/>
            <ac:spMk id="4034" creationId="{C16ED8B3-4A10-54F8-85C7-D0018FE2B6E0}"/>
          </ac:spMkLst>
        </pc:spChg>
        <pc:spChg chg="mod">
          <ac:chgData name="White, Alex" userId="eff6cc8c-37d8-483b-9c6c-6b27e9afa9bc" providerId="ADAL" clId="{BF04C754-5BF4-4E83-9615-DB14FA25AF8A}" dt="2023-10-12T11:37:59.791" v="293"/>
          <ac:spMkLst>
            <pc:docMk/>
            <pc:sldMk cId="2376958513" sldId="260"/>
            <ac:spMk id="4035" creationId="{8AD840E7-4C4F-39AA-E6E7-3F08D0B23966}"/>
          </ac:spMkLst>
        </pc:spChg>
        <pc:spChg chg="mod">
          <ac:chgData name="White, Alex" userId="eff6cc8c-37d8-483b-9c6c-6b27e9afa9bc" providerId="ADAL" clId="{BF04C754-5BF4-4E83-9615-DB14FA25AF8A}" dt="2023-10-12T11:37:59.791" v="293"/>
          <ac:spMkLst>
            <pc:docMk/>
            <pc:sldMk cId="2376958513" sldId="260"/>
            <ac:spMk id="4036" creationId="{793114AC-B0C2-8862-9210-1400E009F392}"/>
          </ac:spMkLst>
        </pc:spChg>
        <pc:spChg chg="mod">
          <ac:chgData name="White, Alex" userId="eff6cc8c-37d8-483b-9c6c-6b27e9afa9bc" providerId="ADAL" clId="{BF04C754-5BF4-4E83-9615-DB14FA25AF8A}" dt="2023-10-12T11:37:59.791" v="293"/>
          <ac:spMkLst>
            <pc:docMk/>
            <pc:sldMk cId="2376958513" sldId="260"/>
            <ac:spMk id="4037" creationId="{7E95DD54-4905-4D50-BAFC-4C79A952323D}"/>
          </ac:spMkLst>
        </pc:spChg>
        <pc:spChg chg="mod">
          <ac:chgData name="White, Alex" userId="eff6cc8c-37d8-483b-9c6c-6b27e9afa9bc" providerId="ADAL" clId="{BF04C754-5BF4-4E83-9615-DB14FA25AF8A}" dt="2023-10-12T11:37:59.791" v="293"/>
          <ac:spMkLst>
            <pc:docMk/>
            <pc:sldMk cId="2376958513" sldId="260"/>
            <ac:spMk id="4038" creationId="{BD9336E3-344F-52B4-F3D0-AF7DB017D3B7}"/>
          </ac:spMkLst>
        </pc:spChg>
        <pc:spChg chg="mod">
          <ac:chgData name="White, Alex" userId="eff6cc8c-37d8-483b-9c6c-6b27e9afa9bc" providerId="ADAL" clId="{BF04C754-5BF4-4E83-9615-DB14FA25AF8A}" dt="2023-10-12T11:37:59.791" v="293"/>
          <ac:spMkLst>
            <pc:docMk/>
            <pc:sldMk cId="2376958513" sldId="260"/>
            <ac:spMk id="4039" creationId="{C8E37E2B-C689-B01A-D55A-5ABB1DA83388}"/>
          </ac:spMkLst>
        </pc:spChg>
        <pc:spChg chg="mod">
          <ac:chgData name="White, Alex" userId="eff6cc8c-37d8-483b-9c6c-6b27e9afa9bc" providerId="ADAL" clId="{BF04C754-5BF4-4E83-9615-DB14FA25AF8A}" dt="2023-10-12T11:37:59.791" v="293"/>
          <ac:spMkLst>
            <pc:docMk/>
            <pc:sldMk cId="2376958513" sldId="260"/>
            <ac:spMk id="4040" creationId="{073AB841-0FC2-76E2-875C-586A405AED74}"/>
          </ac:spMkLst>
        </pc:spChg>
        <pc:spChg chg="mod">
          <ac:chgData name="White, Alex" userId="eff6cc8c-37d8-483b-9c6c-6b27e9afa9bc" providerId="ADAL" clId="{BF04C754-5BF4-4E83-9615-DB14FA25AF8A}" dt="2023-10-12T11:37:59.791" v="293"/>
          <ac:spMkLst>
            <pc:docMk/>
            <pc:sldMk cId="2376958513" sldId="260"/>
            <ac:spMk id="4041" creationId="{0295B85A-BE61-B05F-6AFA-94E6F732AE3C}"/>
          </ac:spMkLst>
        </pc:spChg>
        <pc:spChg chg="mod">
          <ac:chgData name="White, Alex" userId="eff6cc8c-37d8-483b-9c6c-6b27e9afa9bc" providerId="ADAL" clId="{BF04C754-5BF4-4E83-9615-DB14FA25AF8A}" dt="2023-10-12T11:37:59.791" v="293"/>
          <ac:spMkLst>
            <pc:docMk/>
            <pc:sldMk cId="2376958513" sldId="260"/>
            <ac:spMk id="4042" creationId="{07405A33-A8CA-7FCD-1718-8A7834638D1F}"/>
          </ac:spMkLst>
        </pc:spChg>
        <pc:spChg chg="mod">
          <ac:chgData name="White, Alex" userId="eff6cc8c-37d8-483b-9c6c-6b27e9afa9bc" providerId="ADAL" clId="{BF04C754-5BF4-4E83-9615-DB14FA25AF8A}" dt="2023-10-12T11:37:59.791" v="293"/>
          <ac:spMkLst>
            <pc:docMk/>
            <pc:sldMk cId="2376958513" sldId="260"/>
            <ac:spMk id="4043" creationId="{1ABD089C-9A24-C549-A31A-5DDFFA04E301}"/>
          </ac:spMkLst>
        </pc:spChg>
        <pc:spChg chg="mod">
          <ac:chgData name="White, Alex" userId="eff6cc8c-37d8-483b-9c6c-6b27e9afa9bc" providerId="ADAL" clId="{BF04C754-5BF4-4E83-9615-DB14FA25AF8A}" dt="2023-10-12T11:37:59.791" v="293"/>
          <ac:spMkLst>
            <pc:docMk/>
            <pc:sldMk cId="2376958513" sldId="260"/>
            <ac:spMk id="4044" creationId="{17ADEC36-F5D9-D67B-4517-6331AC78DC33}"/>
          </ac:spMkLst>
        </pc:spChg>
        <pc:spChg chg="mod">
          <ac:chgData name="White, Alex" userId="eff6cc8c-37d8-483b-9c6c-6b27e9afa9bc" providerId="ADAL" clId="{BF04C754-5BF4-4E83-9615-DB14FA25AF8A}" dt="2023-10-12T11:37:59.791" v="293"/>
          <ac:spMkLst>
            <pc:docMk/>
            <pc:sldMk cId="2376958513" sldId="260"/>
            <ac:spMk id="4045" creationId="{76ECBBE5-BDA0-B70D-7498-D4222FB8E113}"/>
          </ac:spMkLst>
        </pc:spChg>
        <pc:spChg chg="mod">
          <ac:chgData name="White, Alex" userId="eff6cc8c-37d8-483b-9c6c-6b27e9afa9bc" providerId="ADAL" clId="{BF04C754-5BF4-4E83-9615-DB14FA25AF8A}" dt="2023-10-12T11:37:59.791" v="293"/>
          <ac:spMkLst>
            <pc:docMk/>
            <pc:sldMk cId="2376958513" sldId="260"/>
            <ac:spMk id="4046" creationId="{6E1B91A1-EBD7-E3BA-D60F-D7623F60801A}"/>
          </ac:spMkLst>
        </pc:spChg>
        <pc:spChg chg="mod">
          <ac:chgData name="White, Alex" userId="eff6cc8c-37d8-483b-9c6c-6b27e9afa9bc" providerId="ADAL" clId="{BF04C754-5BF4-4E83-9615-DB14FA25AF8A}" dt="2023-10-12T11:37:59.791" v="293"/>
          <ac:spMkLst>
            <pc:docMk/>
            <pc:sldMk cId="2376958513" sldId="260"/>
            <ac:spMk id="4047" creationId="{8911A1A2-3F27-6351-75FD-7F4100BB2F81}"/>
          </ac:spMkLst>
        </pc:spChg>
        <pc:spChg chg="mod">
          <ac:chgData name="White, Alex" userId="eff6cc8c-37d8-483b-9c6c-6b27e9afa9bc" providerId="ADAL" clId="{BF04C754-5BF4-4E83-9615-DB14FA25AF8A}" dt="2023-10-12T11:37:59.791" v="293"/>
          <ac:spMkLst>
            <pc:docMk/>
            <pc:sldMk cId="2376958513" sldId="260"/>
            <ac:spMk id="4048" creationId="{D0E43AF2-C664-E11F-E7D5-542F074FF752}"/>
          </ac:spMkLst>
        </pc:spChg>
        <pc:spChg chg="mod">
          <ac:chgData name="White, Alex" userId="eff6cc8c-37d8-483b-9c6c-6b27e9afa9bc" providerId="ADAL" clId="{BF04C754-5BF4-4E83-9615-DB14FA25AF8A}" dt="2023-10-12T11:37:59.791" v="293"/>
          <ac:spMkLst>
            <pc:docMk/>
            <pc:sldMk cId="2376958513" sldId="260"/>
            <ac:spMk id="4049" creationId="{3F2D44A3-8134-FD4C-30AC-66CFD6139D4B}"/>
          </ac:spMkLst>
        </pc:spChg>
        <pc:spChg chg="mod">
          <ac:chgData name="White, Alex" userId="eff6cc8c-37d8-483b-9c6c-6b27e9afa9bc" providerId="ADAL" clId="{BF04C754-5BF4-4E83-9615-DB14FA25AF8A}" dt="2023-10-12T11:37:59.791" v="293"/>
          <ac:spMkLst>
            <pc:docMk/>
            <pc:sldMk cId="2376958513" sldId="260"/>
            <ac:spMk id="4050" creationId="{09F2F89C-EA2F-1064-2006-0F9CC75CC8C1}"/>
          </ac:spMkLst>
        </pc:spChg>
        <pc:spChg chg="mod">
          <ac:chgData name="White, Alex" userId="eff6cc8c-37d8-483b-9c6c-6b27e9afa9bc" providerId="ADAL" clId="{BF04C754-5BF4-4E83-9615-DB14FA25AF8A}" dt="2023-10-12T11:37:59.791" v="293"/>
          <ac:spMkLst>
            <pc:docMk/>
            <pc:sldMk cId="2376958513" sldId="260"/>
            <ac:spMk id="4051" creationId="{50574DA9-BC0A-0B1B-71E7-0ECF9F644EEA}"/>
          </ac:spMkLst>
        </pc:spChg>
        <pc:spChg chg="mod">
          <ac:chgData name="White, Alex" userId="eff6cc8c-37d8-483b-9c6c-6b27e9afa9bc" providerId="ADAL" clId="{BF04C754-5BF4-4E83-9615-DB14FA25AF8A}" dt="2023-10-12T11:37:59.791" v="293"/>
          <ac:spMkLst>
            <pc:docMk/>
            <pc:sldMk cId="2376958513" sldId="260"/>
            <ac:spMk id="4052" creationId="{8296059D-242F-FAA0-8E07-057704163106}"/>
          </ac:spMkLst>
        </pc:spChg>
        <pc:spChg chg="mod">
          <ac:chgData name="White, Alex" userId="eff6cc8c-37d8-483b-9c6c-6b27e9afa9bc" providerId="ADAL" clId="{BF04C754-5BF4-4E83-9615-DB14FA25AF8A}" dt="2023-10-12T11:37:59.791" v="293"/>
          <ac:spMkLst>
            <pc:docMk/>
            <pc:sldMk cId="2376958513" sldId="260"/>
            <ac:spMk id="4053" creationId="{E0949F03-55DA-A79F-215C-D054B700B32A}"/>
          </ac:spMkLst>
        </pc:spChg>
        <pc:spChg chg="mod">
          <ac:chgData name="White, Alex" userId="eff6cc8c-37d8-483b-9c6c-6b27e9afa9bc" providerId="ADAL" clId="{BF04C754-5BF4-4E83-9615-DB14FA25AF8A}" dt="2023-10-12T11:37:59.791" v="293"/>
          <ac:spMkLst>
            <pc:docMk/>
            <pc:sldMk cId="2376958513" sldId="260"/>
            <ac:spMk id="4054" creationId="{1CFE14BC-33CB-184B-58F7-5BE7CE1DD0C4}"/>
          </ac:spMkLst>
        </pc:spChg>
        <pc:spChg chg="mod">
          <ac:chgData name="White, Alex" userId="eff6cc8c-37d8-483b-9c6c-6b27e9afa9bc" providerId="ADAL" clId="{BF04C754-5BF4-4E83-9615-DB14FA25AF8A}" dt="2023-10-12T11:37:59.791" v="293"/>
          <ac:spMkLst>
            <pc:docMk/>
            <pc:sldMk cId="2376958513" sldId="260"/>
            <ac:spMk id="4055" creationId="{8ED6FC6F-80A3-359F-F140-5FAF3E85D514}"/>
          </ac:spMkLst>
        </pc:spChg>
        <pc:spChg chg="mod">
          <ac:chgData name="White, Alex" userId="eff6cc8c-37d8-483b-9c6c-6b27e9afa9bc" providerId="ADAL" clId="{BF04C754-5BF4-4E83-9615-DB14FA25AF8A}" dt="2023-10-12T11:37:59.791" v="293"/>
          <ac:spMkLst>
            <pc:docMk/>
            <pc:sldMk cId="2376958513" sldId="260"/>
            <ac:spMk id="4056" creationId="{E2746D8D-9E4F-896D-C9D2-B5FE4F1EFF20}"/>
          </ac:spMkLst>
        </pc:spChg>
        <pc:spChg chg="mod">
          <ac:chgData name="White, Alex" userId="eff6cc8c-37d8-483b-9c6c-6b27e9afa9bc" providerId="ADAL" clId="{BF04C754-5BF4-4E83-9615-DB14FA25AF8A}" dt="2023-10-12T11:37:59.791" v="293"/>
          <ac:spMkLst>
            <pc:docMk/>
            <pc:sldMk cId="2376958513" sldId="260"/>
            <ac:spMk id="4057" creationId="{3F79600C-BCB4-F7AD-2C1C-63470F55AA26}"/>
          </ac:spMkLst>
        </pc:spChg>
        <pc:spChg chg="mod">
          <ac:chgData name="White, Alex" userId="eff6cc8c-37d8-483b-9c6c-6b27e9afa9bc" providerId="ADAL" clId="{BF04C754-5BF4-4E83-9615-DB14FA25AF8A}" dt="2023-10-12T11:37:59.791" v="293"/>
          <ac:spMkLst>
            <pc:docMk/>
            <pc:sldMk cId="2376958513" sldId="260"/>
            <ac:spMk id="4058" creationId="{20F00EFA-4FD8-B401-DB08-C63056430860}"/>
          </ac:spMkLst>
        </pc:spChg>
        <pc:spChg chg="mod">
          <ac:chgData name="White, Alex" userId="eff6cc8c-37d8-483b-9c6c-6b27e9afa9bc" providerId="ADAL" clId="{BF04C754-5BF4-4E83-9615-DB14FA25AF8A}" dt="2023-10-12T11:37:59.791" v="293"/>
          <ac:spMkLst>
            <pc:docMk/>
            <pc:sldMk cId="2376958513" sldId="260"/>
            <ac:spMk id="4059" creationId="{FB18579F-FC8F-979B-738F-EC0565F22CDE}"/>
          </ac:spMkLst>
        </pc:spChg>
        <pc:spChg chg="mod">
          <ac:chgData name="White, Alex" userId="eff6cc8c-37d8-483b-9c6c-6b27e9afa9bc" providerId="ADAL" clId="{BF04C754-5BF4-4E83-9615-DB14FA25AF8A}" dt="2023-10-12T11:37:59.791" v="293"/>
          <ac:spMkLst>
            <pc:docMk/>
            <pc:sldMk cId="2376958513" sldId="260"/>
            <ac:spMk id="4060" creationId="{C73B5016-0861-B6BF-C814-09B887A6647E}"/>
          </ac:spMkLst>
        </pc:spChg>
        <pc:spChg chg="mod">
          <ac:chgData name="White, Alex" userId="eff6cc8c-37d8-483b-9c6c-6b27e9afa9bc" providerId="ADAL" clId="{BF04C754-5BF4-4E83-9615-DB14FA25AF8A}" dt="2023-10-12T11:37:59.791" v="293"/>
          <ac:spMkLst>
            <pc:docMk/>
            <pc:sldMk cId="2376958513" sldId="260"/>
            <ac:spMk id="4061" creationId="{C9959CA2-6895-ABA5-0B24-A7092121FCB1}"/>
          </ac:spMkLst>
        </pc:spChg>
        <pc:spChg chg="mod">
          <ac:chgData name="White, Alex" userId="eff6cc8c-37d8-483b-9c6c-6b27e9afa9bc" providerId="ADAL" clId="{BF04C754-5BF4-4E83-9615-DB14FA25AF8A}" dt="2023-10-12T11:37:59.791" v="293"/>
          <ac:spMkLst>
            <pc:docMk/>
            <pc:sldMk cId="2376958513" sldId="260"/>
            <ac:spMk id="4062" creationId="{4E4E46E1-75AA-756A-90B0-DA30C3064473}"/>
          </ac:spMkLst>
        </pc:spChg>
        <pc:spChg chg="mod">
          <ac:chgData name="White, Alex" userId="eff6cc8c-37d8-483b-9c6c-6b27e9afa9bc" providerId="ADAL" clId="{BF04C754-5BF4-4E83-9615-DB14FA25AF8A}" dt="2023-10-12T11:37:59.791" v="293"/>
          <ac:spMkLst>
            <pc:docMk/>
            <pc:sldMk cId="2376958513" sldId="260"/>
            <ac:spMk id="4063" creationId="{FF07399A-7ED5-7B51-BB9F-23E05DEB4B05}"/>
          </ac:spMkLst>
        </pc:spChg>
        <pc:spChg chg="mod">
          <ac:chgData name="White, Alex" userId="eff6cc8c-37d8-483b-9c6c-6b27e9afa9bc" providerId="ADAL" clId="{BF04C754-5BF4-4E83-9615-DB14FA25AF8A}" dt="2023-10-12T11:37:59.791" v="293"/>
          <ac:spMkLst>
            <pc:docMk/>
            <pc:sldMk cId="2376958513" sldId="260"/>
            <ac:spMk id="4064" creationId="{C5B5E6F2-9DFA-19F6-B798-EEE4B806F97F}"/>
          </ac:spMkLst>
        </pc:spChg>
        <pc:spChg chg="mod">
          <ac:chgData name="White, Alex" userId="eff6cc8c-37d8-483b-9c6c-6b27e9afa9bc" providerId="ADAL" clId="{BF04C754-5BF4-4E83-9615-DB14FA25AF8A}" dt="2023-10-12T11:37:59.791" v="293"/>
          <ac:spMkLst>
            <pc:docMk/>
            <pc:sldMk cId="2376958513" sldId="260"/>
            <ac:spMk id="4065" creationId="{18DC7D88-5F79-780A-BDDA-70067300FA9D}"/>
          </ac:spMkLst>
        </pc:spChg>
        <pc:spChg chg="mod">
          <ac:chgData name="White, Alex" userId="eff6cc8c-37d8-483b-9c6c-6b27e9afa9bc" providerId="ADAL" clId="{BF04C754-5BF4-4E83-9615-DB14FA25AF8A}" dt="2023-10-12T11:37:59.791" v="293"/>
          <ac:spMkLst>
            <pc:docMk/>
            <pc:sldMk cId="2376958513" sldId="260"/>
            <ac:spMk id="4066" creationId="{DDBBF03C-5103-9675-80AF-F230E91B06ED}"/>
          </ac:spMkLst>
        </pc:spChg>
        <pc:spChg chg="mod">
          <ac:chgData name="White, Alex" userId="eff6cc8c-37d8-483b-9c6c-6b27e9afa9bc" providerId="ADAL" clId="{BF04C754-5BF4-4E83-9615-DB14FA25AF8A}" dt="2023-10-12T11:37:59.791" v="293"/>
          <ac:spMkLst>
            <pc:docMk/>
            <pc:sldMk cId="2376958513" sldId="260"/>
            <ac:spMk id="4067" creationId="{9D27D408-67DD-2C23-BE21-D3DAD8979C8E}"/>
          </ac:spMkLst>
        </pc:spChg>
        <pc:spChg chg="mod">
          <ac:chgData name="White, Alex" userId="eff6cc8c-37d8-483b-9c6c-6b27e9afa9bc" providerId="ADAL" clId="{BF04C754-5BF4-4E83-9615-DB14FA25AF8A}" dt="2023-10-12T11:37:59.791" v="293"/>
          <ac:spMkLst>
            <pc:docMk/>
            <pc:sldMk cId="2376958513" sldId="260"/>
            <ac:spMk id="4068" creationId="{C4E928DE-387E-085C-1F01-F85D56F32273}"/>
          </ac:spMkLst>
        </pc:spChg>
        <pc:spChg chg="mod">
          <ac:chgData name="White, Alex" userId="eff6cc8c-37d8-483b-9c6c-6b27e9afa9bc" providerId="ADAL" clId="{BF04C754-5BF4-4E83-9615-DB14FA25AF8A}" dt="2023-10-12T11:37:59.791" v="293"/>
          <ac:spMkLst>
            <pc:docMk/>
            <pc:sldMk cId="2376958513" sldId="260"/>
            <ac:spMk id="4069" creationId="{B5A29809-4AC0-D215-983B-A449204CBBCB}"/>
          </ac:spMkLst>
        </pc:spChg>
        <pc:spChg chg="mod">
          <ac:chgData name="White, Alex" userId="eff6cc8c-37d8-483b-9c6c-6b27e9afa9bc" providerId="ADAL" clId="{BF04C754-5BF4-4E83-9615-DB14FA25AF8A}" dt="2023-10-12T11:37:59.791" v="293"/>
          <ac:spMkLst>
            <pc:docMk/>
            <pc:sldMk cId="2376958513" sldId="260"/>
            <ac:spMk id="4070" creationId="{BD61729A-F104-C67E-62E4-11CFC09B219E}"/>
          </ac:spMkLst>
        </pc:spChg>
        <pc:spChg chg="mod">
          <ac:chgData name="White, Alex" userId="eff6cc8c-37d8-483b-9c6c-6b27e9afa9bc" providerId="ADAL" clId="{BF04C754-5BF4-4E83-9615-DB14FA25AF8A}" dt="2023-10-12T11:37:59.791" v="293"/>
          <ac:spMkLst>
            <pc:docMk/>
            <pc:sldMk cId="2376958513" sldId="260"/>
            <ac:spMk id="4071" creationId="{D3A57BFF-E065-010D-4B12-DC7C2526F817}"/>
          </ac:spMkLst>
        </pc:spChg>
        <pc:spChg chg="mod">
          <ac:chgData name="White, Alex" userId="eff6cc8c-37d8-483b-9c6c-6b27e9afa9bc" providerId="ADAL" clId="{BF04C754-5BF4-4E83-9615-DB14FA25AF8A}" dt="2023-10-12T11:37:59.791" v="293"/>
          <ac:spMkLst>
            <pc:docMk/>
            <pc:sldMk cId="2376958513" sldId="260"/>
            <ac:spMk id="4072" creationId="{101CF4A3-16E4-A75B-C4D1-6DCF55CB1DE5}"/>
          </ac:spMkLst>
        </pc:spChg>
        <pc:spChg chg="mod">
          <ac:chgData name="White, Alex" userId="eff6cc8c-37d8-483b-9c6c-6b27e9afa9bc" providerId="ADAL" clId="{BF04C754-5BF4-4E83-9615-DB14FA25AF8A}" dt="2023-10-12T11:37:59.791" v="293"/>
          <ac:spMkLst>
            <pc:docMk/>
            <pc:sldMk cId="2376958513" sldId="260"/>
            <ac:spMk id="4073" creationId="{E23AB90B-53D3-0A4C-53E9-CBC55D41F2C9}"/>
          </ac:spMkLst>
        </pc:spChg>
        <pc:spChg chg="mod">
          <ac:chgData name="White, Alex" userId="eff6cc8c-37d8-483b-9c6c-6b27e9afa9bc" providerId="ADAL" clId="{BF04C754-5BF4-4E83-9615-DB14FA25AF8A}" dt="2023-10-12T11:37:59.791" v="293"/>
          <ac:spMkLst>
            <pc:docMk/>
            <pc:sldMk cId="2376958513" sldId="260"/>
            <ac:spMk id="4074" creationId="{501138D9-0BA2-CAFE-B723-7BA40EBB0D0A}"/>
          </ac:spMkLst>
        </pc:spChg>
        <pc:spChg chg="mod">
          <ac:chgData name="White, Alex" userId="eff6cc8c-37d8-483b-9c6c-6b27e9afa9bc" providerId="ADAL" clId="{BF04C754-5BF4-4E83-9615-DB14FA25AF8A}" dt="2023-10-12T11:37:59.791" v="293"/>
          <ac:spMkLst>
            <pc:docMk/>
            <pc:sldMk cId="2376958513" sldId="260"/>
            <ac:spMk id="4075" creationId="{F3F7543F-A3EC-1C4F-A188-4DAD4ED40700}"/>
          </ac:spMkLst>
        </pc:spChg>
        <pc:spChg chg="mod">
          <ac:chgData name="White, Alex" userId="eff6cc8c-37d8-483b-9c6c-6b27e9afa9bc" providerId="ADAL" clId="{BF04C754-5BF4-4E83-9615-DB14FA25AF8A}" dt="2023-10-12T11:37:59.791" v="293"/>
          <ac:spMkLst>
            <pc:docMk/>
            <pc:sldMk cId="2376958513" sldId="260"/>
            <ac:spMk id="4076" creationId="{AC92D9BD-E0EC-9603-ED76-BD3EDE038939}"/>
          </ac:spMkLst>
        </pc:spChg>
        <pc:spChg chg="mod">
          <ac:chgData name="White, Alex" userId="eff6cc8c-37d8-483b-9c6c-6b27e9afa9bc" providerId="ADAL" clId="{BF04C754-5BF4-4E83-9615-DB14FA25AF8A}" dt="2023-10-12T11:37:59.791" v="293"/>
          <ac:spMkLst>
            <pc:docMk/>
            <pc:sldMk cId="2376958513" sldId="260"/>
            <ac:spMk id="4077" creationId="{6838FE71-E981-59E7-0A0F-D780CF9B138E}"/>
          </ac:spMkLst>
        </pc:spChg>
        <pc:spChg chg="mod">
          <ac:chgData name="White, Alex" userId="eff6cc8c-37d8-483b-9c6c-6b27e9afa9bc" providerId="ADAL" clId="{BF04C754-5BF4-4E83-9615-DB14FA25AF8A}" dt="2023-10-12T11:37:59.791" v="293"/>
          <ac:spMkLst>
            <pc:docMk/>
            <pc:sldMk cId="2376958513" sldId="260"/>
            <ac:spMk id="4078" creationId="{9A7F4B30-5B4A-6997-F816-ADBA64A62C37}"/>
          </ac:spMkLst>
        </pc:spChg>
        <pc:spChg chg="mod">
          <ac:chgData name="White, Alex" userId="eff6cc8c-37d8-483b-9c6c-6b27e9afa9bc" providerId="ADAL" clId="{BF04C754-5BF4-4E83-9615-DB14FA25AF8A}" dt="2023-10-12T11:37:59.791" v="293"/>
          <ac:spMkLst>
            <pc:docMk/>
            <pc:sldMk cId="2376958513" sldId="260"/>
            <ac:spMk id="4079" creationId="{41F55954-D3D1-CAAB-467C-29F243648325}"/>
          </ac:spMkLst>
        </pc:spChg>
        <pc:spChg chg="mod">
          <ac:chgData name="White, Alex" userId="eff6cc8c-37d8-483b-9c6c-6b27e9afa9bc" providerId="ADAL" clId="{BF04C754-5BF4-4E83-9615-DB14FA25AF8A}" dt="2023-10-12T11:37:59.791" v="293"/>
          <ac:spMkLst>
            <pc:docMk/>
            <pc:sldMk cId="2376958513" sldId="260"/>
            <ac:spMk id="4080" creationId="{2C058779-4673-4187-58ED-465449046C0C}"/>
          </ac:spMkLst>
        </pc:spChg>
        <pc:spChg chg="mod">
          <ac:chgData name="White, Alex" userId="eff6cc8c-37d8-483b-9c6c-6b27e9afa9bc" providerId="ADAL" clId="{BF04C754-5BF4-4E83-9615-DB14FA25AF8A}" dt="2023-10-12T11:37:59.791" v="293"/>
          <ac:spMkLst>
            <pc:docMk/>
            <pc:sldMk cId="2376958513" sldId="260"/>
            <ac:spMk id="4081" creationId="{EC0F8DC1-51AD-4860-A7B4-AEEBCA8D5B33}"/>
          </ac:spMkLst>
        </pc:spChg>
        <pc:spChg chg="mod">
          <ac:chgData name="White, Alex" userId="eff6cc8c-37d8-483b-9c6c-6b27e9afa9bc" providerId="ADAL" clId="{BF04C754-5BF4-4E83-9615-DB14FA25AF8A}" dt="2023-10-12T11:37:59.791" v="293"/>
          <ac:spMkLst>
            <pc:docMk/>
            <pc:sldMk cId="2376958513" sldId="260"/>
            <ac:spMk id="4082" creationId="{E2AF9225-5877-B421-F1A0-8BC9BF49E8EB}"/>
          </ac:spMkLst>
        </pc:spChg>
        <pc:spChg chg="mod">
          <ac:chgData name="White, Alex" userId="eff6cc8c-37d8-483b-9c6c-6b27e9afa9bc" providerId="ADAL" clId="{BF04C754-5BF4-4E83-9615-DB14FA25AF8A}" dt="2023-10-12T11:37:59.791" v="293"/>
          <ac:spMkLst>
            <pc:docMk/>
            <pc:sldMk cId="2376958513" sldId="260"/>
            <ac:spMk id="4083" creationId="{C35A9D2B-436C-23A7-D674-698F413B7598}"/>
          </ac:spMkLst>
        </pc:spChg>
        <pc:spChg chg="mod">
          <ac:chgData name="White, Alex" userId="eff6cc8c-37d8-483b-9c6c-6b27e9afa9bc" providerId="ADAL" clId="{BF04C754-5BF4-4E83-9615-DB14FA25AF8A}" dt="2023-10-12T11:37:59.791" v="293"/>
          <ac:spMkLst>
            <pc:docMk/>
            <pc:sldMk cId="2376958513" sldId="260"/>
            <ac:spMk id="4084" creationId="{33F136F1-1DD9-88A3-E77E-306A1E30C450}"/>
          </ac:spMkLst>
        </pc:spChg>
        <pc:spChg chg="mod">
          <ac:chgData name="White, Alex" userId="eff6cc8c-37d8-483b-9c6c-6b27e9afa9bc" providerId="ADAL" clId="{BF04C754-5BF4-4E83-9615-DB14FA25AF8A}" dt="2023-10-12T11:37:59.791" v="293"/>
          <ac:spMkLst>
            <pc:docMk/>
            <pc:sldMk cId="2376958513" sldId="260"/>
            <ac:spMk id="4085" creationId="{FF2C4218-CB03-BF2C-9D3E-F96BE80360E7}"/>
          </ac:spMkLst>
        </pc:spChg>
        <pc:spChg chg="mod">
          <ac:chgData name="White, Alex" userId="eff6cc8c-37d8-483b-9c6c-6b27e9afa9bc" providerId="ADAL" clId="{BF04C754-5BF4-4E83-9615-DB14FA25AF8A}" dt="2023-10-12T11:37:59.791" v="293"/>
          <ac:spMkLst>
            <pc:docMk/>
            <pc:sldMk cId="2376958513" sldId="260"/>
            <ac:spMk id="4086" creationId="{7A756812-ED39-3BCF-B2E8-F390DBB53765}"/>
          </ac:spMkLst>
        </pc:spChg>
        <pc:spChg chg="mod">
          <ac:chgData name="White, Alex" userId="eff6cc8c-37d8-483b-9c6c-6b27e9afa9bc" providerId="ADAL" clId="{BF04C754-5BF4-4E83-9615-DB14FA25AF8A}" dt="2023-10-12T11:37:59.791" v="293"/>
          <ac:spMkLst>
            <pc:docMk/>
            <pc:sldMk cId="2376958513" sldId="260"/>
            <ac:spMk id="4087" creationId="{862648FE-C08A-993E-4E01-8A78572D4002}"/>
          </ac:spMkLst>
        </pc:spChg>
        <pc:spChg chg="mod">
          <ac:chgData name="White, Alex" userId="eff6cc8c-37d8-483b-9c6c-6b27e9afa9bc" providerId="ADAL" clId="{BF04C754-5BF4-4E83-9615-DB14FA25AF8A}" dt="2023-10-12T11:37:59.791" v="293"/>
          <ac:spMkLst>
            <pc:docMk/>
            <pc:sldMk cId="2376958513" sldId="260"/>
            <ac:spMk id="4088" creationId="{F84C4C43-0615-8D18-C074-25D71AB89431}"/>
          </ac:spMkLst>
        </pc:spChg>
        <pc:spChg chg="mod">
          <ac:chgData name="White, Alex" userId="eff6cc8c-37d8-483b-9c6c-6b27e9afa9bc" providerId="ADAL" clId="{BF04C754-5BF4-4E83-9615-DB14FA25AF8A}" dt="2023-10-12T11:37:59.791" v="293"/>
          <ac:spMkLst>
            <pc:docMk/>
            <pc:sldMk cId="2376958513" sldId="260"/>
            <ac:spMk id="4089" creationId="{A26AA55F-10C7-17DE-5195-10CDE09CC1D3}"/>
          </ac:spMkLst>
        </pc:spChg>
        <pc:spChg chg="mod">
          <ac:chgData name="White, Alex" userId="eff6cc8c-37d8-483b-9c6c-6b27e9afa9bc" providerId="ADAL" clId="{BF04C754-5BF4-4E83-9615-DB14FA25AF8A}" dt="2023-10-12T11:37:59.791" v="293"/>
          <ac:spMkLst>
            <pc:docMk/>
            <pc:sldMk cId="2376958513" sldId="260"/>
            <ac:spMk id="4090" creationId="{BD13855A-0B28-DA8B-3737-E548783FEF83}"/>
          </ac:spMkLst>
        </pc:spChg>
        <pc:spChg chg="mod">
          <ac:chgData name="White, Alex" userId="eff6cc8c-37d8-483b-9c6c-6b27e9afa9bc" providerId="ADAL" clId="{BF04C754-5BF4-4E83-9615-DB14FA25AF8A}" dt="2023-10-12T11:37:59.791" v="293"/>
          <ac:spMkLst>
            <pc:docMk/>
            <pc:sldMk cId="2376958513" sldId="260"/>
            <ac:spMk id="4091" creationId="{781042CB-8B74-BDB1-88E3-CC418215AE32}"/>
          </ac:spMkLst>
        </pc:spChg>
        <pc:spChg chg="mod">
          <ac:chgData name="White, Alex" userId="eff6cc8c-37d8-483b-9c6c-6b27e9afa9bc" providerId="ADAL" clId="{BF04C754-5BF4-4E83-9615-DB14FA25AF8A}" dt="2023-10-12T11:37:59.791" v="293"/>
          <ac:spMkLst>
            <pc:docMk/>
            <pc:sldMk cId="2376958513" sldId="260"/>
            <ac:spMk id="4092" creationId="{B0DAC557-ABB5-BB0F-6823-9D0E55174358}"/>
          </ac:spMkLst>
        </pc:spChg>
        <pc:spChg chg="mod">
          <ac:chgData name="White, Alex" userId="eff6cc8c-37d8-483b-9c6c-6b27e9afa9bc" providerId="ADAL" clId="{BF04C754-5BF4-4E83-9615-DB14FA25AF8A}" dt="2023-10-12T11:37:59.791" v="293"/>
          <ac:spMkLst>
            <pc:docMk/>
            <pc:sldMk cId="2376958513" sldId="260"/>
            <ac:spMk id="4093" creationId="{FF01B6D5-992F-D338-6A00-A4360580446B}"/>
          </ac:spMkLst>
        </pc:spChg>
        <pc:spChg chg="mod">
          <ac:chgData name="White, Alex" userId="eff6cc8c-37d8-483b-9c6c-6b27e9afa9bc" providerId="ADAL" clId="{BF04C754-5BF4-4E83-9615-DB14FA25AF8A}" dt="2023-10-12T11:37:59.791" v="293"/>
          <ac:spMkLst>
            <pc:docMk/>
            <pc:sldMk cId="2376958513" sldId="260"/>
            <ac:spMk id="4094" creationId="{04B96844-E880-90F6-F22E-B3334162621E}"/>
          </ac:spMkLst>
        </pc:spChg>
        <pc:spChg chg="mod">
          <ac:chgData name="White, Alex" userId="eff6cc8c-37d8-483b-9c6c-6b27e9afa9bc" providerId="ADAL" clId="{BF04C754-5BF4-4E83-9615-DB14FA25AF8A}" dt="2023-10-12T11:37:59.791" v="293"/>
          <ac:spMkLst>
            <pc:docMk/>
            <pc:sldMk cId="2376958513" sldId="260"/>
            <ac:spMk id="4095" creationId="{5F5B7831-9FD4-0D00-84CC-9101F87D44F4}"/>
          </ac:spMkLst>
        </pc:spChg>
        <pc:spChg chg="mod">
          <ac:chgData name="White, Alex" userId="eff6cc8c-37d8-483b-9c6c-6b27e9afa9bc" providerId="ADAL" clId="{BF04C754-5BF4-4E83-9615-DB14FA25AF8A}" dt="2023-10-12T11:37:59.791" v="293"/>
          <ac:spMkLst>
            <pc:docMk/>
            <pc:sldMk cId="2376958513" sldId="260"/>
            <ac:spMk id="4096" creationId="{535577A9-B541-E908-ED9B-BAC51FB691DA}"/>
          </ac:spMkLst>
        </pc:spChg>
        <pc:spChg chg="mod">
          <ac:chgData name="White, Alex" userId="eff6cc8c-37d8-483b-9c6c-6b27e9afa9bc" providerId="ADAL" clId="{BF04C754-5BF4-4E83-9615-DB14FA25AF8A}" dt="2023-10-12T11:37:59.791" v="293"/>
          <ac:spMkLst>
            <pc:docMk/>
            <pc:sldMk cId="2376958513" sldId="260"/>
            <ac:spMk id="4097" creationId="{C3A2A638-1089-FBB1-A125-B45C8895007B}"/>
          </ac:spMkLst>
        </pc:spChg>
        <pc:spChg chg="mod">
          <ac:chgData name="White, Alex" userId="eff6cc8c-37d8-483b-9c6c-6b27e9afa9bc" providerId="ADAL" clId="{BF04C754-5BF4-4E83-9615-DB14FA25AF8A}" dt="2023-10-12T11:37:59.791" v="293"/>
          <ac:spMkLst>
            <pc:docMk/>
            <pc:sldMk cId="2376958513" sldId="260"/>
            <ac:spMk id="4098" creationId="{7D363EF8-6E7F-6983-8620-EBBD694B9F02}"/>
          </ac:spMkLst>
        </pc:spChg>
        <pc:spChg chg="mod">
          <ac:chgData name="White, Alex" userId="eff6cc8c-37d8-483b-9c6c-6b27e9afa9bc" providerId="ADAL" clId="{BF04C754-5BF4-4E83-9615-DB14FA25AF8A}" dt="2023-10-12T11:37:59.791" v="293"/>
          <ac:spMkLst>
            <pc:docMk/>
            <pc:sldMk cId="2376958513" sldId="260"/>
            <ac:spMk id="4099" creationId="{75EE4647-0EC3-61AA-AF19-CEE1C252CF50}"/>
          </ac:spMkLst>
        </pc:spChg>
        <pc:spChg chg="mod">
          <ac:chgData name="White, Alex" userId="eff6cc8c-37d8-483b-9c6c-6b27e9afa9bc" providerId="ADAL" clId="{BF04C754-5BF4-4E83-9615-DB14FA25AF8A}" dt="2023-10-12T11:37:59.791" v="293"/>
          <ac:spMkLst>
            <pc:docMk/>
            <pc:sldMk cId="2376958513" sldId="260"/>
            <ac:spMk id="4100" creationId="{9CD008B1-E30D-3746-AE09-9722CFB05ACC}"/>
          </ac:spMkLst>
        </pc:spChg>
        <pc:spChg chg="mod">
          <ac:chgData name="White, Alex" userId="eff6cc8c-37d8-483b-9c6c-6b27e9afa9bc" providerId="ADAL" clId="{BF04C754-5BF4-4E83-9615-DB14FA25AF8A}" dt="2023-10-12T11:37:59.791" v="293"/>
          <ac:spMkLst>
            <pc:docMk/>
            <pc:sldMk cId="2376958513" sldId="260"/>
            <ac:spMk id="4101" creationId="{8A6022D4-8572-5803-52A0-9152796EE737}"/>
          </ac:spMkLst>
        </pc:spChg>
        <pc:spChg chg="mod">
          <ac:chgData name="White, Alex" userId="eff6cc8c-37d8-483b-9c6c-6b27e9afa9bc" providerId="ADAL" clId="{BF04C754-5BF4-4E83-9615-DB14FA25AF8A}" dt="2023-10-12T11:37:59.791" v="293"/>
          <ac:spMkLst>
            <pc:docMk/>
            <pc:sldMk cId="2376958513" sldId="260"/>
            <ac:spMk id="4102" creationId="{75C84E8A-937F-A786-EA86-31B2766B04E0}"/>
          </ac:spMkLst>
        </pc:spChg>
        <pc:spChg chg="mod">
          <ac:chgData name="White, Alex" userId="eff6cc8c-37d8-483b-9c6c-6b27e9afa9bc" providerId="ADAL" clId="{BF04C754-5BF4-4E83-9615-DB14FA25AF8A}" dt="2023-10-12T11:37:59.791" v="293"/>
          <ac:spMkLst>
            <pc:docMk/>
            <pc:sldMk cId="2376958513" sldId="260"/>
            <ac:spMk id="4103" creationId="{FA1897E3-CD3A-853B-C908-5815E3267F1B}"/>
          </ac:spMkLst>
        </pc:spChg>
        <pc:spChg chg="mod">
          <ac:chgData name="White, Alex" userId="eff6cc8c-37d8-483b-9c6c-6b27e9afa9bc" providerId="ADAL" clId="{BF04C754-5BF4-4E83-9615-DB14FA25AF8A}" dt="2023-10-12T11:37:59.791" v="293"/>
          <ac:spMkLst>
            <pc:docMk/>
            <pc:sldMk cId="2376958513" sldId="260"/>
            <ac:spMk id="4104" creationId="{36B33065-1C81-CDE9-6EA3-A72DD1C1CB44}"/>
          </ac:spMkLst>
        </pc:spChg>
        <pc:spChg chg="mod">
          <ac:chgData name="White, Alex" userId="eff6cc8c-37d8-483b-9c6c-6b27e9afa9bc" providerId="ADAL" clId="{BF04C754-5BF4-4E83-9615-DB14FA25AF8A}" dt="2023-10-12T11:37:59.791" v="293"/>
          <ac:spMkLst>
            <pc:docMk/>
            <pc:sldMk cId="2376958513" sldId="260"/>
            <ac:spMk id="4105" creationId="{1EDF669F-9C0F-3767-6423-539F1D0D8E6B}"/>
          </ac:spMkLst>
        </pc:spChg>
        <pc:spChg chg="mod">
          <ac:chgData name="White, Alex" userId="eff6cc8c-37d8-483b-9c6c-6b27e9afa9bc" providerId="ADAL" clId="{BF04C754-5BF4-4E83-9615-DB14FA25AF8A}" dt="2023-10-12T11:37:59.791" v="293"/>
          <ac:spMkLst>
            <pc:docMk/>
            <pc:sldMk cId="2376958513" sldId="260"/>
            <ac:spMk id="4106" creationId="{F692C690-F986-0848-8650-FA44375EBC20}"/>
          </ac:spMkLst>
        </pc:spChg>
        <pc:spChg chg="mod">
          <ac:chgData name="White, Alex" userId="eff6cc8c-37d8-483b-9c6c-6b27e9afa9bc" providerId="ADAL" clId="{BF04C754-5BF4-4E83-9615-DB14FA25AF8A}" dt="2023-10-12T11:37:59.791" v="293"/>
          <ac:spMkLst>
            <pc:docMk/>
            <pc:sldMk cId="2376958513" sldId="260"/>
            <ac:spMk id="4107" creationId="{435C6F08-63DD-0AD3-699F-C5D5025DE281}"/>
          </ac:spMkLst>
        </pc:spChg>
        <pc:spChg chg="mod">
          <ac:chgData name="White, Alex" userId="eff6cc8c-37d8-483b-9c6c-6b27e9afa9bc" providerId="ADAL" clId="{BF04C754-5BF4-4E83-9615-DB14FA25AF8A}" dt="2023-10-12T11:37:59.791" v="293"/>
          <ac:spMkLst>
            <pc:docMk/>
            <pc:sldMk cId="2376958513" sldId="260"/>
            <ac:spMk id="4108" creationId="{5CD72CF2-3111-AE7D-3889-636313504F05}"/>
          </ac:spMkLst>
        </pc:spChg>
        <pc:spChg chg="mod">
          <ac:chgData name="White, Alex" userId="eff6cc8c-37d8-483b-9c6c-6b27e9afa9bc" providerId="ADAL" clId="{BF04C754-5BF4-4E83-9615-DB14FA25AF8A}" dt="2023-10-12T11:37:59.791" v="293"/>
          <ac:spMkLst>
            <pc:docMk/>
            <pc:sldMk cId="2376958513" sldId="260"/>
            <ac:spMk id="4109" creationId="{99566332-0B3B-EE65-CAC5-CB1E908F8AF8}"/>
          </ac:spMkLst>
        </pc:spChg>
        <pc:spChg chg="mod">
          <ac:chgData name="White, Alex" userId="eff6cc8c-37d8-483b-9c6c-6b27e9afa9bc" providerId="ADAL" clId="{BF04C754-5BF4-4E83-9615-DB14FA25AF8A}" dt="2023-10-12T11:37:59.791" v="293"/>
          <ac:spMkLst>
            <pc:docMk/>
            <pc:sldMk cId="2376958513" sldId="260"/>
            <ac:spMk id="4110" creationId="{7DDB4C7A-A615-F654-87AD-764A2A3097A5}"/>
          </ac:spMkLst>
        </pc:spChg>
        <pc:spChg chg="mod">
          <ac:chgData name="White, Alex" userId="eff6cc8c-37d8-483b-9c6c-6b27e9afa9bc" providerId="ADAL" clId="{BF04C754-5BF4-4E83-9615-DB14FA25AF8A}" dt="2023-10-12T11:37:59.791" v="293"/>
          <ac:spMkLst>
            <pc:docMk/>
            <pc:sldMk cId="2376958513" sldId="260"/>
            <ac:spMk id="4111" creationId="{6A3E6B44-2E81-88F4-9994-789CB69183BF}"/>
          </ac:spMkLst>
        </pc:spChg>
        <pc:spChg chg="mod">
          <ac:chgData name="White, Alex" userId="eff6cc8c-37d8-483b-9c6c-6b27e9afa9bc" providerId="ADAL" clId="{BF04C754-5BF4-4E83-9615-DB14FA25AF8A}" dt="2023-10-12T11:37:59.791" v="293"/>
          <ac:spMkLst>
            <pc:docMk/>
            <pc:sldMk cId="2376958513" sldId="260"/>
            <ac:spMk id="4112" creationId="{040D5F30-2FBD-354A-6CC3-C58AB2406E21}"/>
          </ac:spMkLst>
        </pc:spChg>
        <pc:spChg chg="mod">
          <ac:chgData name="White, Alex" userId="eff6cc8c-37d8-483b-9c6c-6b27e9afa9bc" providerId="ADAL" clId="{BF04C754-5BF4-4E83-9615-DB14FA25AF8A}" dt="2023-10-12T11:37:59.791" v="293"/>
          <ac:spMkLst>
            <pc:docMk/>
            <pc:sldMk cId="2376958513" sldId="260"/>
            <ac:spMk id="4113" creationId="{9BA46365-7EF3-1C38-BF9C-C4C3CBFE9057}"/>
          </ac:spMkLst>
        </pc:spChg>
        <pc:spChg chg="mod">
          <ac:chgData name="White, Alex" userId="eff6cc8c-37d8-483b-9c6c-6b27e9afa9bc" providerId="ADAL" clId="{BF04C754-5BF4-4E83-9615-DB14FA25AF8A}" dt="2023-10-12T11:37:59.791" v="293"/>
          <ac:spMkLst>
            <pc:docMk/>
            <pc:sldMk cId="2376958513" sldId="260"/>
            <ac:spMk id="4114" creationId="{BEE89062-8D5F-648D-4B70-2263222D5DE0}"/>
          </ac:spMkLst>
        </pc:spChg>
        <pc:spChg chg="mod">
          <ac:chgData name="White, Alex" userId="eff6cc8c-37d8-483b-9c6c-6b27e9afa9bc" providerId="ADAL" clId="{BF04C754-5BF4-4E83-9615-DB14FA25AF8A}" dt="2023-10-12T11:37:59.791" v="293"/>
          <ac:spMkLst>
            <pc:docMk/>
            <pc:sldMk cId="2376958513" sldId="260"/>
            <ac:spMk id="4115" creationId="{67994CE8-CAE3-D028-7646-7BC5CB7678E7}"/>
          </ac:spMkLst>
        </pc:spChg>
        <pc:spChg chg="mod">
          <ac:chgData name="White, Alex" userId="eff6cc8c-37d8-483b-9c6c-6b27e9afa9bc" providerId="ADAL" clId="{BF04C754-5BF4-4E83-9615-DB14FA25AF8A}" dt="2023-10-12T11:37:59.791" v="293"/>
          <ac:spMkLst>
            <pc:docMk/>
            <pc:sldMk cId="2376958513" sldId="260"/>
            <ac:spMk id="4116" creationId="{E636E48C-5A60-A9D2-B7F6-719CCDE50F27}"/>
          </ac:spMkLst>
        </pc:spChg>
        <pc:spChg chg="mod">
          <ac:chgData name="White, Alex" userId="eff6cc8c-37d8-483b-9c6c-6b27e9afa9bc" providerId="ADAL" clId="{BF04C754-5BF4-4E83-9615-DB14FA25AF8A}" dt="2023-10-12T11:37:59.791" v="293"/>
          <ac:spMkLst>
            <pc:docMk/>
            <pc:sldMk cId="2376958513" sldId="260"/>
            <ac:spMk id="4117" creationId="{DF18E582-A3EA-B3A6-D9DA-296118295670}"/>
          </ac:spMkLst>
        </pc:spChg>
        <pc:spChg chg="mod">
          <ac:chgData name="White, Alex" userId="eff6cc8c-37d8-483b-9c6c-6b27e9afa9bc" providerId="ADAL" clId="{BF04C754-5BF4-4E83-9615-DB14FA25AF8A}" dt="2023-10-12T11:37:59.791" v="293"/>
          <ac:spMkLst>
            <pc:docMk/>
            <pc:sldMk cId="2376958513" sldId="260"/>
            <ac:spMk id="4118" creationId="{0B60E3D7-5AD5-6D5D-A1CB-8C64375D771E}"/>
          </ac:spMkLst>
        </pc:spChg>
        <pc:spChg chg="mod">
          <ac:chgData name="White, Alex" userId="eff6cc8c-37d8-483b-9c6c-6b27e9afa9bc" providerId="ADAL" clId="{BF04C754-5BF4-4E83-9615-DB14FA25AF8A}" dt="2023-10-12T11:37:59.791" v="293"/>
          <ac:spMkLst>
            <pc:docMk/>
            <pc:sldMk cId="2376958513" sldId="260"/>
            <ac:spMk id="4119" creationId="{3CFEFD05-FCFE-E308-3043-8313DC378169}"/>
          </ac:spMkLst>
        </pc:spChg>
        <pc:spChg chg="mod">
          <ac:chgData name="White, Alex" userId="eff6cc8c-37d8-483b-9c6c-6b27e9afa9bc" providerId="ADAL" clId="{BF04C754-5BF4-4E83-9615-DB14FA25AF8A}" dt="2023-10-12T11:37:59.791" v="293"/>
          <ac:spMkLst>
            <pc:docMk/>
            <pc:sldMk cId="2376958513" sldId="260"/>
            <ac:spMk id="4120" creationId="{1368C163-EAF4-2874-CE48-4598C5E8E9A7}"/>
          </ac:spMkLst>
        </pc:spChg>
        <pc:spChg chg="mod">
          <ac:chgData name="White, Alex" userId="eff6cc8c-37d8-483b-9c6c-6b27e9afa9bc" providerId="ADAL" clId="{BF04C754-5BF4-4E83-9615-DB14FA25AF8A}" dt="2023-10-12T11:37:59.791" v="293"/>
          <ac:spMkLst>
            <pc:docMk/>
            <pc:sldMk cId="2376958513" sldId="260"/>
            <ac:spMk id="4121" creationId="{53085109-CBEA-6B52-A257-FC35934EDDA7}"/>
          </ac:spMkLst>
        </pc:spChg>
        <pc:spChg chg="mod">
          <ac:chgData name="White, Alex" userId="eff6cc8c-37d8-483b-9c6c-6b27e9afa9bc" providerId="ADAL" clId="{BF04C754-5BF4-4E83-9615-DB14FA25AF8A}" dt="2023-10-12T11:37:59.791" v="293"/>
          <ac:spMkLst>
            <pc:docMk/>
            <pc:sldMk cId="2376958513" sldId="260"/>
            <ac:spMk id="4122" creationId="{C37BD9F9-EACD-8879-79E1-CF542B75AE78}"/>
          </ac:spMkLst>
        </pc:spChg>
        <pc:spChg chg="mod">
          <ac:chgData name="White, Alex" userId="eff6cc8c-37d8-483b-9c6c-6b27e9afa9bc" providerId="ADAL" clId="{BF04C754-5BF4-4E83-9615-DB14FA25AF8A}" dt="2023-10-12T11:37:59.791" v="293"/>
          <ac:spMkLst>
            <pc:docMk/>
            <pc:sldMk cId="2376958513" sldId="260"/>
            <ac:spMk id="4123" creationId="{FF3E2E42-908B-58C7-D27C-4A14406F1842}"/>
          </ac:spMkLst>
        </pc:spChg>
        <pc:spChg chg="mod">
          <ac:chgData name="White, Alex" userId="eff6cc8c-37d8-483b-9c6c-6b27e9afa9bc" providerId="ADAL" clId="{BF04C754-5BF4-4E83-9615-DB14FA25AF8A}" dt="2023-10-12T11:37:59.791" v="293"/>
          <ac:spMkLst>
            <pc:docMk/>
            <pc:sldMk cId="2376958513" sldId="260"/>
            <ac:spMk id="4124" creationId="{D4B2F4C4-1B49-4776-1884-EA4E30A004CE}"/>
          </ac:spMkLst>
        </pc:spChg>
        <pc:spChg chg="mod">
          <ac:chgData name="White, Alex" userId="eff6cc8c-37d8-483b-9c6c-6b27e9afa9bc" providerId="ADAL" clId="{BF04C754-5BF4-4E83-9615-DB14FA25AF8A}" dt="2023-10-12T11:37:59.791" v="293"/>
          <ac:spMkLst>
            <pc:docMk/>
            <pc:sldMk cId="2376958513" sldId="260"/>
            <ac:spMk id="4125" creationId="{D3F6C22D-F5A9-6835-8165-282857F7E89F}"/>
          </ac:spMkLst>
        </pc:spChg>
        <pc:spChg chg="mod">
          <ac:chgData name="White, Alex" userId="eff6cc8c-37d8-483b-9c6c-6b27e9afa9bc" providerId="ADAL" clId="{BF04C754-5BF4-4E83-9615-DB14FA25AF8A}" dt="2023-10-12T11:37:59.791" v="293"/>
          <ac:spMkLst>
            <pc:docMk/>
            <pc:sldMk cId="2376958513" sldId="260"/>
            <ac:spMk id="4126" creationId="{B527118A-22F8-1B2C-9763-9645FC9D4507}"/>
          </ac:spMkLst>
        </pc:spChg>
        <pc:spChg chg="mod">
          <ac:chgData name="White, Alex" userId="eff6cc8c-37d8-483b-9c6c-6b27e9afa9bc" providerId="ADAL" clId="{BF04C754-5BF4-4E83-9615-DB14FA25AF8A}" dt="2023-10-12T11:37:59.791" v="293"/>
          <ac:spMkLst>
            <pc:docMk/>
            <pc:sldMk cId="2376958513" sldId="260"/>
            <ac:spMk id="4127" creationId="{94F7D251-3A50-6601-643E-5C6257B66920}"/>
          </ac:spMkLst>
        </pc:spChg>
        <pc:spChg chg="mod">
          <ac:chgData name="White, Alex" userId="eff6cc8c-37d8-483b-9c6c-6b27e9afa9bc" providerId="ADAL" clId="{BF04C754-5BF4-4E83-9615-DB14FA25AF8A}" dt="2023-10-12T11:37:59.791" v="293"/>
          <ac:spMkLst>
            <pc:docMk/>
            <pc:sldMk cId="2376958513" sldId="260"/>
            <ac:spMk id="4128" creationId="{82F392ED-0846-98E4-78B4-8E43B943EDB4}"/>
          </ac:spMkLst>
        </pc:spChg>
        <pc:spChg chg="mod">
          <ac:chgData name="White, Alex" userId="eff6cc8c-37d8-483b-9c6c-6b27e9afa9bc" providerId="ADAL" clId="{BF04C754-5BF4-4E83-9615-DB14FA25AF8A}" dt="2023-10-12T11:37:59.791" v="293"/>
          <ac:spMkLst>
            <pc:docMk/>
            <pc:sldMk cId="2376958513" sldId="260"/>
            <ac:spMk id="4129" creationId="{4076BEBC-4333-6711-46B3-0844A194DEAA}"/>
          </ac:spMkLst>
        </pc:spChg>
        <pc:spChg chg="mod">
          <ac:chgData name="White, Alex" userId="eff6cc8c-37d8-483b-9c6c-6b27e9afa9bc" providerId="ADAL" clId="{BF04C754-5BF4-4E83-9615-DB14FA25AF8A}" dt="2023-10-12T11:37:59.791" v="293"/>
          <ac:spMkLst>
            <pc:docMk/>
            <pc:sldMk cId="2376958513" sldId="260"/>
            <ac:spMk id="4130" creationId="{D593E87B-41D4-E5E0-43DA-FCEFF5C27740}"/>
          </ac:spMkLst>
        </pc:spChg>
        <pc:spChg chg="mod">
          <ac:chgData name="White, Alex" userId="eff6cc8c-37d8-483b-9c6c-6b27e9afa9bc" providerId="ADAL" clId="{BF04C754-5BF4-4E83-9615-DB14FA25AF8A}" dt="2023-10-12T11:37:59.791" v="293"/>
          <ac:spMkLst>
            <pc:docMk/>
            <pc:sldMk cId="2376958513" sldId="260"/>
            <ac:spMk id="4131" creationId="{B672005C-F867-6448-FB6A-81875317AD89}"/>
          </ac:spMkLst>
        </pc:spChg>
        <pc:spChg chg="mod">
          <ac:chgData name="White, Alex" userId="eff6cc8c-37d8-483b-9c6c-6b27e9afa9bc" providerId="ADAL" clId="{BF04C754-5BF4-4E83-9615-DB14FA25AF8A}" dt="2023-10-12T11:37:59.791" v="293"/>
          <ac:spMkLst>
            <pc:docMk/>
            <pc:sldMk cId="2376958513" sldId="260"/>
            <ac:spMk id="4132" creationId="{F89EA47D-13FB-93E0-4D7B-F07DC4111C60}"/>
          </ac:spMkLst>
        </pc:spChg>
        <pc:spChg chg="mod">
          <ac:chgData name="White, Alex" userId="eff6cc8c-37d8-483b-9c6c-6b27e9afa9bc" providerId="ADAL" clId="{BF04C754-5BF4-4E83-9615-DB14FA25AF8A}" dt="2023-10-12T11:37:59.791" v="293"/>
          <ac:spMkLst>
            <pc:docMk/>
            <pc:sldMk cId="2376958513" sldId="260"/>
            <ac:spMk id="4133" creationId="{F969DEE6-582E-2258-C8CC-3DCB691B6FAD}"/>
          </ac:spMkLst>
        </pc:spChg>
        <pc:spChg chg="mod">
          <ac:chgData name="White, Alex" userId="eff6cc8c-37d8-483b-9c6c-6b27e9afa9bc" providerId="ADAL" clId="{BF04C754-5BF4-4E83-9615-DB14FA25AF8A}" dt="2023-10-12T11:37:59.791" v="293"/>
          <ac:spMkLst>
            <pc:docMk/>
            <pc:sldMk cId="2376958513" sldId="260"/>
            <ac:spMk id="4134" creationId="{A4FF6795-EFCC-532D-FBA2-5729D58F295B}"/>
          </ac:spMkLst>
        </pc:spChg>
        <pc:spChg chg="mod">
          <ac:chgData name="White, Alex" userId="eff6cc8c-37d8-483b-9c6c-6b27e9afa9bc" providerId="ADAL" clId="{BF04C754-5BF4-4E83-9615-DB14FA25AF8A}" dt="2023-10-12T11:37:59.791" v="293"/>
          <ac:spMkLst>
            <pc:docMk/>
            <pc:sldMk cId="2376958513" sldId="260"/>
            <ac:spMk id="4135" creationId="{545F6CE3-6417-B989-2408-E301CCFB7CC4}"/>
          </ac:spMkLst>
        </pc:spChg>
        <pc:spChg chg="mod">
          <ac:chgData name="White, Alex" userId="eff6cc8c-37d8-483b-9c6c-6b27e9afa9bc" providerId="ADAL" clId="{BF04C754-5BF4-4E83-9615-DB14FA25AF8A}" dt="2023-10-12T11:37:59.791" v="293"/>
          <ac:spMkLst>
            <pc:docMk/>
            <pc:sldMk cId="2376958513" sldId="260"/>
            <ac:spMk id="4136" creationId="{916A7461-4065-39CE-A854-412187AB1870}"/>
          </ac:spMkLst>
        </pc:spChg>
        <pc:spChg chg="mod">
          <ac:chgData name="White, Alex" userId="eff6cc8c-37d8-483b-9c6c-6b27e9afa9bc" providerId="ADAL" clId="{BF04C754-5BF4-4E83-9615-DB14FA25AF8A}" dt="2023-10-12T11:37:59.791" v="293"/>
          <ac:spMkLst>
            <pc:docMk/>
            <pc:sldMk cId="2376958513" sldId="260"/>
            <ac:spMk id="4137" creationId="{DF439854-9515-7040-C4F1-90A54550C109}"/>
          </ac:spMkLst>
        </pc:spChg>
        <pc:spChg chg="mod">
          <ac:chgData name="White, Alex" userId="eff6cc8c-37d8-483b-9c6c-6b27e9afa9bc" providerId="ADAL" clId="{BF04C754-5BF4-4E83-9615-DB14FA25AF8A}" dt="2023-10-12T11:37:59.791" v="293"/>
          <ac:spMkLst>
            <pc:docMk/>
            <pc:sldMk cId="2376958513" sldId="260"/>
            <ac:spMk id="4138" creationId="{F48B2E54-BBC4-EB89-C675-BE2753279070}"/>
          </ac:spMkLst>
        </pc:spChg>
        <pc:spChg chg="mod">
          <ac:chgData name="White, Alex" userId="eff6cc8c-37d8-483b-9c6c-6b27e9afa9bc" providerId="ADAL" clId="{BF04C754-5BF4-4E83-9615-DB14FA25AF8A}" dt="2023-10-12T11:37:59.791" v="293"/>
          <ac:spMkLst>
            <pc:docMk/>
            <pc:sldMk cId="2376958513" sldId="260"/>
            <ac:spMk id="4139" creationId="{37430E88-E32F-3ACE-3AEC-BE9CB7D4CA6E}"/>
          </ac:spMkLst>
        </pc:spChg>
        <pc:spChg chg="mod">
          <ac:chgData name="White, Alex" userId="eff6cc8c-37d8-483b-9c6c-6b27e9afa9bc" providerId="ADAL" clId="{BF04C754-5BF4-4E83-9615-DB14FA25AF8A}" dt="2023-10-12T11:37:59.791" v="293"/>
          <ac:spMkLst>
            <pc:docMk/>
            <pc:sldMk cId="2376958513" sldId="260"/>
            <ac:spMk id="4140" creationId="{1CD71D9D-5FC1-BA7C-2490-87D70D768999}"/>
          </ac:spMkLst>
        </pc:spChg>
        <pc:spChg chg="mod">
          <ac:chgData name="White, Alex" userId="eff6cc8c-37d8-483b-9c6c-6b27e9afa9bc" providerId="ADAL" clId="{BF04C754-5BF4-4E83-9615-DB14FA25AF8A}" dt="2023-10-12T11:37:59.791" v="293"/>
          <ac:spMkLst>
            <pc:docMk/>
            <pc:sldMk cId="2376958513" sldId="260"/>
            <ac:spMk id="4141" creationId="{C3E0653A-3B07-C731-968D-BCB08BDAE60E}"/>
          </ac:spMkLst>
        </pc:spChg>
        <pc:spChg chg="mod">
          <ac:chgData name="White, Alex" userId="eff6cc8c-37d8-483b-9c6c-6b27e9afa9bc" providerId="ADAL" clId="{BF04C754-5BF4-4E83-9615-DB14FA25AF8A}" dt="2023-10-12T11:37:59.791" v="293"/>
          <ac:spMkLst>
            <pc:docMk/>
            <pc:sldMk cId="2376958513" sldId="260"/>
            <ac:spMk id="4142" creationId="{8E1DE396-8D13-3905-586E-4B4D6AEBDDCA}"/>
          </ac:spMkLst>
        </pc:spChg>
        <pc:spChg chg="mod">
          <ac:chgData name="White, Alex" userId="eff6cc8c-37d8-483b-9c6c-6b27e9afa9bc" providerId="ADAL" clId="{BF04C754-5BF4-4E83-9615-DB14FA25AF8A}" dt="2023-10-12T11:37:59.791" v="293"/>
          <ac:spMkLst>
            <pc:docMk/>
            <pc:sldMk cId="2376958513" sldId="260"/>
            <ac:spMk id="4143" creationId="{3AE2FFF3-F73F-C296-B0D7-7D4312281464}"/>
          </ac:spMkLst>
        </pc:spChg>
        <pc:spChg chg="mod">
          <ac:chgData name="White, Alex" userId="eff6cc8c-37d8-483b-9c6c-6b27e9afa9bc" providerId="ADAL" clId="{BF04C754-5BF4-4E83-9615-DB14FA25AF8A}" dt="2023-10-12T11:37:59.791" v="293"/>
          <ac:spMkLst>
            <pc:docMk/>
            <pc:sldMk cId="2376958513" sldId="260"/>
            <ac:spMk id="4144" creationId="{925AAD68-1AAD-BCDD-3370-7A765042133E}"/>
          </ac:spMkLst>
        </pc:spChg>
        <pc:spChg chg="mod">
          <ac:chgData name="White, Alex" userId="eff6cc8c-37d8-483b-9c6c-6b27e9afa9bc" providerId="ADAL" clId="{BF04C754-5BF4-4E83-9615-DB14FA25AF8A}" dt="2023-10-12T11:37:59.791" v="293"/>
          <ac:spMkLst>
            <pc:docMk/>
            <pc:sldMk cId="2376958513" sldId="260"/>
            <ac:spMk id="4145" creationId="{13439CF1-94DB-FFCB-6725-EB42005BF1ED}"/>
          </ac:spMkLst>
        </pc:spChg>
        <pc:spChg chg="mod">
          <ac:chgData name="White, Alex" userId="eff6cc8c-37d8-483b-9c6c-6b27e9afa9bc" providerId="ADAL" clId="{BF04C754-5BF4-4E83-9615-DB14FA25AF8A}" dt="2023-10-12T11:37:59.791" v="293"/>
          <ac:spMkLst>
            <pc:docMk/>
            <pc:sldMk cId="2376958513" sldId="260"/>
            <ac:spMk id="4146" creationId="{28B082E0-04DC-7422-BD9C-55BB0333C4C1}"/>
          </ac:spMkLst>
        </pc:spChg>
        <pc:spChg chg="mod">
          <ac:chgData name="White, Alex" userId="eff6cc8c-37d8-483b-9c6c-6b27e9afa9bc" providerId="ADAL" clId="{BF04C754-5BF4-4E83-9615-DB14FA25AF8A}" dt="2023-10-12T11:37:59.791" v="293"/>
          <ac:spMkLst>
            <pc:docMk/>
            <pc:sldMk cId="2376958513" sldId="260"/>
            <ac:spMk id="4147" creationId="{D0C333D5-6850-88A2-3AE2-B69EEAE92F37}"/>
          </ac:spMkLst>
        </pc:spChg>
        <pc:spChg chg="mod">
          <ac:chgData name="White, Alex" userId="eff6cc8c-37d8-483b-9c6c-6b27e9afa9bc" providerId="ADAL" clId="{BF04C754-5BF4-4E83-9615-DB14FA25AF8A}" dt="2023-10-12T11:37:59.791" v="293"/>
          <ac:spMkLst>
            <pc:docMk/>
            <pc:sldMk cId="2376958513" sldId="260"/>
            <ac:spMk id="4148" creationId="{4177F142-724E-736C-3E64-2997F56FC1A0}"/>
          </ac:spMkLst>
        </pc:spChg>
        <pc:spChg chg="mod">
          <ac:chgData name="White, Alex" userId="eff6cc8c-37d8-483b-9c6c-6b27e9afa9bc" providerId="ADAL" clId="{BF04C754-5BF4-4E83-9615-DB14FA25AF8A}" dt="2023-10-12T11:37:59.791" v="293"/>
          <ac:spMkLst>
            <pc:docMk/>
            <pc:sldMk cId="2376958513" sldId="260"/>
            <ac:spMk id="4149" creationId="{51D6C582-BB88-397C-E5A4-737C9755BB34}"/>
          </ac:spMkLst>
        </pc:spChg>
        <pc:spChg chg="mod">
          <ac:chgData name="White, Alex" userId="eff6cc8c-37d8-483b-9c6c-6b27e9afa9bc" providerId="ADAL" clId="{BF04C754-5BF4-4E83-9615-DB14FA25AF8A}" dt="2023-10-12T11:37:59.791" v="293"/>
          <ac:spMkLst>
            <pc:docMk/>
            <pc:sldMk cId="2376958513" sldId="260"/>
            <ac:spMk id="4150" creationId="{21B98B91-8011-FAA9-DCEE-A510ED90545D}"/>
          </ac:spMkLst>
        </pc:spChg>
        <pc:spChg chg="mod">
          <ac:chgData name="White, Alex" userId="eff6cc8c-37d8-483b-9c6c-6b27e9afa9bc" providerId="ADAL" clId="{BF04C754-5BF4-4E83-9615-DB14FA25AF8A}" dt="2023-10-12T11:37:59.791" v="293"/>
          <ac:spMkLst>
            <pc:docMk/>
            <pc:sldMk cId="2376958513" sldId="260"/>
            <ac:spMk id="4151" creationId="{28F00313-CD80-4379-6995-561C3236AF58}"/>
          </ac:spMkLst>
        </pc:spChg>
        <pc:spChg chg="mod">
          <ac:chgData name="White, Alex" userId="eff6cc8c-37d8-483b-9c6c-6b27e9afa9bc" providerId="ADAL" clId="{BF04C754-5BF4-4E83-9615-DB14FA25AF8A}" dt="2023-10-12T11:37:59.791" v="293"/>
          <ac:spMkLst>
            <pc:docMk/>
            <pc:sldMk cId="2376958513" sldId="260"/>
            <ac:spMk id="4152" creationId="{C29A01FF-0914-46D0-5E73-B1A74457968F}"/>
          </ac:spMkLst>
        </pc:spChg>
        <pc:spChg chg="mod">
          <ac:chgData name="White, Alex" userId="eff6cc8c-37d8-483b-9c6c-6b27e9afa9bc" providerId="ADAL" clId="{BF04C754-5BF4-4E83-9615-DB14FA25AF8A}" dt="2023-10-12T11:37:59.791" v="293"/>
          <ac:spMkLst>
            <pc:docMk/>
            <pc:sldMk cId="2376958513" sldId="260"/>
            <ac:spMk id="4153" creationId="{1F617607-D619-ECAA-992F-07C5C83614E6}"/>
          </ac:spMkLst>
        </pc:spChg>
        <pc:spChg chg="mod">
          <ac:chgData name="White, Alex" userId="eff6cc8c-37d8-483b-9c6c-6b27e9afa9bc" providerId="ADAL" clId="{BF04C754-5BF4-4E83-9615-DB14FA25AF8A}" dt="2023-10-12T11:37:59.791" v="293"/>
          <ac:spMkLst>
            <pc:docMk/>
            <pc:sldMk cId="2376958513" sldId="260"/>
            <ac:spMk id="4154" creationId="{B108C2B9-070D-868A-816D-0CAC590D3F1F}"/>
          </ac:spMkLst>
        </pc:spChg>
        <pc:spChg chg="mod">
          <ac:chgData name="White, Alex" userId="eff6cc8c-37d8-483b-9c6c-6b27e9afa9bc" providerId="ADAL" clId="{BF04C754-5BF4-4E83-9615-DB14FA25AF8A}" dt="2023-10-12T11:37:59.791" v="293"/>
          <ac:spMkLst>
            <pc:docMk/>
            <pc:sldMk cId="2376958513" sldId="260"/>
            <ac:spMk id="4155" creationId="{D9156871-7AFF-00AE-F855-80E0BF88ED32}"/>
          </ac:spMkLst>
        </pc:spChg>
        <pc:spChg chg="mod">
          <ac:chgData name="White, Alex" userId="eff6cc8c-37d8-483b-9c6c-6b27e9afa9bc" providerId="ADAL" clId="{BF04C754-5BF4-4E83-9615-DB14FA25AF8A}" dt="2023-10-12T11:37:59.791" v="293"/>
          <ac:spMkLst>
            <pc:docMk/>
            <pc:sldMk cId="2376958513" sldId="260"/>
            <ac:spMk id="4156" creationId="{D183B8EB-E92A-2AC7-A371-96BB1AB26E10}"/>
          </ac:spMkLst>
        </pc:spChg>
        <pc:spChg chg="mod">
          <ac:chgData name="White, Alex" userId="eff6cc8c-37d8-483b-9c6c-6b27e9afa9bc" providerId="ADAL" clId="{BF04C754-5BF4-4E83-9615-DB14FA25AF8A}" dt="2023-10-12T11:37:59.791" v="293"/>
          <ac:spMkLst>
            <pc:docMk/>
            <pc:sldMk cId="2376958513" sldId="260"/>
            <ac:spMk id="4157" creationId="{7C1CDC99-190A-B199-38D5-E755AD405CF1}"/>
          </ac:spMkLst>
        </pc:spChg>
        <pc:spChg chg="mod">
          <ac:chgData name="White, Alex" userId="eff6cc8c-37d8-483b-9c6c-6b27e9afa9bc" providerId="ADAL" clId="{BF04C754-5BF4-4E83-9615-DB14FA25AF8A}" dt="2023-10-12T11:37:59.791" v="293"/>
          <ac:spMkLst>
            <pc:docMk/>
            <pc:sldMk cId="2376958513" sldId="260"/>
            <ac:spMk id="4158" creationId="{2A110EA1-F857-4427-D611-5D398201F685}"/>
          </ac:spMkLst>
        </pc:spChg>
        <pc:spChg chg="mod">
          <ac:chgData name="White, Alex" userId="eff6cc8c-37d8-483b-9c6c-6b27e9afa9bc" providerId="ADAL" clId="{BF04C754-5BF4-4E83-9615-DB14FA25AF8A}" dt="2023-10-12T11:37:59.791" v="293"/>
          <ac:spMkLst>
            <pc:docMk/>
            <pc:sldMk cId="2376958513" sldId="260"/>
            <ac:spMk id="4159" creationId="{78F038D0-6891-BF30-88F0-A631D70C5864}"/>
          </ac:spMkLst>
        </pc:spChg>
        <pc:spChg chg="mod">
          <ac:chgData name="White, Alex" userId="eff6cc8c-37d8-483b-9c6c-6b27e9afa9bc" providerId="ADAL" clId="{BF04C754-5BF4-4E83-9615-DB14FA25AF8A}" dt="2023-10-12T11:37:59.791" v="293"/>
          <ac:spMkLst>
            <pc:docMk/>
            <pc:sldMk cId="2376958513" sldId="260"/>
            <ac:spMk id="4160" creationId="{B905D719-1EB9-3996-1D97-93F9B2353B54}"/>
          </ac:spMkLst>
        </pc:spChg>
        <pc:spChg chg="mod">
          <ac:chgData name="White, Alex" userId="eff6cc8c-37d8-483b-9c6c-6b27e9afa9bc" providerId="ADAL" clId="{BF04C754-5BF4-4E83-9615-DB14FA25AF8A}" dt="2023-10-12T11:37:59.791" v="293"/>
          <ac:spMkLst>
            <pc:docMk/>
            <pc:sldMk cId="2376958513" sldId="260"/>
            <ac:spMk id="4161" creationId="{66AFF4B5-D9D8-CBAC-F0E5-5AF1C8EB14D3}"/>
          </ac:spMkLst>
        </pc:spChg>
        <pc:spChg chg="mod">
          <ac:chgData name="White, Alex" userId="eff6cc8c-37d8-483b-9c6c-6b27e9afa9bc" providerId="ADAL" clId="{BF04C754-5BF4-4E83-9615-DB14FA25AF8A}" dt="2023-10-12T11:37:59.791" v="293"/>
          <ac:spMkLst>
            <pc:docMk/>
            <pc:sldMk cId="2376958513" sldId="260"/>
            <ac:spMk id="4162" creationId="{35B4F05D-B580-BCFD-D347-C8D52E5D5D5B}"/>
          </ac:spMkLst>
        </pc:spChg>
        <pc:spChg chg="mod">
          <ac:chgData name="White, Alex" userId="eff6cc8c-37d8-483b-9c6c-6b27e9afa9bc" providerId="ADAL" clId="{BF04C754-5BF4-4E83-9615-DB14FA25AF8A}" dt="2023-10-12T11:37:59.791" v="293"/>
          <ac:spMkLst>
            <pc:docMk/>
            <pc:sldMk cId="2376958513" sldId="260"/>
            <ac:spMk id="4163" creationId="{B48F800B-FF04-7BBE-8651-4BAF740B2783}"/>
          </ac:spMkLst>
        </pc:spChg>
        <pc:spChg chg="mod">
          <ac:chgData name="White, Alex" userId="eff6cc8c-37d8-483b-9c6c-6b27e9afa9bc" providerId="ADAL" clId="{BF04C754-5BF4-4E83-9615-DB14FA25AF8A}" dt="2023-10-12T11:37:59.791" v="293"/>
          <ac:spMkLst>
            <pc:docMk/>
            <pc:sldMk cId="2376958513" sldId="260"/>
            <ac:spMk id="4164" creationId="{756C34BF-19DB-5878-2283-58234A71E20E}"/>
          </ac:spMkLst>
        </pc:spChg>
        <pc:spChg chg="mod">
          <ac:chgData name="White, Alex" userId="eff6cc8c-37d8-483b-9c6c-6b27e9afa9bc" providerId="ADAL" clId="{BF04C754-5BF4-4E83-9615-DB14FA25AF8A}" dt="2023-10-12T11:37:59.791" v="293"/>
          <ac:spMkLst>
            <pc:docMk/>
            <pc:sldMk cId="2376958513" sldId="260"/>
            <ac:spMk id="4165" creationId="{0F9E9E60-04D6-0C20-2E31-D650F80BD279}"/>
          </ac:spMkLst>
        </pc:spChg>
        <pc:spChg chg="mod">
          <ac:chgData name="White, Alex" userId="eff6cc8c-37d8-483b-9c6c-6b27e9afa9bc" providerId="ADAL" clId="{BF04C754-5BF4-4E83-9615-DB14FA25AF8A}" dt="2023-10-12T11:37:59.791" v="293"/>
          <ac:spMkLst>
            <pc:docMk/>
            <pc:sldMk cId="2376958513" sldId="260"/>
            <ac:spMk id="4166" creationId="{9D63E9A9-C41A-A15C-2624-F5B644D186A9}"/>
          </ac:spMkLst>
        </pc:spChg>
        <pc:spChg chg="mod">
          <ac:chgData name="White, Alex" userId="eff6cc8c-37d8-483b-9c6c-6b27e9afa9bc" providerId="ADAL" clId="{BF04C754-5BF4-4E83-9615-DB14FA25AF8A}" dt="2023-10-12T11:37:59.791" v="293"/>
          <ac:spMkLst>
            <pc:docMk/>
            <pc:sldMk cId="2376958513" sldId="260"/>
            <ac:spMk id="4167" creationId="{99EC2F3B-95AE-C1D6-DB93-95C400C16069}"/>
          </ac:spMkLst>
        </pc:spChg>
        <pc:spChg chg="mod">
          <ac:chgData name="White, Alex" userId="eff6cc8c-37d8-483b-9c6c-6b27e9afa9bc" providerId="ADAL" clId="{BF04C754-5BF4-4E83-9615-DB14FA25AF8A}" dt="2023-10-12T11:37:59.791" v="293"/>
          <ac:spMkLst>
            <pc:docMk/>
            <pc:sldMk cId="2376958513" sldId="260"/>
            <ac:spMk id="4168" creationId="{734712F7-EB48-C4AB-5BED-7A58E2C6B2D2}"/>
          </ac:spMkLst>
        </pc:spChg>
        <pc:spChg chg="mod">
          <ac:chgData name="White, Alex" userId="eff6cc8c-37d8-483b-9c6c-6b27e9afa9bc" providerId="ADAL" clId="{BF04C754-5BF4-4E83-9615-DB14FA25AF8A}" dt="2023-10-12T11:37:59.791" v="293"/>
          <ac:spMkLst>
            <pc:docMk/>
            <pc:sldMk cId="2376958513" sldId="260"/>
            <ac:spMk id="4169" creationId="{9C7B01B4-E1A1-C5D5-DAF0-F1FB6531B6F3}"/>
          </ac:spMkLst>
        </pc:spChg>
        <pc:spChg chg="mod">
          <ac:chgData name="White, Alex" userId="eff6cc8c-37d8-483b-9c6c-6b27e9afa9bc" providerId="ADAL" clId="{BF04C754-5BF4-4E83-9615-DB14FA25AF8A}" dt="2023-10-12T11:37:59.791" v="293"/>
          <ac:spMkLst>
            <pc:docMk/>
            <pc:sldMk cId="2376958513" sldId="260"/>
            <ac:spMk id="4170" creationId="{B764CEF4-5E6A-9A25-F499-4DCD0084D47C}"/>
          </ac:spMkLst>
        </pc:spChg>
        <pc:spChg chg="mod">
          <ac:chgData name="White, Alex" userId="eff6cc8c-37d8-483b-9c6c-6b27e9afa9bc" providerId="ADAL" clId="{BF04C754-5BF4-4E83-9615-DB14FA25AF8A}" dt="2023-10-12T11:37:59.791" v="293"/>
          <ac:spMkLst>
            <pc:docMk/>
            <pc:sldMk cId="2376958513" sldId="260"/>
            <ac:spMk id="4171" creationId="{35FAD169-3C5F-9B93-99EE-FBF4D6111CBD}"/>
          </ac:spMkLst>
        </pc:spChg>
        <pc:spChg chg="mod">
          <ac:chgData name="White, Alex" userId="eff6cc8c-37d8-483b-9c6c-6b27e9afa9bc" providerId="ADAL" clId="{BF04C754-5BF4-4E83-9615-DB14FA25AF8A}" dt="2023-10-12T11:37:59.791" v="293"/>
          <ac:spMkLst>
            <pc:docMk/>
            <pc:sldMk cId="2376958513" sldId="260"/>
            <ac:spMk id="4172" creationId="{5F12E2FD-2AB7-602F-F4CD-405BBE802DD4}"/>
          </ac:spMkLst>
        </pc:spChg>
        <pc:spChg chg="mod">
          <ac:chgData name="White, Alex" userId="eff6cc8c-37d8-483b-9c6c-6b27e9afa9bc" providerId="ADAL" clId="{BF04C754-5BF4-4E83-9615-DB14FA25AF8A}" dt="2023-10-12T11:37:59.791" v="293"/>
          <ac:spMkLst>
            <pc:docMk/>
            <pc:sldMk cId="2376958513" sldId="260"/>
            <ac:spMk id="4173" creationId="{F743A733-A2DE-2A04-9CCE-5AF434A410B4}"/>
          </ac:spMkLst>
        </pc:spChg>
        <pc:spChg chg="mod">
          <ac:chgData name="White, Alex" userId="eff6cc8c-37d8-483b-9c6c-6b27e9afa9bc" providerId="ADAL" clId="{BF04C754-5BF4-4E83-9615-DB14FA25AF8A}" dt="2023-10-12T11:37:59.791" v="293"/>
          <ac:spMkLst>
            <pc:docMk/>
            <pc:sldMk cId="2376958513" sldId="260"/>
            <ac:spMk id="4174" creationId="{6B88A7BF-E68D-745D-872F-D5AF08577E58}"/>
          </ac:spMkLst>
        </pc:spChg>
        <pc:spChg chg="mod">
          <ac:chgData name="White, Alex" userId="eff6cc8c-37d8-483b-9c6c-6b27e9afa9bc" providerId="ADAL" clId="{BF04C754-5BF4-4E83-9615-DB14FA25AF8A}" dt="2023-10-12T11:37:59.791" v="293"/>
          <ac:spMkLst>
            <pc:docMk/>
            <pc:sldMk cId="2376958513" sldId="260"/>
            <ac:spMk id="4175" creationId="{AE540185-8F40-C8FC-BA98-59DA1080324E}"/>
          </ac:spMkLst>
        </pc:spChg>
        <pc:spChg chg="mod">
          <ac:chgData name="White, Alex" userId="eff6cc8c-37d8-483b-9c6c-6b27e9afa9bc" providerId="ADAL" clId="{BF04C754-5BF4-4E83-9615-DB14FA25AF8A}" dt="2023-10-12T11:37:59.791" v="293"/>
          <ac:spMkLst>
            <pc:docMk/>
            <pc:sldMk cId="2376958513" sldId="260"/>
            <ac:spMk id="4176" creationId="{E85E68B8-7B7A-2F70-3F8D-CE1AA31C22D2}"/>
          </ac:spMkLst>
        </pc:spChg>
        <pc:spChg chg="mod">
          <ac:chgData name="White, Alex" userId="eff6cc8c-37d8-483b-9c6c-6b27e9afa9bc" providerId="ADAL" clId="{BF04C754-5BF4-4E83-9615-DB14FA25AF8A}" dt="2023-10-12T11:37:59.791" v="293"/>
          <ac:spMkLst>
            <pc:docMk/>
            <pc:sldMk cId="2376958513" sldId="260"/>
            <ac:spMk id="4177" creationId="{8C4DF96B-C2F0-94DF-9D41-F9BA8EFC72E3}"/>
          </ac:spMkLst>
        </pc:spChg>
        <pc:spChg chg="mod">
          <ac:chgData name="White, Alex" userId="eff6cc8c-37d8-483b-9c6c-6b27e9afa9bc" providerId="ADAL" clId="{BF04C754-5BF4-4E83-9615-DB14FA25AF8A}" dt="2023-10-12T11:37:59.791" v="293"/>
          <ac:spMkLst>
            <pc:docMk/>
            <pc:sldMk cId="2376958513" sldId="260"/>
            <ac:spMk id="4178" creationId="{E9FD4E1C-2D2D-6A9D-A4D0-0D3981A0373F}"/>
          </ac:spMkLst>
        </pc:spChg>
        <pc:spChg chg="mod">
          <ac:chgData name="White, Alex" userId="eff6cc8c-37d8-483b-9c6c-6b27e9afa9bc" providerId="ADAL" clId="{BF04C754-5BF4-4E83-9615-DB14FA25AF8A}" dt="2023-10-12T11:37:59.791" v="293"/>
          <ac:spMkLst>
            <pc:docMk/>
            <pc:sldMk cId="2376958513" sldId="260"/>
            <ac:spMk id="4179" creationId="{C785DEDD-3C48-CE47-736B-3F684A7CE0B4}"/>
          </ac:spMkLst>
        </pc:spChg>
        <pc:spChg chg="mod">
          <ac:chgData name="White, Alex" userId="eff6cc8c-37d8-483b-9c6c-6b27e9afa9bc" providerId="ADAL" clId="{BF04C754-5BF4-4E83-9615-DB14FA25AF8A}" dt="2023-10-12T11:37:59.791" v="293"/>
          <ac:spMkLst>
            <pc:docMk/>
            <pc:sldMk cId="2376958513" sldId="260"/>
            <ac:spMk id="4180" creationId="{9C657581-E785-B573-2C9C-3478B1085D9F}"/>
          </ac:spMkLst>
        </pc:spChg>
        <pc:spChg chg="mod">
          <ac:chgData name="White, Alex" userId="eff6cc8c-37d8-483b-9c6c-6b27e9afa9bc" providerId="ADAL" clId="{BF04C754-5BF4-4E83-9615-DB14FA25AF8A}" dt="2023-10-12T11:37:59.791" v="293"/>
          <ac:spMkLst>
            <pc:docMk/>
            <pc:sldMk cId="2376958513" sldId="260"/>
            <ac:spMk id="4181" creationId="{ACFF9CC1-D22A-71E5-99F9-4A815989E909}"/>
          </ac:spMkLst>
        </pc:spChg>
        <pc:spChg chg="mod">
          <ac:chgData name="White, Alex" userId="eff6cc8c-37d8-483b-9c6c-6b27e9afa9bc" providerId="ADAL" clId="{BF04C754-5BF4-4E83-9615-DB14FA25AF8A}" dt="2023-10-12T11:37:59.791" v="293"/>
          <ac:spMkLst>
            <pc:docMk/>
            <pc:sldMk cId="2376958513" sldId="260"/>
            <ac:spMk id="4182" creationId="{658E1F42-33AC-9EE6-DF65-1F69400CE2E2}"/>
          </ac:spMkLst>
        </pc:spChg>
        <pc:spChg chg="mod">
          <ac:chgData name="White, Alex" userId="eff6cc8c-37d8-483b-9c6c-6b27e9afa9bc" providerId="ADAL" clId="{BF04C754-5BF4-4E83-9615-DB14FA25AF8A}" dt="2023-10-12T11:37:59.791" v="293"/>
          <ac:spMkLst>
            <pc:docMk/>
            <pc:sldMk cId="2376958513" sldId="260"/>
            <ac:spMk id="4183" creationId="{AE4E8810-A693-1C7A-6D30-9B0AA799E2B2}"/>
          </ac:spMkLst>
        </pc:spChg>
        <pc:spChg chg="mod">
          <ac:chgData name="White, Alex" userId="eff6cc8c-37d8-483b-9c6c-6b27e9afa9bc" providerId="ADAL" clId="{BF04C754-5BF4-4E83-9615-DB14FA25AF8A}" dt="2023-10-12T11:37:59.791" v="293"/>
          <ac:spMkLst>
            <pc:docMk/>
            <pc:sldMk cId="2376958513" sldId="260"/>
            <ac:spMk id="4184" creationId="{7B71A0CB-3E62-23D4-4FC3-FEE57834582C}"/>
          </ac:spMkLst>
        </pc:spChg>
        <pc:spChg chg="mod">
          <ac:chgData name="White, Alex" userId="eff6cc8c-37d8-483b-9c6c-6b27e9afa9bc" providerId="ADAL" clId="{BF04C754-5BF4-4E83-9615-DB14FA25AF8A}" dt="2023-10-12T11:37:59.791" v="293"/>
          <ac:spMkLst>
            <pc:docMk/>
            <pc:sldMk cId="2376958513" sldId="260"/>
            <ac:spMk id="4185" creationId="{0FA71470-4753-21EB-B0FA-D6F7A4CCD610}"/>
          </ac:spMkLst>
        </pc:spChg>
        <pc:spChg chg="mod">
          <ac:chgData name="White, Alex" userId="eff6cc8c-37d8-483b-9c6c-6b27e9afa9bc" providerId="ADAL" clId="{BF04C754-5BF4-4E83-9615-DB14FA25AF8A}" dt="2023-10-12T11:37:59.791" v="293"/>
          <ac:spMkLst>
            <pc:docMk/>
            <pc:sldMk cId="2376958513" sldId="260"/>
            <ac:spMk id="4186" creationId="{7768704F-A0BE-B23A-94ED-810E24EDAD92}"/>
          </ac:spMkLst>
        </pc:spChg>
        <pc:spChg chg="mod">
          <ac:chgData name="White, Alex" userId="eff6cc8c-37d8-483b-9c6c-6b27e9afa9bc" providerId="ADAL" clId="{BF04C754-5BF4-4E83-9615-DB14FA25AF8A}" dt="2023-10-12T11:37:59.791" v="293"/>
          <ac:spMkLst>
            <pc:docMk/>
            <pc:sldMk cId="2376958513" sldId="260"/>
            <ac:spMk id="4187" creationId="{23DBDD30-D6AB-4731-CB54-A3A06E614CD2}"/>
          </ac:spMkLst>
        </pc:spChg>
        <pc:spChg chg="mod">
          <ac:chgData name="White, Alex" userId="eff6cc8c-37d8-483b-9c6c-6b27e9afa9bc" providerId="ADAL" clId="{BF04C754-5BF4-4E83-9615-DB14FA25AF8A}" dt="2023-10-12T11:37:59.791" v="293"/>
          <ac:spMkLst>
            <pc:docMk/>
            <pc:sldMk cId="2376958513" sldId="260"/>
            <ac:spMk id="4188" creationId="{CA3BB779-73E4-A617-E01F-D1B65E26E965}"/>
          </ac:spMkLst>
        </pc:spChg>
        <pc:spChg chg="mod">
          <ac:chgData name="White, Alex" userId="eff6cc8c-37d8-483b-9c6c-6b27e9afa9bc" providerId="ADAL" clId="{BF04C754-5BF4-4E83-9615-DB14FA25AF8A}" dt="2023-10-12T11:37:59.791" v="293"/>
          <ac:spMkLst>
            <pc:docMk/>
            <pc:sldMk cId="2376958513" sldId="260"/>
            <ac:spMk id="4189" creationId="{AD4812F0-3F97-8A80-E851-7A18B1FB5112}"/>
          </ac:spMkLst>
        </pc:spChg>
        <pc:spChg chg="mod">
          <ac:chgData name="White, Alex" userId="eff6cc8c-37d8-483b-9c6c-6b27e9afa9bc" providerId="ADAL" clId="{BF04C754-5BF4-4E83-9615-DB14FA25AF8A}" dt="2023-10-12T11:37:59.791" v="293"/>
          <ac:spMkLst>
            <pc:docMk/>
            <pc:sldMk cId="2376958513" sldId="260"/>
            <ac:spMk id="4190" creationId="{3DA5B382-2E7F-400C-62D5-A741184DF9A1}"/>
          </ac:spMkLst>
        </pc:spChg>
        <pc:spChg chg="mod">
          <ac:chgData name="White, Alex" userId="eff6cc8c-37d8-483b-9c6c-6b27e9afa9bc" providerId="ADAL" clId="{BF04C754-5BF4-4E83-9615-DB14FA25AF8A}" dt="2023-10-12T11:37:59.791" v="293"/>
          <ac:spMkLst>
            <pc:docMk/>
            <pc:sldMk cId="2376958513" sldId="260"/>
            <ac:spMk id="4191" creationId="{1D6FD70B-F6D0-DEE3-4950-FF0D3FF9A8E3}"/>
          </ac:spMkLst>
        </pc:spChg>
        <pc:spChg chg="mod">
          <ac:chgData name="White, Alex" userId="eff6cc8c-37d8-483b-9c6c-6b27e9afa9bc" providerId="ADAL" clId="{BF04C754-5BF4-4E83-9615-DB14FA25AF8A}" dt="2023-10-12T11:37:59.791" v="293"/>
          <ac:spMkLst>
            <pc:docMk/>
            <pc:sldMk cId="2376958513" sldId="260"/>
            <ac:spMk id="4192" creationId="{FF022F18-E2CD-B2BA-B744-221ECE3323CD}"/>
          </ac:spMkLst>
        </pc:spChg>
        <pc:spChg chg="mod">
          <ac:chgData name="White, Alex" userId="eff6cc8c-37d8-483b-9c6c-6b27e9afa9bc" providerId="ADAL" clId="{BF04C754-5BF4-4E83-9615-DB14FA25AF8A}" dt="2023-10-12T11:37:59.791" v="293"/>
          <ac:spMkLst>
            <pc:docMk/>
            <pc:sldMk cId="2376958513" sldId="260"/>
            <ac:spMk id="4193" creationId="{92745682-9846-C52F-154B-1E7DF55E3868}"/>
          </ac:spMkLst>
        </pc:spChg>
        <pc:spChg chg="mod">
          <ac:chgData name="White, Alex" userId="eff6cc8c-37d8-483b-9c6c-6b27e9afa9bc" providerId="ADAL" clId="{BF04C754-5BF4-4E83-9615-DB14FA25AF8A}" dt="2023-10-12T11:37:59.791" v="293"/>
          <ac:spMkLst>
            <pc:docMk/>
            <pc:sldMk cId="2376958513" sldId="260"/>
            <ac:spMk id="4194" creationId="{ECBF37E9-1456-B58D-4F4E-BE6F73E434E4}"/>
          </ac:spMkLst>
        </pc:spChg>
        <pc:spChg chg="mod">
          <ac:chgData name="White, Alex" userId="eff6cc8c-37d8-483b-9c6c-6b27e9afa9bc" providerId="ADAL" clId="{BF04C754-5BF4-4E83-9615-DB14FA25AF8A}" dt="2023-10-12T11:37:59.791" v="293"/>
          <ac:spMkLst>
            <pc:docMk/>
            <pc:sldMk cId="2376958513" sldId="260"/>
            <ac:spMk id="4195" creationId="{B4037463-DCCD-D17B-9970-3119DA18396C}"/>
          </ac:spMkLst>
        </pc:spChg>
        <pc:spChg chg="mod">
          <ac:chgData name="White, Alex" userId="eff6cc8c-37d8-483b-9c6c-6b27e9afa9bc" providerId="ADAL" clId="{BF04C754-5BF4-4E83-9615-DB14FA25AF8A}" dt="2023-10-12T11:37:59.791" v="293"/>
          <ac:spMkLst>
            <pc:docMk/>
            <pc:sldMk cId="2376958513" sldId="260"/>
            <ac:spMk id="4196" creationId="{D6B897AA-6550-BD19-6FA0-CD620017EA18}"/>
          </ac:spMkLst>
        </pc:spChg>
        <pc:spChg chg="mod">
          <ac:chgData name="White, Alex" userId="eff6cc8c-37d8-483b-9c6c-6b27e9afa9bc" providerId="ADAL" clId="{BF04C754-5BF4-4E83-9615-DB14FA25AF8A}" dt="2023-10-12T11:37:59.791" v="293"/>
          <ac:spMkLst>
            <pc:docMk/>
            <pc:sldMk cId="2376958513" sldId="260"/>
            <ac:spMk id="4197" creationId="{D6E03245-9C0F-B264-950A-E0EC9246E959}"/>
          </ac:spMkLst>
        </pc:spChg>
        <pc:spChg chg="mod">
          <ac:chgData name="White, Alex" userId="eff6cc8c-37d8-483b-9c6c-6b27e9afa9bc" providerId="ADAL" clId="{BF04C754-5BF4-4E83-9615-DB14FA25AF8A}" dt="2023-10-12T11:37:59.791" v="293"/>
          <ac:spMkLst>
            <pc:docMk/>
            <pc:sldMk cId="2376958513" sldId="260"/>
            <ac:spMk id="4198" creationId="{33FAB7D4-4508-4FFC-F8BE-71E2941D5E01}"/>
          </ac:spMkLst>
        </pc:spChg>
        <pc:spChg chg="mod">
          <ac:chgData name="White, Alex" userId="eff6cc8c-37d8-483b-9c6c-6b27e9afa9bc" providerId="ADAL" clId="{BF04C754-5BF4-4E83-9615-DB14FA25AF8A}" dt="2023-10-12T11:37:59.791" v="293"/>
          <ac:spMkLst>
            <pc:docMk/>
            <pc:sldMk cId="2376958513" sldId="260"/>
            <ac:spMk id="4199" creationId="{9BC1236D-C106-1B95-968B-867F1EBA3D20}"/>
          </ac:spMkLst>
        </pc:spChg>
        <pc:spChg chg="mod">
          <ac:chgData name="White, Alex" userId="eff6cc8c-37d8-483b-9c6c-6b27e9afa9bc" providerId="ADAL" clId="{BF04C754-5BF4-4E83-9615-DB14FA25AF8A}" dt="2023-10-12T11:37:59.791" v="293"/>
          <ac:spMkLst>
            <pc:docMk/>
            <pc:sldMk cId="2376958513" sldId="260"/>
            <ac:spMk id="4200" creationId="{29CF6768-358F-6CC6-3E53-E58816FB4783}"/>
          </ac:spMkLst>
        </pc:spChg>
        <pc:spChg chg="mod">
          <ac:chgData name="White, Alex" userId="eff6cc8c-37d8-483b-9c6c-6b27e9afa9bc" providerId="ADAL" clId="{BF04C754-5BF4-4E83-9615-DB14FA25AF8A}" dt="2023-10-12T11:37:59.791" v="293"/>
          <ac:spMkLst>
            <pc:docMk/>
            <pc:sldMk cId="2376958513" sldId="260"/>
            <ac:spMk id="4201" creationId="{D6DD4A1C-974D-2EE6-04D1-D8ADBC796C4B}"/>
          </ac:spMkLst>
        </pc:spChg>
        <pc:spChg chg="mod">
          <ac:chgData name="White, Alex" userId="eff6cc8c-37d8-483b-9c6c-6b27e9afa9bc" providerId="ADAL" clId="{BF04C754-5BF4-4E83-9615-DB14FA25AF8A}" dt="2023-10-12T11:37:59.791" v="293"/>
          <ac:spMkLst>
            <pc:docMk/>
            <pc:sldMk cId="2376958513" sldId="260"/>
            <ac:spMk id="4202" creationId="{8D529730-30E8-B807-4E57-E8C445C6D3B7}"/>
          </ac:spMkLst>
        </pc:spChg>
        <pc:spChg chg="mod">
          <ac:chgData name="White, Alex" userId="eff6cc8c-37d8-483b-9c6c-6b27e9afa9bc" providerId="ADAL" clId="{BF04C754-5BF4-4E83-9615-DB14FA25AF8A}" dt="2023-10-12T11:37:59.791" v="293"/>
          <ac:spMkLst>
            <pc:docMk/>
            <pc:sldMk cId="2376958513" sldId="260"/>
            <ac:spMk id="4203" creationId="{E40E683D-5C35-B8B0-2261-D93D0864D511}"/>
          </ac:spMkLst>
        </pc:spChg>
        <pc:spChg chg="mod">
          <ac:chgData name="White, Alex" userId="eff6cc8c-37d8-483b-9c6c-6b27e9afa9bc" providerId="ADAL" clId="{BF04C754-5BF4-4E83-9615-DB14FA25AF8A}" dt="2023-10-12T11:37:59.791" v="293"/>
          <ac:spMkLst>
            <pc:docMk/>
            <pc:sldMk cId="2376958513" sldId="260"/>
            <ac:spMk id="4204" creationId="{75034F9C-82B0-86F6-0E5F-234B8AD8EE0C}"/>
          </ac:spMkLst>
        </pc:spChg>
        <pc:spChg chg="mod">
          <ac:chgData name="White, Alex" userId="eff6cc8c-37d8-483b-9c6c-6b27e9afa9bc" providerId="ADAL" clId="{BF04C754-5BF4-4E83-9615-DB14FA25AF8A}" dt="2023-10-12T11:37:59.791" v="293"/>
          <ac:spMkLst>
            <pc:docMk/>
            <pc:sldMk cId="2376958513" sldId="260"/>
            <ac:spMk id="4205" creationId="{764FBB85-0D1F-8398-032A-3F21DCCB6D4E}"/>
          </ac:spMkLst>
        </pc:spChg>
        <pc:spChg chg="mod">
          <ac:chgData name="White, Alex" userId="eff6cc8c-37d8-483b-9c6c-6b27e9afa9bc" providerId="ADAL" clId="{BF04C754-5BF4-4E83-9615-DB14FA25AF8A}" dt="2023-10-12T11:37:59.791" v="293"/>
          <ac:spMkLst>
            <pc:docMk/>
            <pc:sldMk cId="2376958513" sldId="260"/>
            <ac:spMk id="4206" creationId="{CF5058AF-DC64-BCE9-C7B7-3BEF975BE6B7}"/>
          </ac:spMkLst>
        </pc:spChg>
        <pc:spChg chg="mod">
          <ac:chgData name="White, Alex" userId="eff6cc8c-37d8-483b-9c6c-6b27e9afa9bc" providerId="ADAL" clId="{BF04C754-5BF4-4E83-9615-DB14FA25AF8A}" dt="2023-10-12T11:37:59.791" v="293"/>
          <ac:spMkLst>
            <pc:docMk/>
            <pc:sldMk cId="2376958513" sldId="260"/>
            <ac:spMk id="4207" creationId="{3C007D8C-915B-FD98-D717-A0E3B5582BC8}"/>
          </ac:spMkLst>
        </pc:spChg>
        <pc:spChg chg="mod">
          <ac:chgData name="White, Alex" userId="eff6cc8c-37d8-483b-9c6c-6b27e9afa9bc" providerId="ADAL" clId="{BF04C754-5BF4-4E83-9615-DB14FA25AF8A}" dt="2023-10-12T11:37:59.791" v="293"/>
          <ac:spMkLst>
            <pc:docMk/>
            <pc:sldMk cId="2376958513" sldId="260"/>
            <ac:spMk id="4208" creationId="{A4D02B2B-C6F7-3DC0-B25C-3F0D0625A100}"/>
          </ac:spMkLst>
        </pc:spChg>
        <pc:spChg chg="mod">
          <ac:chgData name="White, Alex" userId="eff6cc8c-37d8-483b-9c6c-6b27e9afa9bc" providerId="ADAL" clId="{BF04C754-5BF4-4E83-9615-DB14FA25AF8A}" dt="2023-10-12T11:37:59.791" v="293"/>
          <ac:spMkLst>
            <pc:docMk/>
            <pc:sldMk cId="2376958513" sldId="260"/>
            <ac:spMk id="4209" creationId="{83C83259-151F-DD4C-257D-6A4BE0BC701A}"/>
          </ac:spMkLst>
        </pc:spChg>
        <pc:spChg chg="mod">
          <ac:chgData name="White, Alex" userId="eff6cc8c-37d8-483b-9c6c-6b27e9afa9bc" providerId="ADAL" clId="{BF04C754-5BF4-4E83-9615-DB14FA25AF8A}" dt="2023-10-12T11:37:59.791" v="293"/>
          <ac:spMkLst>
            <pc:docMk/>
            <pc:sldMk cId="2376958513" sldId="260"/>
            <ac:spMk id="4210" creationId="{2BF8C057-5C70-1A75-4BBF-95AECE2E564F}"/>
          </ac:spMkLst>
        </pc:spChg>
        <pc:spChg chg="mod">
          <ac:chgData name="White, Alex" userId="eff6cc8c-37d8-483b-9c6c-6b27e9afa9bc" providerId="ADAL" clId="{BF04C754-5BF4-4E83-9615-DB14FA25AF8A}" dt="2023-10-12T11:37:59.791" v="293"/>
          <ac:spMkLst>
            <pc:docMk/>
            <pc:sldMk cId="2376958513" sldId="260"/>
            <ac:spMk id="4211" creationId="{D38EC738-49BC-D3CC-980B-FEC520B40FDE}"/>
          </ac:spMkLst>
        </pc:spChg>
        <pc:spChg chg="mod">
          <ac:chgData name="White, Alex" userId="eff6cc8c-37d8-483b-9c6c-6b27e9afa9bc" providerId="ADAL" clId="{BF04C754-5BF4-4E83-9615-DB14FA25AF8A}" dt="2023-10-12T11:37:59.791" v="293"/>
          <ac:spMkLst>
            <pc:docMk/>
            <pc:sldMk cId="2376958513" sldId="260"/>
            <ac:spMk id="4212" creationId="{4E858C0F-E8AD-325A-A3BB-425616FE3DF6}"/>
          </ac:spMkLst>
        </pc:spChg>
        <pc:spChg chg="mod">
          <ac:chgData name="White, Alex" userId="eff6cc8c-37d8-483b-9c6c-6b27e9afa9bc" providerId="ADAL" clId="{BF04C754-5BF4-4E83-9615-DB14FA25AF8A}" dt="2023-10-12T11:37:59.791" v="293"/>
          <ac:spMkLst>
            <pc:docMk/>
            <pc:sldMk cId="2376958513" sldId="260"/>
            <ac:spMk id="4213" creationId="{E0216683-4352-119F-FB77-B0881EF9FFA0}"/>
          </ac:spMkLst>
        </pc:spChg>
        <pc:spChg chg="mod">
          <ac:chgData name="White, Alex" userId="eff6cc8c-37d8-483b-9c6c-6b27e9afa9bc" providerId="ADAL" clId="{BF04C754-5BF4-4E83-9615-DB14FA25AF8A}" dt="2023-10-12T11:37:59.791" v="293"/>
          <ac:spMkLst>
            <pc:docMk/>
            <pc:sldMk cId="2376958513" sldId="260"/>
            <ac:spMk id="4214" creationId="{99981918-7572-0822-749E-1B90D76208CF}"/>
          </ac:spMkLst>
        </pc:spChg>
        <pc:spChg chg="mod">
          <ac:chgData name="White, Alex" userId="eff6cc8c-37d8-483b-9c6c-6b27e9afa9bc" providerId="ADAL" clId="{BF04C754-5BF4-4E83-9615-DB14FA25AF8A}" dt="2023-10-12T11:37:59.791" v="293"/>
          <ac:spMkLst>
            <pc:docMk/>
            <pc:sldMk cId="2376958513" sldId="260"/>
            <ac:spMk id="4215" creationId="{D324C81B-E468-CDF3-3E66-9A2F743D168F}"/>
          </ac:spMkLst>
        </pc:spChg>
        <pc:spChg chg="mod">
          <ac:chgData name="White, Alex" userId="eff6cc8c-37d8-483b-9c6c-6b27e9afa9bc" providerId="ADAL" clId="{BF04C754-5BF4-4E83-9615-DB14FA25AF8A}" dt="2023-10-12T11:37:59.791" v="293"/>
          <ac:spMkLst>
            <pc:docMk/>
            <pc:sldMk cId="2376958513" sldId="260"/>
            <ac:spMk id="4216" creationId="{13AED103-09A9-54AE-6936-FFC8D674A8AE}"/>
          </ac:spMkLst>
        </pc:spChg>
        <pc:spChg chg="mod">
          <ac:chgData name="White, Alex" userId="eff6cc8c-37d8-483b-9c6c-6b27e9afa9bc" providerId="ADAL" clId="{BF04C754-5BF4-4E83-9615-DB14FA25AF8A}" dt="2023-10-12T11:37:59.791" v="293"/>
          <ac:spMkLst>
            <pc:docMk/>
            <pc:sldMk cId="2376958513" sldId="260"/>
            <ac:spMk id="4217" creationId="{0F17C481-CFBB-12FD-CF7B-DE53FE6C3971}"/>
          </ac:spMkLst>
        </pc:spChg>
        <pc:spChg chg="mod">
          <ac:chgData name="White, Alex" userId="eff6cc8c-37d8-483b-9c6c-6b27e9afa9bc" providerId="ADAL" clId="{BF04C754-5BF4-4E83-9615-DB14FA25AF8A}" dt="2023-10-12T11:37:59.791" v="293"/>
          <ac:spMkLst>
            <pc:docMk/>
            <pc:sldMk cId="2376958513" sldId="260"/>
            <ac:spMk id="4218" creationId="{6BCF529B-8CC7-F32A-1651-7C1360E092D0}"/>
          </ac:spMkLst>
        </pc:spChg>
        <pc:spChg chg="mod">
          <ac:chgData name="White, Alex" userId="eff6cc8c-37d8-483b-9c6c-6b27e9afa9bc" providerId="ADAL" clId="{BF04C754-5BF4-4E83-9615-DB14FA25AF8A}" dt="2023-10-12T11:37:59.791" v="293"/>
          <ac:spMkLst>
            <pc:docMk/>
            <pc:sldMk cId="2376958513" sldId="260"/>
            <ac:spMk id="4219" creationId="{875220C2-9454-3825-A4E5-B436E9DD0EA0}"/>
          </ac:spMkLst>
        </pc:spChg>
        <pc:spChg chg="mod">
          <ac:chgData name="White, Alex" userId="eff6cc8c-37d8-483b-9c6c-6b27e9afa9bc" providerId="ADAL" clId="{BF04C754-5BF4-4E83-9615-DB14FA25AF8A}" dt="2023-10-12T11:37:59.791" v="293"/>
          <ac:spMkLst>
            <pc:docMk/>
            <pc:sldMk cId="2376958513" sldId="260"/>
            <ac:spMk id="4220" creationId="{BA8A266F-A2A9-2026-26FB-9012EA3B2066}"/>
          </ac:spMkLst>
        </pc:spChg>
        <pc:spChg chg="mod">
          <ac:chgData name="White, Alex" userId="eff6cc8c-37d8-483b-9c6c-6b27e9afa9bc" providerId="ADAL" clId="{BF04C754-5BF4-4E83-9615-DB14FA25AF8A}" dt="2023-10-12T11:37:59.791" v="293"/>
          <ac:spMkLst>
            <pc:docMk/>
            <pc:sldMk cId="2376958513" sldId="260"/>
            <ac:spMk id="4221" creationId="{52F345D3-52EE-2C74-04D6-1899B1D6763F}"/>
          </ac:spMkLst>
        </pc:spChg>
        <pc:spChg chg="mod">
          <ac:chgData name="White, Alex" userId="eff6cc8c-37d8-483b-9c6c-6b27e9afa9bc" providerId="ADAL" clId="{BF04C754-5BF4-4E83-9615-DB14FA25AF8A}" dt="2023-10-12T11:37:59.791" v="293"/>
          <ac:spMkLst>
            <pc:docMk/>
            <pc:sldMk cId="2376958513" sldId="260"/>
            <ac:spMk id="4222" creationId="{C22A01BA-AAFC-77CB-A277-76F24DB84138}"/>
          </ac:spMkLst>
        </pc:spChg>
        <pc:spChg chg="mod">
          <ac:chgData name="White, Alex" userId="eff6cc8c-37d8-483b-9c6c-6b27e9afa9bc" providerId="ADAL" clId="{BF04C754-5BF4-4E83-9615-DB14FA25AF8A}" dt="2023-10-12T11:37:59.791" v="293"/>
          <ac:spMkLst>
            <pc:docMk/>
            <pc:sldMk cId="2376958513" sldId="260"/>
            <ac:spMk id="4223" creationId="{060659FC-A51F-A6A1-1D95-9EFCE8DBB658}"/>
          </ac:spMkLst>
        </pc:spChg>
        <pc:spChg chg="mod">
          <ac:chgData name="White, Alex" userId="eff6cc8c-37d8-483b-9c6c-6b27e9afa9bc" providerId="ADAL" clId="{BF04C754-5BF4-4E83-9615-DB14FA25AF8A}" dt="2023-10-12T11:37:59.791" v="293"/>
          <ac:spMkLst>
            <pc:docMk/>
            <pc:sldMk cId="2376958513" sldId="260"/>
            <ac:spMk id="4224" creationId="{22EB49A3-4FAE-C5DF-63CD-2650921CABCE}"/>
          </ac:spMkLst>
        </pc:spChg>
        <pc:spChg chg="mod">
          <ac:chgData name="White, Alex" userId="eff6cc8c-37d8-483b-9c6c-6b27e9afa9bc" providerId="ADAL" clId="{BF04C754-5BF4-4E83-9615-DB14FA25AF8A}" dt="2023-10-12T11:37:59.791" v="293"/>
          <ac:spMkLst>
            <pc:docMk/>
            <pc:sldMk cId="2376958513" sldId="260"/>
            <ac:spMk id="4225" creationId="{6E09692C-8415-A3B8-C38D-1297EC967D5F}"/>
          </ac:spMkLst>
        </pc:spChg>
        <pc:spChg chg="mod">
          <ac:chgData name="White, Alex" userId="eff6cc8c-37d8-483b-9c6c-6b27e9afa9bc" providerId="ADAL" clId="{BF04C754-5BF4-4E83-9615-DB14FA25AF8A}" dt="2023-10-12T11:37:59.791" v="293"/>
          <ac:spMkLst>
            <pc:docMk/>
            <pc:sldMk cId="2376958513" sldId="260"/>
            <ac:spMk id="4226" creationId="{DB19F5D2-6B90-3954-584E-8C91641ECDD9}"/>
          </ac:spMkLst>
        </pc:spChg>
        <pc:spChg chg="mod">
          <ac:chgData name="White, Alex" userId="eff6cc8c-37d8-483b-9c6c-6b27e9afa9bc" providerId="ADAL" clId="{BF04C754-5BF4-4E83-9615-DB14FA25AF8A}" dt="2023-10-12T11:37:59.791" v="293"/>
          <ac:spMkLst>
            <pc:docMk/>
            <pc:sldMk cId="2376958513" sldId="260"/>
            <ac:spMk id="4227" creationId="{6F2CEC47-5E8E-6147-5113-AD13A2E7B124}"/>
          </ac:spMkLst>
        </pc:spChg>
        <pc:spChg chg="mod">
          <ac:chgData name="White, Alex" userId="eff6cc8c-37d8-483b-9c6c-6b27e9afa9bc" providerId="ADAL" clId="{BF04C754-5BF4-4E83-9615-DB14FA25AF8A}" dt="2023-10-12T11:37:59.791" v="293"/>
          <ac:spMkLst>
            <pc:docMk/>
            <pc:sldMk cId="2376958513" sldId="260"/>
            <ac:spMk id="4228" creationId="{03F4A80A-02FA-FBE2-E7F4-7DE50721D5AC}"/>
          </ac:spMkLst>
        </pc:spChg>
        <pc:spChg chg="mod">
          <ac:chgData name="White, Alex" userId="eff6cc8c-37d8-483b-9c6c-6b27e9afa9bc" providerId="ADAL" clId="{BF04C754-5BF4-4E83-9615-DB14FA25AF8A}" dt="2023-10-12T11:37:59.791" v="293"/>
          <ac:spMkLst>
            <pc:docMk/>
            <pc:sldMk cId="2376958513" sldId="260"/>
            <ac:spMk id="4229" creationId="{151C60B5-DB9A-CE50-8ECD-45935047051F}"/>
          </ac:spMkLst>
        </pc:spChg>
        <pc:spChg chg="mod">
          <ac:chgData name="White, Alex" userId="eff6cc8c-37d8-483b-9c6c-6b27e9afa9bc" providerId="ADAL" clId="{BF04C754-5BF4-4E83-9615-DB14FA25AF8A}" dt="2023-10-12T11:37:59.791" v="293"/>
          <ac:spMkLst>
            <pc:docMk/>
            <pc:sldMk cId="2376958513" sldId="260"/>
            <ac:spMk id="4230" creationId="{88ACD19E-3DAC-85B6-D321-B0EB5845269B}"/>
          </ac:spMkLst>
        </pc:spChg>
        <pc:spChg chg="mod">
          <ac:chgData name="White, Alex" userId="eff6cc8c-37d8-483b-9c6c-6b27e9afa9bc" providerId="ADAL" clId="{BF04C754-5BF4-4E83-9615-DB14FA25AF8A}" dt="2023-10-12T11:37:59.791" v="293"/>
          <ac:spMkLst>
            <pc:docMk/>
            <pc:sldMk cId="2376958513" sldId="260"/>
            <ac:spMk id="4231" creationId="{1B8037B1-5B8C-9A20-F596-3DA394079C1B}"/>
          </ac:spMkLst>
        </pc:spChg>
        <pc:spChg chg="mod">
          <ac:chgData name="White, Alex" userId="eff6cc8c-37d8-483b-9c6c-6b27e9afa9bc" providerId="ADAL" clId="{BF04C754-5BF4-4E83-9615-DB14FA25AF8A}" dt="2023-10-12T11:37:59.791" v="293"/>
          <ac:spMkLst>
            <pc:docMk/>
            <pc:sldMk cId="2376958513" sldId="260"/>
            <ac:spMk id="4232" creationId="{DFF1C5B9-9393-AC52-30E7-9F43EA01FCA4}"/>
          </ac:spMkLst>
        </pc:spChg>
        <pc:spChg chg="mod">
          <ac:chgData name="White, Alex" userId="eff6cc8c-37d8-483b-9c6c-6b27e9afa9bc" providerId="ADAL" clId="{BF04C754-5BF4-4E83-9615-DB14FA25AF8A}" dt="2023-10-12T11:37:59.791" v="293"/>
          <ac:spMkLst>
            <pc:docMk/>
            <pc:sldMk cId="2376958513" sldId="260"/>
            <ac:spMk id="4233" creationId="{590C99E6-029E-34AB-ECDE-E2ADD7F9907D}"/>
          </ac:spMkLst>
        </pc:spChg>
        <pc:spChg chg="mod">
          <ac:chgData name="White, Alex" userId="eff6cc8c-37d8-483b-9c6c-6b27e9afa9bc" providerId="ADAL" clId="{BF04C754-5BF4-4E83-9615-DB14FA25AF8A}" dt="2023-10-12T11:37:59.791" v="293"/>
          <ac:spMkLst>
            <pc:docMk/>
            <pc:sldMk cId="2376958513" sldId="260"/>
            <ac:spMk id="4234" creationId="{72C3BBC7-B70E-B6EC-5D59-962F7584077F}"/>
          </ac:spMkLst>
        </pc:spChg>
        <pc:spChg chg="mod">
          <ac:chgData name="White, Alex" userId="eff6cc8c-37d8-483b-9c6c-6b27e9afa9bc" providerId="ADAL" clId="{BF04C754-5BF4-4E83-9615-DB14FA25AF8A}" dt="2023-10-12T11:37:59.791" v="293"/>
          <ac:spMkLst>
            <pc:docMk/>
            <pc:sldMk cId="2376958513" sldId="260"/>
            <ac:spMk id="4235" creationId="{9319387D-F20F-2AF0-12A4-D90A455880F2}"/>
          </ac:spMkLst>
        </pc:spChg>
        <pc:spChg chg="mod">
          <ac:chgData name="White, Alex" userId="eff6cc8c-37d8-483b-9c6c-6b27e9afa9bc" providerId="ADAL" clId="{BF04C754-5BF4-4E83-9615-DB14FA25AF8A}" dt="2023-10-12T11:37:59.791" v="293"/>
          <ac:spMkLst>
            <pc:docMk/>
            <pc:sldMk cId="2376958513" sldId="260"/>
            <ac:spMk id="4236" creationId="{E652BE8C-A91A-76D4-9134-FE11A5CEDD41}"/>
          </ac:spMkLst>
        </pc:spChg>
        <pc:spChg chg="mod">
          <ac:chgData name="White, Alex" userId="eff6cc8c-37d8-483b-9c6c-6b27e9afa9bc" providerId="ADAL" clId="{BF04C754-5BF4-4E83-9615-DB14FA25AF8A}" dt="2023-10-12T11:37:59.791" v="293"/>
          <ac:spMkLst>
            <pc:docMk/>
            <pc:sldMk cId="2376958513" sldId="260"/>
            <ac:spMk id="4237" creationId="{9E685179-ED20-CB8D-5FBB-6614C9C9F653}"/>
          </ac:spMkLst>
        </pc:spChg>
        <pc:spChg chg="mod">
          <ac:chgData name="White, Alex" userId="eff6cc8c-37d8-483b-9c6c-6b27e9afa9bc" providerId="ADAL" clId="{BF04C754-5BF4-4E83-9615-DB14FA25AF8A}" dt="2023-10-12T11:37:59.791" v="293"/>
          <ac:spMkLst>
            <pc:docMk/>
            <pc:sldMk cId="2376958513" sldId="260"/>
            <ac:spMk id="4238" creationId="{83BD2DBF-5DC9-8971-D662-2AC9F342CED7}"/>
          </ac:spMkLst>
        </pc:spChg>
        <pc:spChg chg="mod">
          <ac:chgData name="White, Alex" userId="eff6cc8c-37d8-483b-9c6c-6b27e9afa9bc" providerId="ADAL" clId="{BF04C754-5BF4-4E83-9615-DB14FA25AF8A}" dt="2023-10-12T11:37:59.791" v="293"/>
          <ac:spMkLst>
            <pc:docMk/>
            <pc:sldMk cId="2376958513" sldId="260"/>
            <ac:spMk id="4239" creationId="{D8D84DB3-69DC-DF3D-9E37-E26EB30DCE18}"/>
          </ac:spMkLst>
        </pc:spChg>
        <pc:spChg chg="mod">
          <ac:chgData name="White, Alex" userId="eff6cc8c-37d8-483b-9c6c-6b27e9afa9bc" providerId="ADAL" clId="{BF04C754-5BF4-4E83-9615-DB14FA25AF8A}" dt="2023-10-12T11:37:59.791" v="293"/>
          <ac:spMkLst>
            <pc:docMk/>
            <pc:sldMk cId="2376958513" sldId="260"/>
            <ac:spMk id="4240" creationId="{388479F5-7BB6-06DF-1A1A-94CE88BE8429}"/>
          </ac:spMkLst>
        </pc:spChg>
        <pc:spChg chg="mod">
          <ac:chgData name="White, Alex" userId="eff6cc8c-37d8-483b-9c6c-6b27e9afa9bc" providerId="ADAL" clId="{BF04C754-5BF4-4E83-9615-DB14FA25AF8A}" dt="2023-10-12T11:37:59.791" v="293"/>
          <ac:spMkLst>
            <pc:docMk/>
            <pc:sldMk cId="2376958513" sldId="260"/>
            <ac:spMk id="4241" creationId="{F755CF0F-4B84-0407-27F1-8E917CE6915D}"/>
          </ac:spMkLst>
        </pc:spChg>
        <pc:spChg chg="mod">
          <ac:chgData name="White, Alex" userId="eff6cc8c-37d8-483b-9c6c-6b27e9afa9bc" providerId="ADAL" clId="{BF04C754-5BF4-4E83-9615-DB14FA25AF8A}" dt="2023-10-12T11:37:59.791" v="293"/>
          <ac:spMkLst>
            <pc:docMk/>
            <pc:sldMk cId="2376958513" sldId="260"/>
            <ac:spMk id="4242" creationId="{A73F71B7-FD56-3687-482F-3FBEADA17921}"/>
          </ac:spMkLst>
        </pc:spChg>
        <pc:spChg chg="mod">
          <ac:chgData name="White, Alex" userId="eff6cc8c-37d8-483b-9c6c-6b27e9afa9bc" providerId="ADAL" clId="{BF04C754-5BF4-4E83-9615-DB14FA25AF8A}" dt="2023-10-12T11:37:59.791" v="293"/>
          <ac:spMkLst>
            <pc:docMk/>
            <pc:sldMk cId="2376958513" sldId="260"/>
            <ac:spMk id="4243" creationId="{6253174D-6728-8234-FAD8-602070BAC301}"/>
          </ac:spMkLst>
        </pc:spChg>
        <pc:spChg chg="mod">
          <ac:chgData name="White, Alex" userId="eff6cc8c-37d8-483b-9c6c-6b27e9afa9bc" providerId="ADAL" clId="{BF04C754-5BF4-4E83-9615-DB14FA25AF8A}" dt="2023-10-12T11:37:59.791" v="293"/>
          <ac:spMkLst>
            <pc:docMk/>
            <pc:sldMk cId="2376958513" sldId="260"/>
            <ac:spMk id="4244" creationId="{DABED0E1-647E-BAD2-4166-16E70453C683}"/>
          </ac:spMkLst>
        </pc:spChg>
        <pc:spChg chg="mod">
          <ac:chgData name="White, Alex" userId="eff6cc8c-37d8-483b-9c6c-6b27e9afa9bc" providerId="ADAL" clId="{BF04C754-5BF4-4E83-9615-DB14FA25AF8A}" dt="2023-10-12T11:37:59.791" v="293"/>
          <ac:spMkLst>
            <pc:docMk/>
            <pc:sldMk cId="2376958513" sldId="260"/>
            <ac:spMk id="4245" creationId="{65B945C3-2CD3-FF46-DFCF-0CB7E48D61E2}"/>
          </ac:spMkLst>
        </pc:spChg>
        <pc:spChg chg="mod">
          <ac:chgData name="White, Alex" userId="eff6cc8c-37d8-483b-9c6c-6b27e9afa9bc" providerId="ADAL" clId="{BF04C754-5BF4-4E83-9615-DB14FA25AF8A}" dt="2023-10-12T11:37:59.791" v="293"/>
          <ac:spMkLst>
            <pc:docMk/>
            <pc:sldMk cId="2376958513" sldId="260"/>
            <ac:spMk id="4246" creationId="{73C94A9C-0174-E5E2-C73B-B11EAF04D730}"/>
          </ac:spMkLst>
        </pc:spChg>
        <pc:spChg chg="mod">
          <ac:chgData name="White, Alex" userId="eff6cc8c-37d8-483b-9c6c-6b27e9afa9bc" providerId="ADAL" clId="{BF04C754-5BF4-4E83-9615-DB14FA25AF8A}" dt="2023-10-12T11:37:59.791" v="293"/>
          <ac:spMkLst>
            <pc:docMk/>
            <pc:sldMk cId="2376958513" sldId="260"/>
            <ac:spMk id="4247" creationId="{EBAE5F14-0480-1852-12B2-F9A648FBDD6F}"/>
          </ac:spMkLst>
        </pc:spChg>
        <pc:spChg chg="mod">
          <ac:chgData name="White, Alex" userId="eff6cc8c-37d8-483b-9c6c-6b27e9afa9bc" providerId="ADAL" clId="{BF04C754-5BF4-4E83-9615-DB14FA25AF8A}" dt="2023-10-12T11:37:59.791" v="293"/>
          <ac:spMkLst>
            <pc:docMk/>
            <pc:sldMk cId="2376958513" sldId="260"/>
            <ac:spMk id="4248" creationId="{144862EE-5669-25F9-F3F0-12452A0A1B64}"/>
          </ac:spMkLst>
        </pc:spChg>
        <pc:spChg chg="mod">
          <ac:chgData name="White, Alex" userId="eff6cc8c-37d8-483b-9c6c-6b27e9afa9bc" providerId="ADAL" clId="{BF04C754-5BF4-4E83-9615-DB14FA25AF8A}" dt="2023-10-12T11:37:59.791" v="293"/>
          <ac:spMkLst>
            <pc:docMk/>
            <pc:sldMk cId="2376958513" sldId="260"/>
            <ac:spMk id="4249" creationId="{B10B8831-1DCA-CBA2-D405-3D20646F2BD8}"/>
          </ac:spMkLst>
        </pc:spChg>
        <pc:spChg chg="mod">
          <ac:chgData name="White, Alex" userId="eff6cc8c-37d8-483b-9c6c-6b27e9afa9bc" providerId="ADAL" clId="{BF04C754-5BF4-4E83-9615-DB14FA25AF8A}" dt="2023-10-12T11:37:59.791" v="293"/>
          <ac:spMkLst>
            <pc:docMk/>
            <pc:sldMk cId="2376958513" sldId="260"/>
            <ac:spMk id="4250" creationId="{7FAC2303-F108-5ED9-47E5-8F633788C76F}"/>
          </ac:spMkLst>
        </pc:spChg>
        <pc:spChg chg="mod">
          <ac:chgData name="White, Alex" userId="eff6cc8c-37d8-483b-9c6c-6b27e9afa9bc" providerId="ADAL" clId="{BF04C754-5BF4-4E83-9615-DB14FA25AF8A}" dt="2023-10-12T11:37:59.791" v="293"/>
          <ac:spMkLst>
            <pc:docMk/>
            <pc:sldMk cId="2376958513" sldId="260"/>
            <ac:spMk id="4251" creationId="{CAC64F37-F4BD-8EEC-8F8A-0231E99B8B53}"/>
          </ac:spMkLst>
        </pc:spChg>
        <pc:spChg chg="mod">
          <ac:chgData name="White, Alex" userId="eff6cc8c-37d8-483b-9c6c-6b27e9afa9bc" providerId="ADAL" clId="{BF04C754-5BF4-4E83-9615-DB14FA25AF8A}" dt="2023-10-12T11:37:59.791" v="293"/>
          <ac:spMkLst>
            <pc:docMk/>
            <pc:sldMk cId="2376958513" sldId="260"/>
            <ac:spMk id="4252" creationId="{3288D083-6B4E-C68B-3D03-70911EEBA417}"/>
          </ac:spMkLst>
        </pc:spChg>
        <pc:spChg chg="mod">
          <ac:chgData name="White, Alex" userId="eff6cc8c-37d8-483b-9c6c-6b27e9afa9bc" providerId="ADAL" clId="{BF04C754-5BF4-4E83-9615-DB14FA25AF8A}" dt="2023-10-12T11:37:59.791" v="293"/>
          <ac:spMkLst>
            <pc:docMk/>
            <pc:sldMk cId="2376958513" sldId="260"/>
            <ac:spMk id="4253" creationId="{90ED4E82-3664-87CF-08B6-4299453A9B6C}"/>
          </ac:spMkLst>
        </pc:spChg>
        <pc:spChg chg="mod">
          <ac:chgData name="White, Alex" userId="eff6cc8c-37d8-483b-9c6c-6b27e9afa9bc" providerId="ADAL" clId="{BF04C754-5BF4-4E83-9615-DB14FA25AF8A}" dt="2023-10-12T11:37:59.791" v="293"/>
          <ac:spMkLst>
            <pc:docMk/>
            <pc:sldMk cId="2376958513" sldId="260"/>
            <ac:spMk id="4254" creationId="{8367ED18-7E75-8C90-F303-81299C6EF51D}"/>
          </ac:spMkLst>
        </pc:spChg>
        <pc:spChg chg="mod">
          <ac:chgData name="White, Alex" userId="eff6cc8c-37d8-483b-9c6c-6b27e9afa9bc" providerId="ADAL" clId="{BF04C754-5BF4-4E83-9615-DB14FA25AF8A}" dt="2023-10-12T11:37:59.791" v="293"/>
          <ac:spMkLst>
            <pc:docMk/>
            <pc:sldMk cId="2376958513" sldId="260"/>
            <ac:spMk id="4255" creationId="{EE59B242-FFE9-130F-594B-51D9F7847823}"/>
          </ac:spMkLst>
        </pc:spChg>
        <pc:spChg chg="mod">
          <ac:chgData name="White, Alex" userId="eff6cc8c-37d8-483b-9c6c-6b27e9afa9bc" providerId="ADAL" clId="{BF04C754-5BF4-4E83-9615-DB14FA25AF8A}" dt="2023-10-12T11:37:59.791" v="293"/>
          <ac:spMkLst>
            <pc:docMk/>
            <pc:sldMk cId="2376958513" sldId="260"/>
            <ac:spMk id="4256" creationId="{4D0B78B2-0A1C-4B38-0537-215761044787}"/>
          </ac:spMkLst>
        </pc:spChg>
        <pc:spChg chg="mod">
          <ac:chgData name="White, Alex" userId="eff6cc8c-37d8-483b-9c6c-6b27e9afa9bc" providerId="ADAL" clId="{BF04C754-5BF4-4E83-9615-DB14FA25AF8A}" dt="2023-10-12T11:37:59.791" v="293"/>
          <ac:spMkLst>
            <pc:docMk/>
            <pc:sldMk cId="2376958513" sldId="260"/>
            <ac:spMk id="4257" creationId="{3D732466-9FC1-3CFE-3ED2-821DEC97DB1A}"/>
          </ac:spMkLst>
        </pc:spChg>
        <pc:spChg chg="mod">
          <ac:chgData name="White, Alex" userId="eff6cc8c-37d8-483b-9c6c-6b27e9afa9bc" providerId="ADAL" clId="{BF04C754-5BF4-4E83-9615-DB14FA25AF8A}" dt="2023-10-12T11:37:59.791" v="293"/>
          <ac:spMkLst>
            <pc:docMk/>
            <pc:sldMk cId="2376958513" sldId="260"/>
            <ac:spMk id="4258" creationId="{4D6CF575-3508-558D-6B48-945CCC38A84E}"/>
          </ac:spMkLst>
        </pc:spChg>
        <pc:spChg chg="mod">
          <ac:chgData name="White, Alex" userId="eff6cc8c-37d8-483b-9c6c-6b27e9afa9bc" providerId="ADAL" clId="{BF04C754-5BF4-4E83-9615-DB14FA25AF8A}" dt="2023-10-12T11:37:59.791" v="293"/>
          <ac:spMkLst>
            <pc:docMk/>
            <pc:sldMk cId="2376958513" sldId="260"/>
            <ac:spMk id="4259" creationId="{5432A559-3BFE-C500-E0B5-7D8AFBF36A1E}"/>
          </ac:spMkLst>
        </pc:spChg>
        <pc:spChg chg="mod">
          <ac:chgData name="White, Alex" userId="eff6cc8c-37d8-483b-9c6c-6b27e9afa9bc" providerId="ADAL" clId="{BF04C754-5BF4-4E83-9615-DB14FA25AF8A}" dt="2023-10-12T11:37:59.791" v="293"/>
          <ac:spMkLst>
            <pc:docMk/>
            <pc:sldMk cId="2376958513" sldId="260"/>
            <ac:spMk id="4260" creationId="{AA421BBE-D4D5-A833-13C1-7D7394F41579}"/>
          </ac:spMkLst>
        </pc:spChg>
        <pc:spChg chg="mod">
          <ac:chgData name="White, Alex" userId="eff6cc8c-37d8-483b-9c6c-6b27e9afa9bc" providerId="ADAL" clId="{BF04C754-5BF4-4E83-9615-DB14FA25AF8A}" dt="2023-10-12T11:37:59.791" v="293"/>
          <ac:spMkLst>
            <pc:docMk/>
            <pc:sldMk cId="2376958513" sldId="260"/>
            <ac:spMk id="4261" creationId="{05AFEA9E-1ADA-4E2E-DFCD-4EE28EECC295}"/>
          </ac:spMkLst>
        </pc:spChg>
        <pc:spChg chg="mod">
          <ac:chgData name="White, Alex" userId="eff6cc8c-37d8-483b-9c6c-6b27e9afa9bc" providerId="ADAL" clId="{BF04C754-5BF4-4E83-9615-DB14FA25AF8A}" dt="2023-10-12T11:37:59.791" v="293"/>
          <ac:spMkLst>
            <pc:docMk/>
            <pc:sldMk cId="2376958513" sldId="260"/>
            <ac:spMk id="4262" creationId="{788ECF7E-877D-2815-7FD0-637C1DBE069B}"/>
          </ac:spMkLst>
        </pc:spChg>
        <pc:spChg chg="mod">
          <ac:chgData name="White, Alex" userId="eff6cc8c-37d8-483b-9c6c-6b27e9afa9bc" providerId="ADAL" clId="{BF04C754-5BF4-4E83-9615-DB14FA25AF8A}" dt="2023-10-12T11:37:59.791" v="293"/>
          <ac:spMkLst>
            <pc:docMk/>
            <pc:sldMk cId="2376958513" sldId="260"/>
            <ac:spMk id="4263" creationId="{19FD58DC-627F-DE6F-E2A7-85A076202399}"/>
          </ac:spMkLst>
        </pc:spChg>
        <pc:spChg chg="mod">
          <ac:chgData name="White, Alex" userId="eff6cc8c-37d8-483b-9c6c-6b27e9afa9bc" providerId="ADAL" clId="{BF04C754-5BF4-4E83-9615-DB14FA25AF8A}" dt="2023-10-12T11:37:59.791" v="293"/>
          <ac:spMkLst>
            <pc:docMk/>
            <pc:sldMk cId="2376958513" sldId="260"/>
            <ac:spMk id="4264" creationId="{4545DF09-39B4-73FB-26F6-0CCED1938A77}"/>
          </ac:spMkLst>
        </pc:spChg>
        <pc:spChg chg="mod">
          <ac:chgData name="White, Alex" userId="eff6cc8c-37d8-483b-9c6c-6b27e9afa9bc" providerId="ADAL" clId="{BF04C754-5BF4-4E83-9615-DB14FA25AF8A}" dt="2023-10-12T11:37:59.791" v="293"/>
          <ac:spMkLst>
            <pc:docMk/>
            <pc:sldMk cId="2376958513" sldId="260"/>
            <ac:spMk id="4265" creationId="{0B8DE789-7C74-210F-D22F-CB2A6469732B}"/>
          </ac:spMkLst>
        </pc:spChg>
        <pc:spChg chg="mod">
          <ac:chgData name="White, Alex" userId="eff6cc8c-37d8-483b-9c6c-6b27e9afa9bc" providerId="ADAL" clId="{BF04C754-5BF4-4E83-9615-DB14FA25AF8A}" dt="2023-10-12T11:37:59.791" v="293"/>
          <ac:spMkLst>
            <pc:docMk/>
            <pc:sldMk cId="2376958513" sldId="260"/>
            <ac:spMk id="4266" creationId="{EED6BB12-1A77-C217-11F5-D8CB5843871B}"/>
          </ac:spMkLst>
        </pc:spChg>
        <pc:spChg chg="mod">
          <ac:chgData name="White, Alex" userId="eff6cc8c-37d8-483b-9c6c-6b27e9afa9bc" providerId="ADAL" clId="{BF04C754-5BF4-4E83-9615-DB14FA25AF8A}" dt="2023-10-12T11:37:59.791" v="293"/>
          <ac:spMkLst>
            <pc:docMk/>
            <pc:sldMk cId="2376958513" sldId="260"/>
            <ac:spMk id="4267" creationId="{61AF7FCD-B5DE-97E9-1176-C350BD4B4912}"/>
          </ac:spMkLst>
        </pc:spChg>
        <pc:spChg chg="mod">
          <ac:chgData name="White, Alex" userId="eff6cc8c-37d8-483b-9c6c-6b27e9afa9bc" providerId="ADAL" clId="{BF04C754-5BF4-4E83-9615-DB14FA25AF8A}" dt="2023-10-12T11:37:59.791" v="293"/>
          <ac:spMkLst>
            <pc:docMk/>
            <pc:sldMk cId="2376958513" sldId="260"/>
            <ac:spMk id="4268" creationId="{9A16776A-914D-AA21-8964-93574020EDAB}"/>
          </ac:spMkLst>
        </pc:spChg>
        <pc:spChg chg="mod">
          <ac:chgData name="White, Alex" userId="eff6cc8c-37d8-483b-9c6c-6b27e9afa9bc" providerId="ADAL" clId="{BF04C754-5BF4-4E83-9615-DB14FA25AF8A}" dt="2023-10-12T11:37:59.791" v="293"/>
          <ac:spMkLst>
            <pc:docMk/>
            <pc:sldMk cId="2376958513" sldId="260"/>
            <ac:spMk id="4269" creationId="{724EA67D-F43C-3BAE-5648-3F9A6B976912}"/>
          </ac:spMkLst>
        </pc:spChg>
        <pc:spChg chg="mod">
          <ac:chgData name="White, Alex" userId="eff6cc8c-37d8-483b-9c6c-6b27e9afa9bc" providerId="ADAL" clId="{BF04C754-5BF4-4E83-9615-DB14FA25AF8A}" dt="2023-10-12T11:37:59.791" v="293"/>
          <ac:spMkLst>
            <pc:docMk/>
            <pc:sldMk cId="2376958513" sldId="260"/>
            <ac:spMk id="4270" creationId="{ED58DDCD-73BC-C6BA-858E-E2F1D3DA2034}"/>
          </ac:spMkLst>
        </pc:spChg>
        <pc:spChg chg="mod">
          <ac:chgData name="White, Alex" userId="eff6cc8c-37d8-483b-9c6c-6b27e9afa9bc" providerId="ADAL" clId="{BF04C754-5BF4-4E83-9615-DB14FA25AF8A}" dt="2023-10-12T11:37:59.791" v="293"/>
          <ac:spMkLst>
            <pc:docMk/>
            <pc:sldMk cId="2376958513" sldId="260"/>
            <ac:spMk id="4271" creationId="{839A79FF-E886-5843-957F-60429A69E051}"/>
          </ac:spMkLst>
        </pc:spChg>
        <pc:spChg chg="mod">
          <ac:chgData name="White, Alex" userId="eff6cc8c-37d8-483b-9c6c-6b27e9afa9bc" providerId="ADAL" clId="{BF04C754-5BF4-4E83-9615-DB14FA25AF8A}" dt="2023-10-12T11:37:59.791" v="293"/>
          <ac:spMkLst>
            <pc:docMk/>
            <pc:sldMk cId="2376958513" sldId="260"/>
            <ac:spMk id="4272" creationId="{30BA702E-D852-6152-3307-4F6823F2E6F7}"/>
          </ac:spMkLst>
        </pc:spChg>
        <pc:spChg chg="mod">
          <ac:chgData name="White, Alex" userId="eff6cc8c-37d8-483b-9c6c-6b27e9afa9bc" providerId="ADAL" clId="{BF04C754-5BF4-4E83-9615-DB14FA25AF8A}" dt="2023-10-12T11:37:59.791" v="293"/>
          <ac:spMkLst>
            <pc:docMk/>
            <pc:sldMk cId="2376958513" sldId="260"/>
            <ac:spMk id="4273" creationId="{C022510D-8A22-4F70-29BF-A0EDAE2E3A88}"/>
          </ac:spMkLst>
        </pc:spChg>
        <pc:spChg chg="mod">
          <ac:chgData name="White, Alex" userId="eff6cc8c-37d8-483b-9c6c-6b27e9afa9bc" providerId="ADAL" clId="{BF04C754-5BF4-4E83-9615-DB14FA25AF8A}" dt="2023-10-12T11:37:59.791" v="293"/>
          <ac:spMkLst>
            <pc:docMk/>
            <pc:sldMk cId="2376958513" sldId="260"/>
            <ac:spMk id="4274" creationId="{22E5D6B3-6C40-9FA9-363D-B42CE208DE70}"/>
          </ac:spMkLst>
        </pc:spChg>
        <pc:spChg chg="mod">
          <ac:chgData name="White, Alex" userId="eff6cc8c-37d8-483b-9c6c-6b27e9afa9bc" providerId="ADAL" clId="{BF04C754-5BF4-4E83-9615-DB14FA25AF8A}" dt="2023-10-12T11:37:59.791" v="293"/>
          <ac:spMkLst>
            <pc:docMk/>
            <pc:sldMk cId="2376958513" sldId="260"/>
            <ac:spMk id="4275" creationId="{DAF715CF-780A-F8F4-DA43-E47AB376703E}"/>
          </ac:spMkLst>
        </pc:spChg>
        <pc:spChg chg="mod">
          <ac:chgData name="White, Alex" userId="eff6cc8c-37d8-483b-9c6c-6b27e9afa9bc" providerId="ADAL" clId="{BF04C754-5BF4-4E83-9615-DB14FA25AF8A}" dt="2023-10-12T11:37:59.791" v="293"/>
          <ac:spMkLst>
            <pc:docMk/>
            <pc:sldMk cId="2376958513" sldId="260"/>
            <ac:spMk id="4276" creationId="{3E400C81-8381-44E2-51C8-88A2A40894BD}"/>
          </ac:spMkLst>
        </pc:spChg>
        <pc:spChg chg="mod">
          <ac:chgData name="White, Alex" userId="eff6cc8c-37d8-483b-9c6c-6b27e9afa9bc" providerId="ADAL" clId="{BF04C754-5BF4-4E83-9615-DB14FA25AF8A}" dt="2023-10-12T11:37:59.791" v="293"/>
          <ac:spMkLst>
            <pc:docMk/>
            <pc:sldMk cId="2376958513" sldId="260"/>
            <ac:spMk id="4277" creationId="{01092E4D-9612-415C-D320-E521855E5B1B}"/>
          </ac:spMkLst>
        </pc:spChg>
        <pc:spChg chg="mod">
          <ac:chgData name="White, Alex" userId="eff6cc8c-37d8-483b-9c6c-6b27e9afa9bc" providerId="ADAL" clId="{BF04C754-5BF4-4E83-9615-DB14FA25AF8A}" dt="2023-10-12T11:37:59.791" v="293"/>
          <ac:spMkLst>
            <pc:docMk/>
            <pc:sldMk cId="2376958513" sldId="260"/>
            <ac:spMk id="4278" creationId="{F48F46ED-2476-6046-EB78-237AF4158F9E}"/>
          </ac:spMkLst>
        </pc:spChg>
        <pc:spChg chg="mod">
          <ac:chgData name="White, Alex" userId="eff6cc8c-37d8-483b-9c6c-6b27e9afa9bc" providerId="ADAL" clId="{BF04C754-5BF4-4E83-9615-DB14FA25AF8A}" dt="2023-10-12T11:37:59.791" v="293"/>
          <ac:spMkLst>
            <pc:docMk/>
            <pc:sldMk cId="2376958513" sldId="260"/>
            <ac:spMk id="4279" creationId="{38E880A1-7601-81E4-9AA0-D9BC3402605D}"/>
          </ac:spMkLst>
        </pc:spChg>
        <pc:spChg chg="mod">
          <ac:chgData name="White, Alex" userId="eff6cc8c-37d8-483b-9c6c-6b27e9afa9bc" providerId="ADAL" clId="{BF04C754-5BF4-4E83-9615-DB14FA25AF8A}" dt="2023-10-12T11:37:59.791" v="293"/>
          <ac:spMkLst>
            <pc:docMk/>
            <pc:sldMk cId="2376958513" sldId="260"/>
            <ac:spMk id="4280" creationId="{E91EE4EF-B56B-F8CB-F242-41430141E99E}"/>
          </ac:spMkLst>
        </pc:spChg>
        <pc:spChg chg="mod">
          <ac:chgData name="White, Alex" userId="eff6cc8c-37d8-483b-9c6c-6b27e9afa9bc" providerId="ADAL" clId="{BF04C754-5BF4-4E83-9615-DB14FA25AF8A}" dt="2023-10-12T11:37:59.791" v="293"/>
          <ac:spMkLst>
            <pc:docMk/>
            <pc:sldMk cId="2376958513" sldId="260"/>
            <ac:spMk id="4281" creationId="{C84B3B2E-B231-1817-C9B1-86121A86D8FF}"/>
          </ac:spMkLst>
        </pc:spChg>
        <pc:spChg chg="mod">
          <ac:chgData name="White, Alex" userId="eff6cc8c-37d8-483b-9c6c-6b27e9afa9bc" providerId="ADAL" clId="{BF04C754-5BF4-4E83-9615-DB14FA25AF8A}" dt="2023-10-12T11:37:59.791" v="293"/>
          <ac:spMkLst>
            <pc:docMk/>
            <pc:sldMk cId="2376958513" sldId="260"/>
            <ac:spMk id="4282" creationId="{56DF1553-0F4B-3FD4-FC89-AA429963AE29}"/>
          </ac:spMkLst>
        </pc:spChg>
        <pc:spChg chg="mod">
          <ac:chgData name="White, Alex" userId="eff6cc8c-37d8-483b-9c6c-6b27e9afa9bc" providerId="ADAL" clId="{BF04C754-5BF4-4E83-9615-DB14FA25AF8A}" dt="2023-10-12T11:37:59.791" v="293"/>
          <ac:spMkLst>
            <pc:docMk/>
            <pc:sldMk cId="2376958513" sldId="260"/>
            <ac:spMk id="4283" creationId="{61E4F3B0-85F6-DD4E-B2F5-FDE3245B6BF1}"/>
          </ac:spMkLst>
        </pc:spChg>
        <pc:spChg chg="mod">
          <ac:chgData name="White, Alex" userId="eff6cc8c-37d8-483b-9c6c-6b27e9afa9bc" providerId="ADAL" clId="{BF04C754-5BF4-4E83-9615-DB14FA25AF8A}" dt="2023-10-12T11:37:59.791" v="293"/>
          <ac:spMkLst>
            <pc:docMk/>
            <pc:sldMk cId="2376958513" sldId="260"/>
            <ac:spMk id="4284" creationId="{A6853C90-719F-8039-58FA-B526361F2E65}"/>
          </ac:spMkLst>
        </pc:spChg>
        <pc:spChg chg="mod">
          <ac:chgData name="White, Alex" userId="eff6cc8c-37d8-483b-9c6c-6b27e9afa9bc" providerId="ADAL" clId="{BF04C754-5BF4-4E83-9615-DB14FA25AF8A}" dt="2023-10-12T11:37:59.791" v="293"/>
          <ac:spMkLst>
            <pc:docMk/>
            <pc:sldMk cId="2376958513" sldId="260"/>
            <ac:spMk id="4285" creationId="{CD8E33F0-4081-DE1F-2D76-5C5B9A76E66A}"/>
          </ac:spMkLst>
        </pc:spChg>
        <pc:spChg chg="mod">
          <ac:chgData name="White, Alex" userId="eff6cc8c-37d8-483b-9c6c-6b27e9afa9bc" providerId="ADAL" clId="{BF04C754-5BF4-4E83-9615-DB14FA25AF8A}" dt="2023-10-12T11:37:59.791" v="293"/>
          <ac:spMkLst>
            <pc:docMk/>
            <pc:sldMk cId="2376958513" sldId="260"/>
            <ac:spMk id="4286" creationId="{4C3A420C-3ECA-2E70-7546-530FA8FD7149}"/>
          </ac:spMkLst>
        </pc:spChg>
        <pc:spChg chg="mod">
          <ac:chgData name="White, Alex" userId="eff6cc8c-37d8-483b-9c6c-6b27e9afa9bc" providerId="ADAL" clId="{BF04C754-5BF4-4E83-9615-DB14FA25AF8A}" dt="2023-10-12T11:37:59.791" v="293"/>
          <ac:spMkLst>
            <pc:docMk/>
            <pc:sldMk cId="2376958513" sldId="260"/>
            <ac:spMk id="4287" creationId="{F8111949-BF04-03F9-256E-6B15A421EDC1}"/>
          </ac:spMkLst>
        </pc:spChg>
        <pc:spChg chg="mod">
          <ac:chgData name="White, Alex" userId="eff6cc8c-37d8-483b-9c6c-6b27e9afa9bc" providerId="ADAL" clId="{BF04C754-5BF4-4E83-9615-DB14FA25AF8A}" dt="2023-10-12T11:37:59.791" v="293"/>
          <ac:spMkLst>
            <pc:docMk/>
            <pc:sldMk cId="2376958513" sldId="260"/>
            <ac:spMk id="4288" creationId="{6248CF80-D0A9-8826-6A7B-04579D81E432}"/>
          </ac:spMkLst>
        </pc:spChg>
        <pc:spChg chg="mod">
          <ac:chgData name="White, Alex" userId="eff6cc8c-37d8-483b-9c6c-6b27e9afa9bc" providerId="ADAL" clId="{BF04C754-5BF4-4E83-9615-DB14FA25AF8A}" dt="2023-10-12T11:37:59.791" v="293"/>
          <ac:spMkLst>
            <pc:docMk/>
            <pc:sldMk cId="2376958513" sldId="260"/>
            <ac:spMk id="4289" creationId="{A20D67B2-17B4-2DE1-49EC-E4A7A4380E24}"/>
          </ac:spMkLst>
        </pc:spChg>
        <pc:spChg chg="mod">
          <ac:chgData name="White, Alex" userId="eff6cc8c-37d8-483b-9c6c-6b27e9afa9bc" providerId="ADAL" clId="{BF04C754-5BF4-4E83-9615-DB14FA25AF8A}" dt="2023-10-12T11:37:59.791" v="293"/>
          <ac:spMkLst>
            <pc:docMk/>
            <pc:sldMk cId="2376958513" sldId="260"/>
            <ac:spMk id="4290" creationId="{91E808C9-8DF2-DCA8-2C06-47687CFDC29F}"/>
          </ac:spMkLst>
        </pc:spChg>
        <pc:spChg chg="mod">
          <ac:chgData name="White, Alex" userId="eff6cc8c-37d8-483b-9c6c-6b27e9afa9bc" providerId="ADAL" clId="{BF04C754-5BF4-4E83-9615-DB14FA25AF8A}" dt="2023-10-12T11:37:59.791" v="293"/>
          <ac:spMkLst>
            <pc:docMk/>
            <pc:sldMk cId="2376958513" sldId="260"/>
            <ac:spMk id="4291" creationId="{31ADBFA2-5C22-703F-8DAD-2F8406938E70}"/>
          </ac:spMkLst>
        </pc:spChg>
        <pc:spChg chg="mod">
          <ac:chgData name="White, Alex" userId="eff6cc8c-37d8-483b-9c6c-6b27e9afa9bc" providerId="ADAL" clId="{BF04C754-5BF4-4E83-9615-DB14FA25AF8A}" dt="2023-10-12T11:37:59.791" v="293"/>
          <ac:spMkLst>
            <pc:docMk/>
            <pc:sldMk cId="2376958513" sldId="260"/>
            <ac:spMk id="4292" creationId="{73E51534-2033-FEF1-B36D-3F929ABD6D38}"/>
          </ac:spMkLst>
        </pc:spChg>
        <pc:spChg chg="mod">
          <ac:chgData name="White, Alex" userId="eff6cc8c-37d8-483b-9c6c-6b27e9afa9bc" providerId="ADAL" clId="{BF04C754-5BF4-4E83-9615-DB14FA25AF8A}" dt="2023-10-12T11:37:59.791" v="293"/>
          <ac:spMkLst>
            <pc:docMk/>
            <pc:sldMk cId="2376958513" sldId="260"/>
            <ac:spMk id="4293" creationId="{2B5391B7-5B37-85F7-BEB3-8E1C19ACFC62}"/>
          </ac:spMkLst>
        </pc:spChg>
        <pc:spChg chg="mod">
          <ac:chgData name="White, Alex" userId="eff6cc8c-37d8-483b-9c6c-6b27e9afa9bc" providerId="ADAL" clId="{BF04C754-5BF4-4E83-9615-DB14FA25AF8A}" dt="2023-10-12T11:37:59.791" v="293"/>
          <ac:spMkLst>
            <pc:docMk/>
            <pc:sldMk cId="2376958513" sldId="260"/>
            <ac:spMk id="4294" creationId="{48DFF582-B668-4A12-DB04-C064E6242F3B}"/>
          </ac:spMkLst>
        </pc:spChg>
        <pc:spChg chg="mod">
          <ac:chgData name="White, Alex" userId="eff6cc8c-37d8-483b-9c6c-6b27e9afa9bc" providerId="ADAL" clId="{BF04C754-5BF4-4E83-9615-DB14FA25AF8A}" dt="2023-10-12T11:37:59.791" v="293"/>
          <ac:spMkLst>
            <pc:docMk/>
            <pc:sldMk cId="2376958513" sldId="260"/>
            <ac:spMk id="4295" creationId="{35E6652D-6E45-81EF-FE8B-11FCA647BCF3}"/>
          </ac:spMkLst>
        </pc:spChg>
        <pc:spChg chg="mod">
          <ac:chgData name="White, Alex" userId="eff6cc8c-37d8-483b-9c6c-6b27e9afa9bc" providerId="ADAL" clId="{BF04C754-5BF4-4E83-9615-DB14FA25AF8A}" dt="2023-10-12T11:37:59.791" v="293"/>
          <ac:spMkLst>
            <pc:docMk/>
            <pc:sldMk cId="2376958513" sldId="260"/>
            <ac:spMk id="4296" creationId="{E4D36677-D9F5-E262-14D6-37239854FA2C}"/>
          </ac:spMkLst>
        </pc:spChg>
        <pc:spChg chg="mod">
          <ac:chgData name="White, Alex" userId="eff6cc8c-37d8-483b-9c6c-6b27e9afa9bc" providerId="ADAL" clId="{BF04C754-5BF4-4E83-9615-DB14FA25AF8A}" dt="2023-10-12T11:37:59.791" v="293"/>
          <ac:spMkLst>
            <pc:docMk/>
            <pc:sldMk cId="2376958513" sldId="260"/>
            <ac:spMk id="4297" creationId="{258BE020-3848-3F25-66CC-824952A158DE}"/>
          </ac:spMkLst>
        </pc:spChg>
        <pc:spChg chg="mod">
          <ac:chgData name="White, Alex" userId="eff6cc8c-37d8-483b-9c6c-6b27e9afa9bc" providerId="ADAL" clId="{BF04C754-5BF4-4E83-9615-DB14FA25AF8A}" dt="2023-10-12T11:37:59.791" v="293"/>
          <ac:spMkLst>
            <pc:docMk/>
            <pc:sldMk cId="2376958513" sldId="260"/>
            <ac:spMk id="4298" creationId="{8F5AE567-5519-4E87-E3B9-72A780E1213D}"/>
          </ac:spMkLst>
        </pc:spChg>
        <pc:spChg chg="mod">
          <ac:chgData name="White, Alex" userId="eff6cc8c-37d8-483b-9c6c-6b27e9afa9bc" providerId="ADAL" clId="{BF04C754-5BF4-4E83-9615-DB14FA25AF8A}" dt="2023-10-12T11:37:59.791" v="293"/>
          <ac:spMkLst>
            <pc:docMk/>
            <pc:sldMk cId="2376958513" sldId="260"/>
            <ac:spMk id="4299" creationId="{6477929F-4095-6B19-9A16-9C31D2CC4694}"/>
          </ac:spMkLst>
        </pc:spChg>
        <pc:spChg chg="mod">
          <ac:chgData name="White, Alex" userId="eff6cc8c-37d8-483b-9c6c-6b27e9afa9bc" providerId="ADAL" clId="{BF04C754-5BF4-4E83-9615-DB14FA25AF8A}" dt="2023-10-12T11:37:59.791" v="293"/>
          <ac:spMkLst>
            <pc:docMk/>
            <pc:sldMk cId="2376958513" sldId="260"/>
            <ac:spMk id="4300" creationId="{E307F284-A22E-381C-B40F-595379A226C8}"/>
          </ac:spMkLst>
        </pc:spChg>
        <pc:spChg chg="mod">
          <ac:chgData name="White, Alex" userId="eff6cc8c-37d8-483b-9c6c-6b27e9afa9bc" providerId="ADAL" clId="{BF04C754-5BF4-4E83-9615-DB14FA25AF8A}" dt="2023-10-12T11:37:59.791" v="293"/>
          <ac:spMkLst>
            <pc:docMk/>
            <pc:sldMk cId="2376958513" sldId="260"/>
            <ac:spMk id="4301" creationId="{B1A7D5E0-2096-5803-CDCF-E1E98BEBC539}"/>
          </ac:spMkLst>
        </pc:spChg>
        <pc:spChg chg="mod">
          <ac:chgData name="White, Alex" userId="eff6cc8c-37d8-483b-9c6c-6b27e9afa9bc" providerId="ADAL" clId="{BF04C754-5BF4-4E83-9615-DB14FA25AF8A}" dt="2023-10-12T11:37:59.791" v="293"/>
          <ac:spMkLst>
            <pc:docMk/>
            <pc:sldMk cId="2376958513" sldId="260"/>
            <ac:spMk id="4302" creationId="{4153E15C-EAC9-B545-7498-2E3B9D5F588B}"/>
          </ac:spMkLst>
        </pc:spChg>
        <pc:spChg chg="mod">
          <ac:chgData name="White, Alex" userId="eff6cc8c-37d8-483b-9c6c-6b27e9afa9bc" providerId="ADAL" clId="{BF04C754-5BF4-4E83-9615-DB14FA25AF8A}" dt="2023-10-12T11:37:59.791" v="293"/>
          <ac:spMkLst>
            <pc:docMk/>
            <pc:sldMk cId="2376958513" sldId="260"/>
            <ac:spMk id="4303" creationId="{13887919-2EC3-CC00-CF5A-CA29D2BAE2E0}"/>
          </ac:spMkLst>
        </pc:spChg>
        <pc:spChg chg="mod">
          <ac:chgData name="White, Alex" userId="eff6cc8c-37d8-483b-9c6c-6b27e9afa9bc" providerId="ADAL" clId="{BF04C754-5BF4-4E83-9615-DB14FA25AF8A}" dt="2023-10-12T11:37:59.791" v="293"/>
          <ac:spMkLst>
            <pc:docMk/>
            <pc:sldMk cId="2376958513" sldId="260"/>
            <ac:spMk id="4304" creationId="{4281A00F-1307-C34D-5CCF-97EAFF68D112}"/>
          </ac:spMkLst>
        </pc:spChg>
        <pc:spChg chg="mod">
          <ac:chgData name="White, Alex" userId="eff6cc8c-37d8-483b-9c6c-6b27e9afa9bc" providerId="ADAL" clId="{BF04C754-5BF4-4E83-9615-DB14FA25AF8A}" dt="2023-10-12T11:37:59.791" v="293"/>
          <ac:spMkLst>
            <pc:docMk/>
            <pc:sldMk cId="2376958513" sldId="260"/>
            <ac:spMk id="4305" creationId="{9D87DD8E-4E35-6417-E49C-F1D698A7DD43}"/>
          </ac:spMkLst>
        </pc:spChg>
        <pc:spChg chg="mod">
          <ac:chgData name="White, Alex" userId="eff6cc8c-37d8-483b-9c6c-6b27e9afa9bc" providerId="ADAL" clId="{BF04C754-5BF4-4E83-9615-DB14FA25AF8A}" dt="2023-10-12T11:37:59.791" v="293"/>
          <ac:spMkLst>
            <pc:docMk/>
            <pc:sldMk cId="2376958513" sldId="260"/>
            <ac:spMk id="4306" creationId="{58815CAE-A593-2E36-A30C-B71ACF6D77F8}"/>
          </ac:spMkLst>
        </pc:spChg>
        <pc:spChg chg="mod">
          <ac:chgData name="White, Alex" userId="eff6cc8c-37d8-483b-9c6c-6b27e9afa9bc" providerId="ADAL" clId="{BF04C754-5BF4-4E83-9615-DB14FA25AF8A}" dt="2023-10-12T11:37:59.791" v="293"/>
          <ac:spMkLst>
            <pc:docMk/>
            <pc:sldMk cId="2376958513" sldId="260"/>
            <ac:spMk id="4307" creationId="{8530DCC8-4EA9-4199-5CA9-BEA63BD347F1}"/>
          </ac:spMkLst>
        </pc:spChg>
        <pc:spChg chg="mod">
          <ac:chgData name="White, Alex" userId="eff6cc8c-37d8-483b-9c6c-6b27e9afa9bc" providerId="ADAL" clId="{BF04C754-5BF4-4E83-9615-DB14FA25AF8A}" dt="2023-10-12T11:37:59.791" v="293"/>
          <ac:spMkLst>
            <pc:docMk/>
            <pc:sldMk cId="2376958513" sldId="260"/>
            <ac:spMk id="4308" creationId="{BF5B4E88-D5C6-A1CF-472A-1DC00588AE1B}"/>
          </ac:spMkLst>
        </pc:spChg>
        <pc:spChg chg="mod">
          <ac:chgData name="White, Alex" userId="eff6cc8c-37d8-483b-9c6c-6b27e9afa9bc" providerId="ADAL" clId="{BF04C754-5BF4-4E83-9615-DB14FA25AF8A}" dt="2023-10-12T11:37:59.791" v="293"/>
          <ac:spMkLst>
            <pc:docMk/>
            <pc:sldMk cId="2376958513" sldId="260"/>
            <ac:spMk id="4309" creationId="{9D984420-BB2E-94DE-4788-4442746A6F20}"/>
          </ac:spMkLst>
        </pc:spChg>
        <pc:spChg chg="mod">
          <ac:chgData name="White, Alex" userId="eff6cc8c-37d8-483b-9c6c-6b27e9afa9bc" providerId="ADAL" clId="{BF04C754-5BF4-4E83-9615-DB14FA25AF8A}" dt="2023-10-12T11:37:59.791" v="293"/>
          <ac:spMkLst>
            <pc:docMk/>
            <pc:sldMk cId="2376958513" sldId="260"/>
            <ac:spMk id="4310" creationId="{B3BC658F-F928-D132-9B32-4A0F365BEC89}"/>
          </ac:spMkLst>
        </pc:spChg>
        <pc:spChg chg="mod">
          <ac:chgData name="White, Alex" userId="eff6cc8c-37d8-483b-9c6c-6b27e9afa9bc" providerId="ADAL" clId="{BF04C754-5BF4-4E83-9615-DB14FA25AF8A}" dt="2023-10-12T11:37:59.791" v="293"/>
          <ac:spMkLst>
            <pc:docMk/>
            <pc:sldMk cId="2376958513" sldId="260"/>
            <ac:spMk id="4311" creationId="{6FD702F3-0E90-6E2B-7122-F93415B259F7}"/>
          </ac:spMkLst>
        </pc:spChg>
        <pc:spChg chg="mod">
          <ac:chgData name="White, Alex" userId="eff6cc8c-37d8-483b-9c6c-6b27e9afa9bc" providerId="ADAL" clId="{BF04C754-5BF4-4E83-9615-DB14FA25AF8A}" dt="2023-10-12T11:37:59.791" v="293"/>
          <ac:spMkLst>
            <pc:docMk/>
            <pc:sldMk cId="2376958513" sldId="260"/>
            <ac:spMk id="4312" creationId="{33C548AE-7CB7-E780-6C1A-E95EC36CF043}"/>
          </ac:spMkLst>
        </pc:spChg>
        <pc:spChg chg="mod">
          <ac:chgData name="White, Alex" userId="eff6cc8c-37d8-483b-9c6c-6b27e9afa9bc" providerId="ADAL" clId="{BF04C754-5BF4-4E83-9615-DB14FA25AF8A}" dt="2023-10-12T11:37:59.791" v="293"/>
          <ac:spMkLst>
            <pc:docMk/>
            <pc:sldMk cId="2376958513" sldId="260"/>
            <ac:spMk id="4313" creationId="{EDF34BB2-753F-EAC6-5D69-29CE54FA3E9C}"/>
          </ac:spMkLst>
        </pc:spChg>
        <pc:spChg chg="mod">
          <ac:chgData name="White, Alex" userId="eff6cc8c-37d8-483b-9c6c-6b27e9afa9bc" providerId="ADAL" clId="{BF04C754-5BF4-4E83-9615-DB14FA25AF8A}" dt="2023-10-12T11:37:59.791" v="293"/>
          <ac:spMkLst>
            <pc:docMk/>
            <pc:sldMk cId="2376958513" sldId="260"/>
            <ac:spMk id="4314" creationId="{23413EC0-438A-A645-4A3A-7819FBAEE94F}"/>
          </ac:spMkLst>
        </pc:spChg>
        <pc:spChg chg="mod">
          <ac:chgData name="White, Alex" userId="eff6cc8c-37d8-483b-9c6c-6b27e9afa9bc" providerId="ADAL" clId="{BF04C754-5BF4-4E83-9615-DB14FA25AF8A}" dt="2023-10-12T11:37:59.791" v="293"/>
          <ac:spMkLst>
            <pc:docMk/>
            <pc:sldMk cId="2376958513" sldId="260"/>
            <ac:spMk id="4315" creationId="{A5DF320D-A5A1-7E75-2CE9-F625E0475284}"/>
          </ac:spMkLst>
        </pc:spChg>
        <pc:spChg chg="mod">
          <ac:chgData name="White, Alex" userId="eff6cc8c-37d8-483b-9c6c-6b27e9afa9bc" providerId="ADAL" clId="{BF04C754-5BF4-4E83-9615-DB14FA25AF8A}" dt="2023-10-12T11:37:59.791" v="293"/>
          <ac:spMkLst>
            <pc:docMk/>
            <pc:sldMk cId="2376958513" sldId="260"/>
            <ac:spMk id="4316" creationId="{19D83FDC-B1D6-00CC-D279-D2F361EF1222}"/>
          </ac:spMkLst>
        </pc:spChg>
        <pc:spChg chg="mod">
          <ac:chgData name="White, Alex" userId="eff6cc8c-37d8-483b-9c6c-6b27e9afa9bc" providerId="ADAL" clId="{BF04C754-5BF4-4E83-9615-DB14FA25AF8A}" dt="2023-10-12T11:37:59.791" v="293"/>
          <ac:spMkLst>
            <pc:docMk/>
            <pc:sldMk cId="2376958513" sldId="260"/>
            <ac:spMk id="4317" creationId="{0E7D0AA1-2D90-1934-9C98-0F55EB652AB4}"/>
          </ac:spMkLst>
        </pc:spChg>
        <pc:spChg chg="mod">
          <ac:chgData name="White, Alex" userId="eff6cc8c-37d8-483b-9c6c-6b27e9afa9bc" providerId="ADAL" clId="{BF04C754-5BF4-4E83-9615-DB14FA25AF8A}" dt="2023-10-12T11:37:59.791" v="293"/>
          <ac:spMkLst>
            <pc:docMk/>
            <pc:sldMk cId="2376958513" sldId="260"/>
            <ac:spMk id="4318" creationId="{CDB21F19-83BF-A894-4D20-60BC805CD2C8}"/>
          </ac:spMkLst>
        </pc:spChg>
        <pc:spChg chg="mod">
          <ac:chgData name="White, Alex" userId="eff6cc8c-37d8-483b-9c6c-6b27e9afa9bc" providerId="ADAL" clId="{BF04C754-5BF4-4E83-9615-DB14FA25AF8A}" dt="2023-10-12T11:37:59.791" v="293"/>
          <ac:spMkLst>
            <pc:docMk/>
            <pc:sldMk cId="2376958513" sldId="260"/>
            <ac:spMk id="4319" creationId="{6109CD68-40BD-D257-87A5-F3A26BE21147}"/>
          </ac:spMkLst>
        </pc:spChg>
        <pc:spChg chg="mod">
          <ac:chgData name="White, Alex" userId="eff6cc8c-37d8-483b-9c6c-6b27e9afa9bc" providerId="ADAL" clId="{BF04C754-5BF4-4E83-9615-DB14FA25AF8A}" dt="2023-10-12T11:37:59.791" v="293"/>
          <ac:spMkLst>
            <pc:docMk/>
            <pc:sldMk cId="2376958513" sldId="260"/>
            <ac:spMk id="4320" creationId="{6E3C396B-5DA0-FE5A-F47F-F856EF3890AD}"/>
          </ac:spMkLst>
        </pc:spChg>
        <pc:spChg chg="mod">
          <ac:chgData name="White, Alex" userId="eff6cc8c-37d8-483b-9c6c-6b27e9afa9bc" providerId="ADAL" clId="{BF04C754-5BF4-4E83-9615-DB14FA25AF8A}" dt="2023-10-12T11:37:59.791" v="293"/>
          <ac:spMkLst>
            <pc:docMk/>
            <pc:sldMk cId="2376958513" sldId="260"/>
            <ac:spMk id="4321" creationId="{8DED5DAF-F868-4B0F-6AD8-0A8229ECDF2E}"/>
          </ac:spMkLst>
        </pc:spChg>
        <pc:spChg chg="mod">
          <ac:chgData name="White, Alex" userId="eff6cc8c-37d8-483b-9c6c-6b27e9afa9bc" providerId="ADAL" clId="{BF04C754-5BF4-4E83-9615-DB14FA25AF8A}" dt="2023-10-12T11:37:59.791" v="293"/>
          <ac:spMkLst>
            <pc:docMk/>
            <pc:sldMk cId="2376958513" sldId="260"/>
            <ac:spMk id="4322" creationId="{FD71FA16-9884-0A8A-D22A-9A038CA27F67}"/>
          </ac:spMkLst>
        </pc:spChg>
        <pc:spChg chg="mod">
          <ac:chgData name="White, Alex" userId="eff6cc8c-37d8-483b-9c6c-6b27e9afa9bc" providerId="ADAL" clId="{BF04C754-5BF4-4E83-9615-DB14FA25AF8A}" dt="2023-10-12T11:37:59.791" v="293"/>
          <ac:spMkLst>
            <pc:docMk/>
            <pc:sldMk cId="2376958513" sldId="260"/>
            <ac:spMk id="4323" creationId="{D05696E1-CD78-DA9F-29F9-D6E77D66A66B}"/>
          </ac:spMkLst>
        </pc:spChg>
        <pc:spChg chg="mod">
          <ac:chgData name="White, Alex" userId="eff6cc8c-37d8-483b-9c6c-6b27e9afa9bc" providerId="ADAL" clId="{BF04C754-5BF4-4E83-9615-DB14FA25AF8A}" dt="2023-10-12T11:37:59.791" v="293"/>
          <ac:spMkLst>
            <pc:docMk/>
            <pc:sldMk cId="2376958513" sldId="260"/>
            <ac:spMk id="4324" creationId="{70B16E8D-6C69-7B0E-4E32-5E25DF99EE2B}"/>
          </ac:spMkLst>
        </pc:spChg>
        <pc:spChg chg="mod">
          <ac:chgData name="White, Alex" userId="eff6cc8c-37d8-483b-9c6c-6b27e9afa9bc" providerId="ADAL" clId="{BF04C754-5BF4-4E83-9615-DB14FA25AF8A}" dt="2023-10-12T11:37:59.791" v="293"/>
          <ac:spMkLst>
            <pc:docMk/>
            <pc:sldMk cId="2376958513" sldId="260"/>
            <ac:spMk id="4325" creationId="{52873EAB-CC21-10AF-76D2-D52ECB229C9C}"/>
          </ac:spMkLst>
        </pc:spChg>
        <pc:spChg chg="mod">
          <ac:chgData name="White, Alex" userId="eff6cc8c-37d8-483b-9c6c-6b27e9afa9bc" providerId="ADAL" clId="{BF04C754-5BF4-4E83-9615-DB14FA25AF8A}" dt="2023-10-12T11:37:59.791" v="293"/>
          <ac:spMkLst>
            <pc:docMk/>
            <pc:sldMk cId="2376958513" sldId="260"/>
            <ac:spMk id="4326" creationId="{89906888-7BC5-2CAB-B73C-68C6336AA53D}"/>
          </ac:spMkLst>
        </pc:spChg>
        <pc:spChg chg="mod">
          <ac:chgData name="White, Alex" userId="eff6cc8c-37d8-483b-9c6c-6b27e9afa9bc" providerId="ADAL" clId="{BF04C754-5BF4-4E83-9615-DB14FA25AF8A}" dt="2023-10-12T11:37:59.791" v="293"/>
          <ac:spMkLst>
            <pc:docMk/>
            <pc:sldMk cId="2376958513" sldId="260"/>
            <ac:spMk id="4327" creationId="{FE6A5EBF-4126-A6AE-A569-93E9B2B2C4AE}"/>
          </ac:spMkLst>
        </pc:spChg>
        <pc:spChg chg="mod">
          <ac:chgData name="White, Alex" userId="eff6cc8c-37d8-483b-9c6c-6b27e9afa9bc" providerId="ADAL" clId="{BF04C754-5BF4-4E83-9615-DB14FA25AF8A}" dt="2023-10-12T11:37:59.791" v="293"/>
          <ac:spMkLst>
            <pc:docMk/>
            <pc:sldMk cId="2376958513" sldId="260"/>
            <ac:spMk id="4328" creationId="{68E8A413-628F-DC3B-C773-45D12826D656}"/>
          </ac:spMkLst>
        </pc:spChg>
        <pc:spChg chg="mod">
          <ac:chgData name="White, Alex" userId="eff6cc8c-37d8-483b-9c6c-6b27e9afa9bc" providerId="ADAL" clId="{BF04C754-5BF4-4E83-9615-DB14FA25AF8A}" dt="2023-10-12T11:37:59.791" v="293"/>
          <ac:spMkLst>
            <pc:docMk/>
            <pc:sldMk cId="2376958513" sldId="260"/>
            <ac:spMk id="4329" creationId="{5B2E9853-6539-6A1F-77DF-75FC332CB21C}"/>
          </ac:spMkLst>
        </pc:spChg>
        <pc:spChg chg="mod">
          <ac:chgData name="White, Alex" userId="eff6cc8c-37d8-483b-9c6c-6b27e9afa9bc" providerId="ADAL" clId="{BF04C754-5BF4-4E83-9615-DB14FA25AF8A}" dt="2023-10-12T11:37:59.791" v="293"/>
          <ac:spMkLst>
            <pc:docMk/>
            <pc:sldMk cId="2376958513" sldId="260"/>
            <ac:spMk id="4330" creationId="{3264409C-8326-B2F8-6536-E31B8F76C546}"/>
          </ac:spMkLst>
        </pc:spChg>
        <pc:spChg chg="mod">
          <ac:chgData name="White, Alex" userId="eff6cc8c-37d8-483b-9c6c-6b27e9afa9bc" providerId="ADAL" clId="{BF04C754-5BF4-4E83-9615-DB14FA25AF8A}" dt="2023-10-12T11:37:59.791" v="293"/>
          <ac:spMkLst>
            <pc:docMk/>
            <pc:sldMk cId="2376958513" sldId="260"/>
            <ac:spMk id="4331" creationId="{D182EF4C-98C3-AAB4-DEFA-7460BB89BBD8}"/>
          </ac:spMkLst>
        </pc:spChg>
        <pc:spChg chg="mod">
          <ac:chgData name="White, Alex" userId="eff6cc8c-37d8-483b-9c6c-6b27e9afa9bc" providerId="ADAL" clId="{BF04C754-5BF4-4E83-9615-DB14FA25AF8A}" dt="2023-10-12T11:37:59.791" v="293"/>
          <ac:spMkLst>
            <pc:docMk/>
            <pc:sldMk cId="2376958513" sldId="260"/>
            <ac:spMk id="4332" creationId="{8855BE44-73DB-A1F2-35F7-C0ED895202CD}"/>
          </ac:spMkLst>
        </pc:spChg>
        <pc:spChg chg="mod">
          <ac:chgData name="White, Alex" userId="eff6cc8c-37d8-483b-9c6c-6b27e9afa9bc" providerId="ADAL" clId="{BF04C754-5BF4-4E83-9615-DB14FA25AF8A}" dt="2023-10-12T11:37:59.791" v="293"/>
          <ac:spMkLst>
            <pc:docMk/>
            <pc:sldMk cId="2376958513" sldId="260"/>
            <ac:spMk id="4333" creationId="{B474004C-3B94-829B-2310-81F60AD26564}"/>
          </ac:spMkLst>
        </pc:spChg>
        <pc:spChg chg="mod">
          <ac:chgData name="White, Alex" userId="eff6cc8c-37d8-483b-9c6c-6b27e9afa9bc" providerId="ADAL" clId="{BF04C754-5BF4-4E83-9615-DB14FA25AF8A}" dt="2023-10-12T11:37:59.791" v="293"/>
          <ac:spMkLst>
            <pc:docMk/>
            <pc:sldMk cId="2376958513" sldId="260"/>
            <ac:spMk id="4334" creationId="{DECDEDFF-3FE6-4774-91A7-979743DFB4B1}"/>
          </ac:spMkLst>
        </pc:spChg>
        <pc:spChg chg="mod">
          <ac:chgData name="White, Alex" userId="eff6cc8c-37d8-483b-9c6c-6b27e9afa9bc" providerId="ADAL" clId="{BF04C754-5BF4-4E83-9615-DB14FA25AF8A}" dt="2023-10-12T11:37:59.791" v="293"/>
          <ac:spMkLst>
            <pc:docMk/>
            <pc:sldMk cId="2376958513" sldId="260"/>
            <ac:spMk id="4335" creationId="{4F7CE437-6F52-B224-608F-35DC40DB54C6}"/>
          </ac:spMkLst>
        </pc:spChg>
        <pc:spChg chg="mod">
          <ac:chgData name="White, Alex" userId="eff6cc8c-37d8-483b-9c6c-6b27e9afa9bc" providerId="ADAL" clId="{BF04C754-5BF4-4E83-9615-DB14FA25AF8A}" dt="2023-10-12T11:37:59.791" v="293"/>
          <ac:spMkLst>
            <pc:docMk/>
            <pc:sldMk cId="2376958513" sldId="260"/>
            <ac:spMk id="4336" creationId="{A28B9F97-F385-396F-6896-C19D641596E0}"/>
          </ac:spMkLst>
        </pc:spChg>
        <pc:spChg chg="mod">
          <ac:chgData name="White, Alex" userId="eff6cc8c-37d8-483b-9c6c-6b27e9afa9bc" providerId="ADAL" clId="{BF04C754-5BF4-4E83-9615-DB14FA25AF8A}" dt="2023-10-12T11:37:59.791" v="293"/>
          <ac:spMkLst>
            <pc:docMk/>
            <pc:sldMk cId="2376958513" sldId="260"/>
            <ac:spMk id="4337" creationId="{1070FAA7-2964-E628-FFB8-ECAE57FD852B}"/>
          </ac:spMkLst>
        </pc:spChg>
        <pc:spChg chg="mod">
          <ac:chgData name="White, Alex" userId="eff6cc8c-37d8-483b-9c6c-6b27e9afa9bc" providerId="ADAL" clId="{BF04C754-5BF4-4E83-9615-DB14FA25AF8A}" dt="2023-10-12T11:37:59.791" v="293"/>
          <ac:spMkLst>
            <pc:docMk/>
            <pc:sldMk cId="2376958513" sldId="260"/>
            <ac:spMk id="4338" creationId="{AA78C27D-E1A5-F465-9697-9E128C168862}"/>
          </ac:spMkLst>
        </pc:spChg>
        <pc:spChg chg="mod">
          <ac:chgData name="White, Alex" userId="eff6cc8c-37d8-483b-9c6c-6b27e9afa9bc" providerId="ADAL" clId="{BF04C754-5BF4-4E83-9615-DB14FA25AF8A}" dt="2023-10-12T11:37:59.791" v="293"/>
          <ac:spMkLst>
            <pc:docMk/>
            <pc:sldMk cId="2376958513" sldId="260"/>
            <ac:spMk id="4339" creationId="{3D577D4A-FC86-DCE5-BE98-CA0FCE57EB4D}"/>
          </ac:spMkLst>
        </pc:spChg>
        <pc:spChg chg="mod">
          <ac:chgData name="White, Alex" userId="eff6cc8c-37d8-483b-9c6c-6b27e9afa9bc" providerId="ADAL" clId="{BF04C754-5BF4-4E83-9615-DB14FA25AF8A}" dt="2023-10-12T11:37:59.791" v="293"/>
          <ac:spMkLst>
            <pc:docMk/>
            <pc:sldMk cId="2376958513" sldId="260"/>
            <ac:spMk id="4340" creationId="{A7573B82-ED6F-3213-7B47-4761EC166F80}"/>
          </ac:spMkLst>
        </pc:spChg>
        <pc:spChg chg="mod">
          <ac:chgData name="White, Alex" userId="eff6cc8c-37d8-483b-9c6c-6b27e9afa9bc" providerId="ADAL" clId="{BF04C754-5BF4-4E83-9615-DB14FA25AF8A}" dt="2023-10-12T11:37:59.791" v="293"/>
          <ac:spMkLst>
            <pc:docMk/>
            <pc:sldMk cId="2376958513" sldId="260"/>
            <ac:spMk id="4341" creationId="{52F01F4D-97E6-5E5E-847F-19354773D981}"/>
          </ac:spMkLst>
        </pc:spChg>
        <pc:spChg chg="mod">
          <ac:chgData name="White, Alex" userId="eff6cc8c-37d8-483b-9c6c-6b27e9afa9bc" providerId="ADAL" clId="{BF04C754-5BF4-4E83-9615-DB14FA25AF8A}" dt="2023-10-12T11:37:59.791" v="293"/>
          <ac:spMkLst>
            <pc:docMk/>
            <pc:sldMk cId="2376958513" sldId="260"/>
            <ac:spMk id="4342" creationId="{A9087648-8116-C946-2A66-157D8CF6E06F}"/>
          </ac:spMkLst>
        </pc:spChg>
        <pc:spChg chg="mod">
          <ac:chgData name="White, Alex" userId="eff6cc8c-37d8-483b-9c6c-6b27e9afa9bc" providerId="ADAL" clId="{BF04C754-5BF4-4E83-9615-DB14FA25AF8A}" dt="2023-10-12T11:37:59.791" v="293"/>
          <ac:spMkLst>
            <pc:docMk/>
            <pc:sldMk cId="2376958513" sldId="260"/>
            <ac:spMk id="4343" creationId="{F55B031C-12F1-FD86-C591-84F4F2AE6FD5}"/>
          </ac:spMkLst>
        </pc:spChg>
        <pc:spChg chg="mod">
          <ac:chgData name="White, Alex" userId="eff6cc8c-37d8-483b-9c6c-6b27e9afa9bc" providerId="ADAL" clId="{BF04C754-5BF4-4E83-9615-DB14FA25AF8A}" dt="2023-10-12T11:37:59.791" v="293"/>
          <ac:spMkLst>
            <pc:docMk/>
            <pc:sldMk cId="2376958513" sldId="260"/>
            <ac:spMk id="4344" creationId="{1B216D8B-2B36-8CF5-FCE1-485B38E85B02}"/>
          </ac:spMkLst>
        </pc:spChg>
        <pc:spChg chg="mod">
          <ac:chgData name="White, Alex" userId="eff6cc8c-37d8-483b-9c6c-6b27e9afa9bc" providerId="ADAL" clId="{BF04C754-5BF4-4E83-9615-DB14FA25AF8A}" dt="2023-10-12T11:37:59.791" v="293"/>
          <ac:spMkLst>
            <pc:docMk/>
            <pc:sldMk cId="2376958513" sldId="260"/>
            <ac:spMk id="4345" creationId="{254A7B95-0F37-3B95-9393-193C8537216B}"/>
          </ac:spMkLst>
        </pc:spChg>
        <pc:spChg chg="mod">
          <ac:chgData name="White, Alex" userId="eff6cc8c-37d8-483b-9c6c-6b27e9afa9bc" providerId="ADAL" clId="{BF04C754-5BF4-4E83-9615-DB14FA25AF8A}" dt="2023-10-12T11:37:59.791" v="293"/>
          <ac:spMkLst>
            <pc:docMk/>
            <pc:sldMk cId="2376958513" sldId="260"/>
            <ac:spMk id="4346" creationId="{F36D55B1-B78B-D639-BBE0-211854690CE2}"/>
          </ac:spMkLst>
        </pc:spChg>
        <pc:spChg chg="mod">
          <ac:chgData name="White, Alex" userId="eff6cc8c-37d8-483b-9c6c-6b27e9afa9bc" providerId="ADAL" clId="{BF04C754-5BF4-4E83-9615-DB14FA25AF8A}" dt="2023-10-12T11:37:59.791" v="293"/>
          <ac:spMkLst>
            <pc:docMk/>
            <pc:sldMk cId="2376958513" sldId="260"/>
            <ac:spMk id="4347" creationId="{1778E178-8114-F7C8-0D48-339E979DC9EB}"/>
          </ac:spMkLst>
        </pc:spChg>
        <pc:spChg chg="mod">
          <ac:chgData name="White, Alex" userId="eff6cc8c-37d8-483b-9c6c-6b27e9afa9bc" providerId="ADAL" clId="{BF04C754-5BF4-4E83-9615-DB14FA25AF8A}" dt="2023-10-12T11:37:59.791" v="293"/>
          <ac:spMkLst>
            <pc:docMk/>
            <pc:sldMk cId="2376958513" sldId="260"/>
            <ac:spMk id="4348" creationId="{0C6C53A6-0F52-7D89-F513-7F2424E69B53}"/>
          </ac:spMkLst>
        </pc:spChg>
        <pc:spChg chg="mod">
          <ac:chgData name="White, Alex" userId="eff6cc8c-37d8-483b-9c6c-6b27e9afa9bc" providerId="ADAL" clId="{BF04C754-5BF4-4E83-9615-DB14FA25AF8A}" dt="2023-10-12T11:37:59.791" v="293"/>
          <ac:spMkLst>
            <pc:docMk/>
            <pc:sldMk cId="2376958513" sldId="260"/>
            <ac:spMk id="4349" creationId="{A2D14936-21D2-97C4-4EEB-F7549A7CA21E}"/>
          </ac:spMkLst>
        </pc:spChg>
        <pc:spChg chg="mod">
          <ac:chgData name="White, Alex" userId="eff6cc8c-37d8-483b-9c6c-6b27e9afa9bc" providerId="ADAL" clId="{BF04C754-5BF4-4E83-9615-DB14FA25AF8A}" dt="2023-10-12T11:37:59.791" v="293"/>
          <ac:spMkLst>
            <pc:docMk/>
            <pc:sldMk cId="2376958513" sldId="260"/>
            <ac:spMk id="4350" creationId="{218E8311-BB4F-C787-2131-29C77C4F3454}"/>
          </ac:spMkLst>
        </pc:spChg>
        <pc:spChg chg="mod">
          <ac:chgData name="White, Alex" userId="eff6cc8c-37d8-483b-9c6c-6b27e9afa9bc" providerId="ADAL" clId="{BF04C754-5BF4-4E83-9615-DB14FA25AF8A}" dt="2023-10-12T11:37:59.791" v="293"/>
          <ac:spMkLst>
            <pc:docMk/>
            <pc:sldMk cId="2376958513" sldId="260"/>
            <ac:spMk id="4351" creationId="{EC28B7A0-B6BD-7840-EE2E-63D8C3215AD0}"/>
          </ac:spMkLst>
        </pc:spChg>
        <pc:spChg chg="mod">
          <ac:chgData name="White, Alex" userId="eff6cc8c-37d8-483b-9c6c-6b27e9afa9bc" providerId="ADAL" clId="{BF04C754-5BF4-4E83-9615-DB14FA25AF8A}" dt="2023-10-12T11:37:59.791" v="293"/>
          <ac:spMkLst>
            <pc:docMk/>
            <pc:sldMk cId="2376958513" sldId="260"/>
            <ac:spMk id="4352" creationId="{00C50CED-5277-37D3-BB1B-BE17D097EFA8}"/>
          </ac:spMkLst>
        </pc:spChg>
        <pc:spChg chg="mod">
          <ac:chgData name="White, Alex" userId="eff6cc8c-37d8-483b-9c6c-6b27e9afa9bc" providerId="ADAL" clId="{BF04C754-5BF4-4E83-9615-DB14FA25AF8A}" dt="2023-10-12T11:37:59.791" v="293"/>
          <ac:spMkLst>
            <pc:docMk/>
            <pc:sldMk cId="2376958513" sldId="260"/>
            <ac:spMk id="4353" creationId="{2305AADB-D650-876C-9773-D525E6B39467}"/>
          </ac:spMkLst>
        </pc:spChg>
        <pc:spChg chg="mod">
          <ac:chgData name="White, Alex" userId="eff6cc8c-37d8-483b-9c6c-6b27e9afa9bc" providerId="ADAL" clId="{BF04C754-5BF4-4E83-9615-DB14FA25AF8A}" dt="2023-10-12T11:37:59.791" v="293"/>
          <ac:spMkLst>
            <pc:docMk/>
            <pc:sldMk cId="2376958513" sldId="260"/>
            <ac:spMk id="4354" creationId="{7B9F1340-F8CE-BD90-9C56-1767BF784CFB}"/>
          </ac:spMkLst>
        </pc:spChg>
        <pc:spChg chg="mod">
          <ac:chgData name="White, Alex" userId="eff6cc8c-37d8-483b-9c6c-6b27e9afa9bc" providerId="ADAL" clId="{BF04C754-5BF4-4E83-9615-DB14FA25AF8A}" dt="2023-10-12T11:37:59.791" v="293"/>
          <ac:spMkLst>
            <pc:docMk/>
            <pc:sldMk cId="2376958513" sldId="260"/>
            <ac:spMk id="4355" creationId="{0F88327E-B418-494A-C76C-A61F8E9AACCC}"/>
          </ac:spMkLst>
        </pc:spChg>
        <pc:spChg chg="mod">
          <ac:chgData name="White, Alex" userId="eff6cc8c-37d8-483b-9c6c-6b27e9afa9bc" providerId="ADAL" clId="{BF04C754-5BF4-4E83-9615-DB14FA25AF8A}" dt="2023-10-12T11:37:59.791" v="293"/>
          <ac:spMkLst>
            <pc:docMk/>
            <pc:sldMk cId="2376958513" sldId="260"/>
            <ac:spMk id="4356" creationId="{CD3B13AB-7F90-5D75-B030-D274A6B82F85}"/>
          </ac:spMkLst>
        </pc:spChg>
        <pc:spChg chg="mod">
          <ac:chgData name="White, Alex" userId="eff6cc8c-37d8-483b-9c6c-6b27e9afa9bc" providerId="ADAL" clId="{BF04C754-5BF4-4E83-9615-DB14FA25AF8A}" dt="2023-10-12T11:37:59.791" v="293"/>
          <ac:spMkLst>
            <pc:docMk/>
            <pc:sldMk cId="2376958513" sldId="260"/>
            <ac:spMk id="4357" creationId="{B7411D6C-CF19-5718-E55F-9C668D7DC2C7}"/>
          </ac:spMkLst>
        </pc:spChg>
        <pc:spChg chg="mod">
          <ac:chgData name="White, Alex" userId="eff6cc8c-37d8-483b-9c6c-6b27e9afa9bc" providerId="ADAL" clId="{BF04C754-5BF4-4E83-9615-DB14FA25AF8A}" dt="2023-10-12T11:37:59.791" v="293"/>
          <ac:spMkLst>
            <pc:docMk/>
            <pc:sldMk cId="2376958513" sldId="260"/>
            <ac:spMk id="4358" creationId="{64E00369-2A51-77CF-C641-3BD99C38EF60}"/>
          </ac:spMkLst>
        </pc:spChg>
        <pc:spChg chg="mod">
          <ac:chgData name="White, Alex" userId="eff6cc8c-37d8-483b-9c6c-6b27e9afa9bc" providerId="ADAL" clId="{BF04C754-5BF4-4E83-9615-DB14FA25AF8A}" dt="2023-10-12T11:37:59.791" v="293"/>
          <ac:spMkLst>
            <pc:docMk/>
            <pc:sldMk cId="2376958513" sldId="260"/>
            <ac:spMk id="4359" creationId="{724377CA-4DCC-6D61-1529-A1CA1F2A3D5A}"/>
          </ac:spMkLst>
        </pc:spChg>
        <pc:spChg chg="mod">
          <ac:chgData name="White, Alex" userId="eff6cc8c-37d8-483b-9c6c-6b27e9afa9bc" providerId="ADAL" clId="{BF04C754-5BF4-4E83-9615-DB14FA25AF8A}" dt="2023-10-12T11:37:59.791" v="293"/>
          <ac:spMkLst>
            <pc:docMk/>
            <pc:sldMk cId="2376958513" sldId="260"/>
            <ac:spMk id="4360" creationId="{3A403A1D-BB12-9B38-6DEF-79E37690BBD0}"/>
          </ac:spMkLst>
        </pc:spChg>
        <pc:spChg chg="mod">
          <ac:chgData name="White, Alex" userId="eff6cc8c-37d8-483b-9c6c-6b27e9afa9bc" providerId="ADAL" clId="{BF04C754-5BF4-4E83-9615-DB14FA25AF8A}" dt="2023-10-12T11:37:59.791" v="293"/>
          <ac:spMkLst>
            <pc:docMk/>
            <pc:sldMk cId="2376958513" sldId="260"/>
            <ac:spMk id="4361" creationId="{26B4E156-C62E-161F-AF5E-226669E16300}"/>
          </ac:spMkLst>
        </pc:spChg>
        <pc:spChg chg="mod">
          <ac:chgData name="White, Alex" userId="eff6cc8c-37d8-483b-9c6c-6b27e9afa9bc" providerId="ADAL" clId="{BF04C754-5BF4-4E83-9615-DB14FA25AF8A}" dt="2023-10-12T11:37:59.791" v="293"/>
          <ac:spMkLst>
            <pc:docMk/>
            <pc:sldMk cId="2376958513" sldId="260"/>
            <ac:spMk id="4362" creationId="{6C4B67F9-8629-2646-F9FC-E666C956A596}"/>
          </ac:spMkLst>
        </pc:spChg>
        <pc:spChg chg="mod">
          <ac:chgData name="White, Alex" userId="eff6cc8c-37d8-483b-9c6c-6b27e9afa9bc" providerId="ADAL" clId="{BF04C754-5BF4-4E83-9615-DB14FA25AF8A}" dt="2023-10-12T11:37:59.791" v="293"/>
          <ac:spMkLst>
            <pc:docMk/>
            <pc:sldMk cId="2376958513" sldId="260"/>
            <ac:spMk id="4363" creationId="{D22561FD-DCFC-CF44-9191-508601C6E4AB}"/>
          </ac:spMkLst>
        </pc:spChg>
        <pc:spChg chg="mod">
          <ac:chgData name="White, Alex" userId="eff6cc8c-37d8-483b-9c6c-6b27e9afa9bc" providerId="ADAL" clId="{BF04C754-5BF4-4E83-9615-DB14FA25AF8A}" dt="2023-10-12T11:37:59.791" v="293"/>
          <ac:spMkLst>
            <pc:docMk/>
            <pc:sldMk cId="2376958513" sldId="260"/>
            <ac:spMk id="4364" creationId="{71A88B91-3998-F593-EFB9-E9B9BD114344}"/>
          </ac:spMkLst>
        </pc:spChg>
        <pc:spChg chg="mod">
          <ac:chgData name="White, Alex" userId="eff6cc8c-37d8-483b-9c6c-6b27e9afa9bc" providerId="ADAL" clId="{BF04C754-5BF4-4E83-9615-DB14FA25AF8A}" dt="2023-10-12T11:37:59.791" v="293"/>
          <ac:spMkLst>
            <pc:docMk/>
            <pc:sldMk cId="2376958513" sldId="260"/>
            <ac:spMk id="4365" creationId="{FD523BE4-E2B9-6792-0AC7-000E085AC8CE}"/>
          </ac:spMkLst>
        </pc:spChg>
        <pc:spChg chg="mod">
          <ac:chgData name="White, Alex" userId="eff6cc8c-37d8-483b-9c6c-6b27e9afa9bc" providerId="ADAL" clId="{BF04C754-5BF4-4E83-9615-DB14FA25AF8A}" dt="2023-10-12T11:37:59.791" v="293"/>
          <ac:spMkLst>
            <pc:docMk/>
            <pc:sldMk cId="2376958513" sldId="260"/>
            <ac:spMk id="4366" creationId="{7C54F676-D4C9-5319-0E65-C249E83E4672}"/>
          </ac:spMkLst>
        </pc:spChg>
        <pc:spChg chg="mod">
          <ac:chgData name="White, Alex" userId="eff6cc8c-37d8-483b-9c6c-6b27e9afa9bc" providerId="ADAL" clId="{BF04C754-5BF4-4E83-9615-DB14FA25AF8A}" dt="2023-10-12T11:37:59.791" v="293"/>
          <ac:spMkLst>
            <pc:docMk/>
            <pc:sldMk cId="2376958513" sldId="260"/>
            <ac:spMk id="4367" creationId="{0DDD99ED-E130-D8BF-3C65-B5B9F5897EBA}"/>
          </ac:spMkLst>
        </pc:spChg>
        <pc:spChg chg="mod">
          <ac:chgData name="White, Alex" userId="eff6cc8c-37d8-483b-9c6c-6b27e9afa9bc" providerId="ADAL" clId="{BF04C754-5BF4-4E83-9615-DB14FA25AF8A}" dt="2023-10-12T11:37:59.791" v="293"/>
          <ac:spMkLst>
            <pc:docMk/>
            <pc:sldMk cId="2376958513" sldId="260"/>
            <ac:spMk id="4368" creationId="{E75FFD59-3561-5439-7429-9AD72CC9CD8B}"/>
          </ac:spMkLst>
        </pc:spChg>
        <pc:spChg chg="mod">
          <ac:chgData name="White, Alex" userId="eff6cc8c-37d8-483b-9c6c-6b27e9afa9bc" providerId="ADAL" clId="{BF04C754-5BF4-4E83-9615-DB14FA25AF8A}" dt="2023-10-12T11:37:59.791" v="293"/>
          <ac:spMkLst>
            <pc:docMk/>
            <pc:sldMk cId="2376958513" sldId="260"/>
            <ac:spMk id="4369" creationId="{0A70515B-B340-2167-EE1C-D635A8B88A26}"/>
          </ac:spMkLst>
        </pc:spChg>
        <pc:spChg chg="mod">
          <ac:chgData name="White, Alex" userId="eff6cc8c-37d8-483b-9c6c-6b27e9afa9bc" providerId="ADAL" clId="{BF04C754-5BF4-4E83-9615-DB14FA25AF8A}" dt="2023-10-12T11:37:59.791" v="293"/>
          <ac:spMkLst>
            <pc:docMk/>
            <pc:sldMk cId="2376958513" sldId="260"/>
            <ac:spMk id="4370" creationId="{5B5FD01B-946D-7A0D-3515-2447D778806D}"/>
          </ac:spMkLst>
        </pc:spChg>
        <pc:spChg chg="mod">
          <ac:chgData name="White, Alex" userId="eff6cc8c-37d8-483b-9c6c-6b27e9afa9bc" providerId="ADAL" clId="{BF04C754-5BF4-4E83-9615-DB14FA25AF8A}" dt="2023-10-12T11:37:59.791" v="293"/>
          <ac:spMkLst>
            <pc:docMk/>
            <pc:sldMk cId="2376958513" sldId="260"/>
            <ac:spMk id="4371" creationId="{BCD559B2-510C-A704-7420-DA84ECA1BC69}"/>
          </ac:spMkLst>
        </pc:spChg>
        <pc:spChg chg="mod">
          <ac:chgData name="White, Alex" userId="eff6cc8c-37d8-483b-9c6c-6b27e9afa9bc" providerId="ADAL" clId="{BF04C754-5BF4-4E83-9615-DB14FA25AF8A}" dt="2023-10-12T11:37:59.791" v="293"/>
          <ac:spMkLst>
            <pc:docMk/>
            <pc:sldMk cId="2376958513" sldId="260"/>
            <ac:spMk id="4372" creationId="{ED17B8B3-2FDD-9045-60E4-BC4C0E573FAE}"/>
          </ac:spMkLst>
        </pc:spChg>
        <pc:spChg chg="mod">
          <ac:chgData name="White, Alex" userId="eff6cc8c-37d8-483b-9c6c-6b27e9afa9bc" providerId="ADAL" clId="{BF04C754-5BF4-4E83-9615-DB14FA25AF8A}" dt="2023-10-12T11:37:59.791" v="293"/>
          <ac:spMkLst>
            <pc:docMk/>
            <pc:sldMk cId="2376958513" sldId="260"/>
            <ac:spMk id="4373" creationId="{1F7FC3D1-EB52-62F7-4908-688A4936C8E5}"/>
          </ac:spMkLst>
        </pc:spChg>
        <pc:spChg chg="mod">
          <ac:chgData name="White, Alex" userId="eff6cc8c-37d8-483b-9c6c-6b27e9afa9bc" providerId="ADAL" clId="{BF04C754-5BF4-4E83-9615-DB14FA25AF8A}" dt="2023-10-12T11:37:59.791" v="293"/>
          <ac:spMkLst>
            <pc:docMk/>
            <pc:sldMk cId="2376958513" sldId="260"/>
            <ac:spMk id="4374" creationId="{198B1B07-62E9-0980-A15A-4205D431CB82}"/>
          </ac:spMkLst>
        </pc:spChg>
        <pc:spChg chg="mod">
          <ac:chgData name="White, Alex" userId="eff6cc8c-37d8-483b-9c6c-6b27e9afa9bc" providerId="ADAL" clId="{BF04C754-5BF4-4E83-9615-DB14FA25AF8A}" dt="2023-10-12T11:37:59.791" v="293"/>
          <ac:spMkLst>
            <pc:docMk/>
            <pc:sldMk cId="2376958513" sldId="260"/>
            <ac:spMk id="4375" creationId="{F9BCC186-AF5C-BE6A-E51A-8FF7325551E3}"/>
          </ac:spMkLst>
        </pc:spChg>
        <pc:spChg chg="mod">
          <ac:chgData name="White, Alex" userId="eff6cc8c-37d8-483b-9c6c-6b27e9afa9bc" providerId="ADAL" clId="{BF04C754-5BF4-4E83-9615-DB14FA25AF8A}" dt="2023-10-12T11:37:59.791" v="293"/>
          <ac:spMkLst>
            <pc:docMk/>
            <pc:sldMk cId="2376958513" sldId="260"/>
            <ac:spMk id="4376" creationId="{050A4544-60B7-7B30-6499-EBC0D51C6C8D}"/>
          </ac:spMkLst>
        </pc:spChg>
        <pc:spChg chg="mod">
          <ac:chgData name="White, Alex" userId="eff6cc8c-37d8-483b-9c6c-6b27e9afa9bc" providerId="ADAL" clId="{BF04C754-5BF4-4E83-9615-DB14FA25AF8A}" dt="2023-10-12T11:37:59.791" v="293"/>
          <ac:spMkLst>
            <pc:docMk/>
            <pc:sldMk cId="2376958513" sldId="260"/>
            <ac:spMk id="4377" creationId="{14D2010B-CC6A-5EA0-9496-579ACCC1312C}"/>
          </ac:spMkLst>
        </pc:spChg>
        <pc:spChg chg="mod">
          <ac:chgData name="White, Alex" userId="eff6cc8c-37d8-483b-9c6c-6b27e9afa9bc" providerId="ADAL" clId="{BF04C754-5BF4-4E83-9615-DB14FA25AF8A}" dt="2023-10-12T11:37:59.791" v="293"/>
          <ac:spMkLst>
            <pc:docMk/>
            <pc:sldMk cId="2376958513" sldId="260"/>
            <ac:spMk id="4378" creationId="{7E4BF651-4532-8B18-D656-C0E5B7C838F6}"/>
          </ac:spMkLst>
        </pc:spChg>
        <pc:spChg chg="mod">
          <ac:chgData name="White, Alex" userId="eff6cc8c-37d8-483b-9c6c-6b27e9afa9bc" providerId="ADAL" clId="{BF04C754-5BF4-4E83-9615-DB14FA25AF8A}" dt="2023-10-12T11:37:59.791" v="293"/>
          <ac:spMkLst>
            <pc:docMk/>
            <pc:sldMk cId="2376958513" sldId="260"/>
            <ac:spMk id="4379" creationId="{351296EE-A5ED-3F0C-FC7D-4C324BF69FC6}"/>
          </ac:spMkLst>
        </pc:spChg>
        <pc:spChg chg="mod">
          <ac:chgData name="White, Alex" userId="eff6cc8c-37d8-483b-9c6c-6b27e9afa9bc" providerId="ADAL" clId="{BF04C754-5BF4-4E83-9615-DB14FA25AF8A}" dt="2023-10-12T11:37:59.791" v="293"/>
          <ac:spMkLst>
            <pc:docMk/>
            <pc:sldMk cId="2376958513" sldId="260"/>
            <ac:spMk id="4380" creationId="{E543B841-C6DA-64A6-4549-696BCBCA3FAD}"/>
          </ac:spMkLst>
        </pc:spChg>
        <pc:spChg chg="mod">
          <ac:chgData name="White, Alex" userId="eff6cc8c-37d8-483b-9c6c-6b27e9afa9bc" providerId="ADAL" clId="{BF04C754-5BF4-4E83-9615-DB14FA25AF8A}" dt="2023-10-12T11:37:59.791" v="293"/>
          <ac:spMkLst>
            <pc:docMk/>
            <pc:sldMk cId="2376958513" sldId="260"/>
            <ac:spMk id="4381" creationId="{39A3A260-9CD9-871C-CCAC-D6BD82D6377A}"/>
          </ac:spMkLst>
        </pc:spChg>
        <pc:spChg chg="mod">
          <ac:chgData name="White, Alex" userId="eff6cc8c-37d8-483b-9c6c-6b27e9afa9bc" providerId="ADAL" clId="{BF04C754-5BF4-4E83-9615-DB14FA25AF8A}" dt="2023-10-12T11:37:59.791" v="293"/>
          <ac:spMkLst>
            <pc:docMk/>
            <pc:sldMk cId="2376958513" sldId="260"/>
            <ac:spMk id="4382" creationId="{E2D0D743-7CC4-DE64-F943-4B9838ADD446}"/>
          </ac:spMkLst>
        </pc:spChg>
        <pc:spChg chg="mod">
          <ac:chgData name="White, Alex" userId="eff6cc8c-37d8-483b-9c6c-6b27e9afa9bc" providerId="ADAL" clId="{BF04C754-5BF4-4E83-9615-DB14FA25AF8A}" dt="2023-10-12T11:37:59.791" v="293"/>
          <ac:spMkLst>
            <pc:docMk/>
            <pc:sldMk cId="2376958513" sldId="260"/>
            <ac:spMk id="4383" creationId="{10F4F47D-2C1B-4F7D-6BB4-A60DC793AE34}"/>
          </ac:spMkLst>
        </pc:spChg>
        <pc:spChg chg="mod">
          <ac:chgData name="White, Alex" userId="eff6cc8c-37d8-483b-9c6c-6b27e9afa9bc" providerId="ADAL" clId="{BF04C754-5BF4-4E83-9615-DB14FA25AF8A}" dt="2023-10-12T11:37:59.791" v="293"/>
          <ac:spMkLst>
            <pc:docMk/>
            <pc:sldMk cId="2376958513" sldId="260"/>
            <ac:spMk id="4384" creationId="{841DA8B4-1F1E-5325-977B-3CE63A8BD9ED}"/>
          </ac:spMkLst>
        </pc:spChg>
        <pc:spChg chg="mod">
          <ac:chgData name="White, Alex" userId="eff6cc8c-37d8-483b-9c6c-6b27e9afa9bc" providerId="ADAL" clId="{BF04C754-5BF4-4E83-9615-DB14FA25AF8A}" dt="2023-10-12T11:37:59.791" v="293"/>
          <ac:spMkLst>
            <pc:docMk/>
            <pc:sldMk cId="2376958513" sldId="260"/>
            <ac:spMk id="4385" creationId="{778EEA67-E2BE-83C4-FB01-6036CE1A87E3}"/>
          </ac:spMkLst>
        </pc:spChg>
        <pc:spChg chg="mod">
          <ac:chgData name="White, Alex" userId="eff6cc8c-37d8-483b-9c6c-6b27e9afa9bc" providerId="ADAL" clId="{BF04C754-5BF4-4E83-9615-DB14FA25AF8A}" dt="2023-10-12T11:37:59.791" v="293"/>
          <ac:spMkLst>
            <pc:docMk/>
            <pc:sldMk cId="2376958513" sldId="260"/>
            <ac:spMk id="4386" creationId="{78521B1D-5012-6282-BAB7-47FFFD52BD29}"/>
          </ac:spMkLst>
        </pc:spChg>
        <pc:spChg chg="mod">
          <ac:chgData name="White, Alex" userId="eff6cc8c-37d8-483b-9c6c-6b27e9afa9bc" providerId="ADAL" clId="{BF04C754-5BF4-4E83-9615-DB14FA25AF8A}" dt="2023-10-12T11:37:59.791" v="293"/>
          <ac:spMkLst>
            <pc:docMk/>
            <pc:sldMk cId="2376958513" sldId="260"/>
            <ac:spMk id="4387" creationId="{24F59516-8571-22AF-3E11-EC9E0D18540E}"/>
          </ac:spMkLst>
        </pc:spChg>
        <pc:spChg chg="mod">
          <ac:chgData name="White, Alex" userId="eff6cc8c-37d8-483b-9c6c-6b27e9afa9bc" providerId="ADAL" clId="{BF04C754-5BF4-4E83-9615-DB14FA25AF8A}" dt="2023-10-12T11:37:59.791" v="293"/>
          <ac:spMkLst>
            <pc:docMk/>
            <pc:sldMk cId="2376958513" sldId="260"/>
            <ac:spMk id="4388" creationId="{C6E8C140-BA48-6920-DF09-47C16CA589D5}"/>
          </ac:spMkLst>
        </pc:spChg>
        <pc:spChg chg="mod">
          <ac:chgData name="White, Alex" userId="eff6cc8c-37d8-483b-9c6c-6b27e9afa9bc" providerId="ADAL" clId="{BF04C754-5BF4-4E83-9615-DB14FA25AF8A}" dt="2023-10-12T11:37:59.791" v="293"/>
          <ac:spMkLst>
            <pc:docMk/>
            <pc:sldMk cId="2376958513" sldId="260"/>
            <ac:spMk id="4389" creationId="{BBEE45EE-C4A7-DFA6-1480-BBE106A707B6}"/>
          </ac:spMkLst>
        </pc:spChg>
        <pc:spChg chg="mod">
          <ac:chgData name="White, Alex" userId="eff6cc8c-37d8-483b-9c6c-6b27e9afa9bc" providerId="ADAL" clId="{BF04C754-5BF4-4E83-9615-DB14FA25AF8A}" dt="2023-10-12T11:37:59.791" v="293"/>
          <ac:spMkLst>
            <pc:docMk/>
            <pc:sldMk cId="2376958513" sldId="260"/>
            <ac:spMk id="4390" creationId="{B4C4156D-8060-D15F-09FA-464C0B9D1428}"/>
          </ac:spMkLst>
        </pc:spChg>
        <pc:spChg chg="mod">
          <ac:chgData name="White, Alex" userId="eff6cc8c-37d8-483b-9c6c-6b27e9afa9bc" providerId="ADAL" clId="{BF04C754-5BF4-4E83-9615-DB14FA25AF8A}" dt="2023-10-12T11:37:59.791" v="293"/>
          <ac:spMkLst>
            <pc:docMk/>
            <pc:sldMk cId="2376958513" sldId="260"/>
            <ac:spMk id="4391" creationId="{A68FA9BF-71AB-4F71-82C1-AFFEF1689371}"/>
          </ac:spMkLst>
        </pc:spChg>
        <pc:spChg chg="mod">
          <ac:chgData name="White, Alex" userId="eff6cc8c-37d8-483b-9c6c-6b27e9afa9bc" providerId="ADAL" clId="{BF04C754-5BF4-4E83-9615-DB14FA25AF8A}" dt="2023-10-12T11:37:59.791" v="293"/>
          <ac:spMkLst>
            <pc:docMk/>
            <pc:sldMk cId="2376958513" sldId="260"/>
            <ac:spMk id="4392" creationId="{40A708F9-657F-1EB8-FB60-E30AA0BFB8E5}"/>
          </ac:spMkLst>
        </pc:spChg>
        <pc:spChg chg="mod">
          <ac:chgData name="White, Alex" userId="eff6cc8c-37d8-483b-9c6c-6b27e9afa9bc" providerId="ADAL" clId="{BF04C754-5BF4-4E83-9615-DB14FA25AF8A}" dt="2023-10-12T11:37:59.791" v="293"/>
          <ac:spMkLst>
            <pc:docMk/>
            <pc:sldMk cId="2376958513" sldId="260"/>
            <ac:spMk id="4393" creationId="{A51CEB8F-9103-74D6-2537-53DCB2713367}"/>
          </ac:spMkLst>
        </pc:spChg>
        <pc:spChg chg="mod">
          <ac:chgData name="White, Alex" userId="eff6cc8c-37d8-483b-9c6c-6b27e9afa9bc" providerId="ADAL" clId="{BF04C754-5BF4-4E83-9615-DB14FA25AF8A}" dt="2023-10-12T11:37:59.791" v="293"/>
          <ac:spMkLst>
            <pc:docMk/>
            <pc:sldMk cId="2376958513" sldId="260"/>
            <ac:spMk id="4394" creationId="{5AC036E2-A8A6-7629-4278-B37E0E544BE6}"/>
          </ac:spMkLst>
        </pc:spChg>
        <pc:spChg chg="mod">
          <ac:chgData name="White, Alex" userId="eff6cc8c-37d8-483b-9c6c-6b27e9afa9bc" providerId="ADAL" clId="{BF04C754-5BF4-4E83-9615-DB14FA25AF8A}" dt="2023-10-12T11:37:59.791" v="293"/>
          <ac:spMkLst>
            <pc:docMk/>
            <pc:sldMk cId="2376958513" sldId="260"/>
            <ac:spMk id="4395" creationId="{77AA876E-4365-97BE-ECD5-169EF95F58BA}"/>
          </ac:spMkLst>
        </pc:spChg>
        <pc:spChg chg="mod">
          <ac:chgData name="White, Alex" userId="eff6cc8c-37d8-483b-9c6c-6b27e9afa9bc" providerId="ADAL" clId="{BF04C754-5BF4-4E83-9615-DB14FA25AF8A}" dt="2023-10-12T11:37:59.791" v="293"/>
          <ac:spMkLst>
            <pc:docMk/>
            <pc:sldMk cId="2376958513" sldId="260"/>
            <ac:spMk id="4396" creationId="{4DDFDFA0-AE38-8D4D-0D91-51627AB0E5AE}"/>
          </ac:spMkLst>
        </pc:spChg>
        <pc:spChg chg="mod">
          <ac:chgData name="White, Alex" userId="eff6cc8c-37d8-483b-9c6c-6b27e9afa9bc" providerId="ADAL" clId="{BF04C754-5BF4-4E83-9615-DB14FA25AF8A}" dt="2023-10-12T11:37:59.791" v="293"/>
          <ac:spMkLst>
            <pc:docMk/>
            <pc:sldMk cId="2376958513" sldId="260"/>
            <ac:spMk id="4397" creationId="{DE81BBFE-1F47-1E8D-0D32-E7AAF5EBEF83}"/>
          </ac:spMkLst>
        </pc:spChg>
        <pc:spChg chg="mod">
          <ac:chgData name="White, Alex" userId="eff6cc8c-37d8-483b-9c6c-6b27e9afa9bc" providerId="ADAL" clId="{BF04C754-5BF4-4E83-9615-DB14FA25AF8A}" dt="2023-10-12T11:37:59.791" v="293"/>
          <ac:spMkLst>
            <pc:docMk/>
            <pc:sldMk cId="2376958513" sldId="260"/>
            <ac:spMk id="4398" creationId="{913C7CB1-45CF-CBB9-F82B-DC2CA908C84F}"/>
          </ac:spMkLst>
        </pc:spChg>
        <pc:spChg chg="mod">
          <ac:chgData name="White, Alex" userId="eff6cc8c-37d8-483b-9c6c-6b27e9afa9bc" providerId="ADAL" clId="{BF04C754-5BF4-4E83-9615-DB14FA25AF8A}" dt="2023-10-12T11:37:59.791" v="293"/>
          <ac:spMkLst>
            <pc:docMk/>
            <pc:sldMk cId="2376958513" sldId="260"/>
            <ac:spMk id="4399" creationId="{6A087DEA-A1C0-E9C6-7F1A-3B08A1786032}"/>
          </ac:spMkLst>
        </pc:spChg>
        <pc:spChg chg="mod">
          <ac:chgData name="White, Alex" userId="eff6cc8c-37d8-483b-9c6c-6b27e9afa9bc" providerId="ADAL" clId="{BF04C754-5BF4-4E83-9615-DB14FA25AF8A}" dt="2023-10-12T11:37:59.791" v="293"/>
          <ac:spMkLst>
            <pc:docMk/>
            <pc:sldMk cId="2376958513" sldId="260"/>
            <ac:spMk id="4400" creationId="{D744E55B-0175-0E7D-626C-256BF0D724B1}"/>
          </ac:spMkLst>
        </pc:spChg>
        <pc:spChg chg="mod">
          <ac:chgData name="White, Alex" userId="eff6cc8c-37d8-483b-9c6c-6b27e9afa9bc" providerId="ADAL" clId="{BF04C754-5BF4-4E83-9615-DB14FA25AF8A}" dt="2023-10-12T11:37:59.791" v="293"/>
          <ac:spMkLst>
            <pc:docMk/>
            <pc:sldMk cId="2376958513" sldId="260"/>
            <ac:spMk id="4401" creationId="{F5A2A8C9-EF28-0327-8401-ECC06F3EC55D}"/>
          </ac:spMkLst>
        </pc:spChg>
        <pc:spChg chg="mod">
          <ac:chgData name="White, Alex" userId="eff6cc8c-37d8-483b-9c6c-6b27e9afa9bc" providerId="ADAL" clId="{BF04C754-5BF4-4E83-9615-DB14FA25AF8A}" dt="2023-10-12T11:37:59.791" v="293"/>
          <ac:spMkLst>
            <pc:docMk/>
            <pc:sldMk cId="2376958513" sldId="260"/>
            <ac:spMk id="4402" creationId="{655E02A2-D9F4-A341-4C4E-F469A5AED9A0}"/>
          </ac:spMkLst>
        </pc:spChg>
        <pc:spChg chg="mod">
          <ac:chgData name="White, Alex" userId="eff6cc8c-37d8-483b-9c6c-6b27e9afa9bc" providerId="ADAL" clId="{BF04C754-5BF4-4E83-9615-DB14FA25AF8A}" dt="2023-10-12T11:37:59.791" v="293"/>
          <ac:spMkLst>
            <pc:docMk/>
            <pc:sldMk cId="2376958513" sldId="260"/>
            <ac:spMk id="4403" creationId="{91ACD366-BFE2-6BBE-030F-2B42D00CE383}"/>
          </ac:spMkLst>
        </pc:spChg>
        <pc:spChg chg="mod">
          <ac:chgData name="White, Alex" userId="eff6cc8c-37d8-483b-9c6c-6b27e9afa9bc" providerId="ADAL" clId="{BF04C754-5BF4-4E83-9615-DB14FA25AF8A}" dt="2023-10-12T11:37:59.791" v="293"/>
          <ac:spMkLst>
            <pc:docMk/>
            <pc:sldMk cId="2376958513" sldId="260"/>
            <ac:spMk id="4404" creationId="{AB6160A0-7BA4-4A48-B3AD-5265202D06E5}"/>
          </ac:spMkLst>
        </pc:spChg>
        <pc:spChg chg="mod">
          <ac:chgData name="White, Alex" userId="eff6cc8c-37d8-483b-9c6c-6b27e9afa9bc" providerId="ADAL" clId="{BF04C754-5BF4-4E83-9615-DB14FA25AF8A}" dt="2023-10-12T11:37:59.791" v="293"/>
          <ac:spMkLst>
            <pc:docMk/>
            <pc:sldMk cId="2376958513" sldId="260"/>
            <ac:spMk id="4405" creationId="{2CBCA4CB-7A76-12D1-3252-E9E6DE5D343A}"/>
          </ac:spMkLst>
        </pc:spChg>
        <pc:spChg chg="mod">
          <ac:chgData name="White, Alex" userId="eff6cc8c-37d8-483b-9c6c-6b27e9afa9bc" providerId="ADAL" clId="{BF04C754-5BF4-4E83-9615-DB14FA25AF8A}" dt="2023-10-12T11:37:59.791" v="293"/>
          <ac:spMkLst>
            <pc:docMk/>
            <pc:sldMk cId="2376958513" sldId="260"/>
            <ac:spMk id="4406" creationId="{40CBE1C1-347D-E401-76DD-A90DA01B9505}"/>
          </ac:spMkLst>
        </pc:spChg>
        <pc:spChg chg="mod">
          <ac:chgData name="White, Alex" userId="eff6cc8c-37d8-483b-9c6c-6b27e9afa9bc" providerId="ADAL" clId="{BF04C754-5BF4-4E83-9615-DB14FA25AF8A}" dt="2023-10-12T11:37:59.791" v="293"/>
          <ac:spMkLst>
            <pc:docMk/>
            <pc:sldMk cId="2376958513" sldId="260"/>
            <ac:spMk id="4407" creationId="{E94A79C1-5D22-DEB7-64F6-0C25E7CD7BA1}"/>
          </ac:spMkLst>
        </pc:spChg>
        <pc:spChg chg="mod">
          <ac:chgData name="White, Alex" userId="eff6cc8c-37d8-483b-9c6c-6b27e9afa9bc" providerId="ADAL" clId="{BF04C754-5BF4-4E83-9615-DB14FA25AF8A}" dt="2023-10-12T11:37:59.791" v="293"/>
          <ac:spMkLst>
            <pc:docMk/>
            <pc:sldMk cId="2376958513" sldId="260"/>
            <ac:spMk id="4408" creationId="{F58BD31F-40A8-4139-D58F-290D7A2B93D3}"/>
          </ac:spMkLst>
        </pc:spChg>
        <pc:spChg chg="mod">
          <ac:chgData name="White, Alex" userId="eff6cc8c-37d8-483b-9c6c-6b27e9afa9bc" providerId="ADAL" clId="{BF04C754-5BF4-4E83-9615-DB14FA25AF8A}" dt="2023-10-12T11:37:59.791" v="293"/>
          <ac:spMkLst>
            <pc:docMk/>
            <pc:sldMk cId="2376958513" sldId="260"/>
            <ac:spMk id="4409" creationId="{F88C7C28-9A01-B5D8-D56C-7480199A3415}"/>
          </ac:spMkLst>
        </pc:spChg>
        <pc:spChg chg="mod">
          <ac:chgData name="White, Alex" userId="eff6cc8c-37d8-483b-9c6c-6b27e9afa9bc" providerId="ADAL" clId="{BF04C754-5BF4-4E83-9615-DB14FA25AF8A}" dt="2023-10-12T11:37:59.791" v="293"/>
          <ac:spMkLst>
            <pc:docMk/>
            <pc:sldMk cId="2376958513" sldId="260"/>
            <ac:spMk id="4410" creationId="{A60528CF-D8EA-35AB-EE44-EBDF57997269}"/>
          </ac:spMkLst>
        </pc:spChg>
        <pc:spChg chg="mod">
          <ac:chgData name="White, Alex" userId="eff6cc8c-37d8-483b-9c6c-6b27e9afa9bc" providerId="ADAL" clId="{BF04C754-5BF4-4E83-9615-DB14FA25AF8A}" dt="2023-10-12T11:37:59.791" v="293"/>
          <ac:spMkLst>
            <pc:docMk/>
            <pc:sldMk cId="2376958513" sldId="260"/>
            <ac:spMk id="4411" creationId="{138D07FA-4338-1C6D-95BA-CD8B6A91AD1D}"/>
          </ac:spMkLst>
        </pc:spChg>
        <pc:spChg chg="mod">
          <ac:chgData name="White, Alex" userId="eff6cc8c-37d8-483b-9c6c-6b27e9afa9bc" providerId="ADAL" clId="{BF04C754-5BF4-4E83-9615-DB14FA25AF8A}" dt="2023-10-12T11:37:59.791" v="293"/>
          <ac:spMkLst>
            <pc:docMk/>
            <pc:sldMk cId="2376958513" sldId="260"/>
            <ac:spMk id="4412" creationId="{22D55080-03C3-6209-AE41-A6F376F6F43E}"/>
          </ac:spMkLst>
        </pc:spChg>
        <pc:spChg chg="mod">
          <ac:chgData name="White, Alex" userId="eff6cc8c-37d8-483b-9c6c-6b27e9afa9bc" providerId="ADAL" clId="{BF04C754-5BF4-4E83-9615-DB14FA25AF8A}" dt="2023-10-12T11:37:59.791" v="293"/>
          <ac:spMkLst>
            <pc:docMk/>
            <pc:sldMk cId="2376958513" sldId="260"/>
            <ac:spMk id="4413" creationId="{FBC8AB34-4BDD-B446-5503-1A4A623C66C5}"/>
          </ac:spMkLst>
        </pc:spChg>
        <pc:spChg chg="mod">
          <ac:chgData name="White, Alex" userId="eff6cc8c-37d8-483b-9c6c-6b27e9afa9bc" providerId="ADAL" clId="{BF04C754-5BF4-4E83-9615-DB14FA25AF8A}" dt="2023-10-12T11:37:59.791" v="293"/>
          <ac:spMkLst>
            <pc:docMk/>
            <pc:sldMk cId="2376958513" sldId="260"/>
            <ac:spMk id="4414" creationId="{14CBC60C-49EA-4FE6-417D-07B0904011B8}"/>
          </ac:spMkLst>
        </pc:spChg>
        <pc:spChg chg="mod">
          <ac:chgData name="White, Alex" userId="eff6cc8c-37d8-483b-9c6c-6b27e9afa9bc" providerId="ADAL" clId="{BF04C754-5BF4-4E83-9615-DB14FA25AF8A}" dt="2023-10-12T11:37:59.791" v="293"/>
          <ac:spMkLst>
            <pc:docMk/>
            <pc:sldMk cId="2376958513" sldId="260"/>
            <ac:spMk id="4415" creationId="{B91DE1BC-B483-1214-22F4-D76CB59D80B4}"/>
          </ac:spMkLst>
        </pc:spChg>
        <pc:spChg chg="mod">
          <ac:chgData name="White, Alex" userId="eff6cc8c-37d8-483b-9c6c-6b27e9afa9bc" providerId="ADAL" clId="{BF04C754-5BF4-4E83-9615-DB14FA25AF8A}" dt="2023-10-12T11:37:59.791" v="293"/>
          <ac:spMkLst>
            <pc:docMk/>
            <pc:sldMk cId="2376958513" sldId="260"/>
            <ac:spMk id="4416" creationId="{2790A3FF-FC49-0269-2390-FE7B78E4EFE6}"/>
          </ac:spMkLst>
        </pc:spChg>
        <pc:spChg chg="mod">
          <ac:chgData name="White, Alex" userId="eff6cc8c-37d8-483b-9c6c-6b27e9afa9bc" providerId="ADAL" clId="{BF04C754-5BF4-4E83-9615-DB14FA25AF8A}" dt="2023-10-12T11:37:59.791" v="293"/>
          <ac:spMkLst>
            <pc:docMk/>
            <pc:sldMk cId="2376958513" sldId="260"/>
            <ac:spMk id="4417" creationId="{3804CE92-C359-A810-CD12-4E6A071936D4}"/>
          </ac:spMkLst>
        </pc:spChg>
        <pc:spChg chg="mod">
          <ac:chgData name="White, Alex" userId="eff6cc8c-37d8-483b-9c6c-6b27e9afa9bc" providerId="ADAL" clId="{BF04C754-5BF4-4E83-9615-DB14FA25AF8A}" dt="2023-10-12T11:37:59.791" v="293"/>
          <ac:spMkLst>
            <pc:docMk/>
            <pc:sldMk cId="2376958513" sldId="260"/>
            <ac:spMk id="4418" creationId="{5B97754F-2942-B212-0639-7A2DAEAC64B1}"/>
          </ac:spMkLst>
        </pc:spChg>
        <pc:spChg chg="mod">
          <ac:chgData name="White, Alex" userId="eff6cc8c-37d8-483b-9c6c-6b27e9afa9bc" providerId="ADAL" clId="{BF04C754-5BF4-4E83-9615-DB14FA25AF8A}" dt="2023-10-12T11:37:59.791" v="293"/>
          <ac:spMkLst>
            <pc:docMk/>
            <pc:sldMk cId="2376958513" sldId="260"/>
            <ac:spMk id="4419" creationId="{8EDA099A-4B6D-A1F3-E9EA-B8DDB1A66C57}"/>
          </ac:spMkLst>
        </pc:spChg>
        <pc:spChg chg="mod">
          <ac:chgData name="White, Alex" userId="eff6cc8c-37d8-483b-9c6c-6b27e9afa9bc" providerId="ADAL" clId="{BF04C754-5BF4-4E83-9615-DB14FA25AF8A}" dt="2023-10-12T11:37:59.791" v="293"/>
          <ac:spMkLst>
            <pc:docMk/>
            <pc:sldMk cId="2376958513" sldId="260"/>
            <ac:spMk id="4420" creationId="{050BBA38-CFD6-FE4F-0422-AE440E40064E}"/>
          </ac:spMkLst>
        </pc:spChg>
        <pc:spChg chg="mod">
          <ac:chgData name="White, Alex" userId="eff6cc8c-37d8-483b-9c6c-6b27e9afa9bc" providerId="ADAL" clId="{BF04C754-5BF4-4E83-9615-DB14FA25AF8A}" dt="2023-10-12T11:37:59.791" v="293"/>
          <ac:spMkLst>
            <pc:docMk/>
            <pc:sldMk cId="2376958513" sldId="260"/>
            <ac:spMk id="4421" creationId="{DCBFD733-9153-DB6F-6E59-45DBD27C7276}"/>
          </ac:spMkLst>
        </pc:spChg>
        <pc:spChg chg="mod">
          <ac:chgData name="White, Alex" userId="eff6cc8c-37d8-483b-9c6c-6b27e9afa9bc" providerId="ADAL" clId="{BF04C754-5BF4-4E83-9615-DB14FA25AF8A}" dt="2023-10-12T11:37:59.791" v="293"/>
          <ac:spMkLst>
            <pc:docMk/>
            <pc:sldMk cId="2376958513" sldId="260"/>
            <ac:spMk id="4422" creationId="{D621AA1C-B5E1-F507-D33C-433BB5DFEF1A}"/>
          </ac:spMkLst>
        </pc:spChg>
        <pc:spChg chg="mod">
          <ac:chgData name="White, Alex" userId="eff6cc8c-37d8-483b-9c6c-6b27e9afa9bc" providerId="ADAL" clId="{BF04C754-5BF4-4E83-9615-DB14FA25AF8A}" dt="2023-10-12T11:37:59.791" v="293"/>
          <ac:spMkLst>
            <pc:docMk/>
            <pc:sldMk cId="2376958513" sldId="260"/>
            <ac:spMk id="4423" creationId="{520446F9-623E-A41F-A417-A37DDA710814}"/>
          </ac:spMkLst>
        </pc:spChg>
        <pc:spChg chg="mod">
          <ac:chgData name="White, Alex" userId="eff6cc8c-37d8-483b-9c6c-6b27e9afa9bc" providerId="ADAL" clId="{BF04C754-5BF4-4E83-9615-DB14FA25AF8A}" dt="2023-10-12T11:37:59.791" v="293"/>
          <ac:spMkLst>
            <pc:docMk/>
            <pc:sldMk cId="2376958513" sldId="260"/>
            <ac:spMk id="4424" creationId="{21F3DBB6-B08E-1277-A1CF-C40F1E9C65A8}"/>
          </ac:spMkLst>
        </pc:spChg>
        <pc:spChg chg="mod">
          <ac:chgData name="White, Alex" userId="eff6cc8c-37d8-483b-9c6c-6b27e9afa9bc" providerId="ADAL" clId="{BF04C754-5BF4-4E83-9615-DB14FA25AF8A}" dt="2023-10-12T11:37:59.791" v="293"/>
          <ac:spMkLst>
            <pc:docMk/>
            <pc:sldMk cId="2376958513" sldId="260"/>
            <ac:spMk id="4425" creationId="{9A40F9C2-F3F9-1F0B-429E-5B364329CC8C}"/>
          </ac:spMkLst>
        </pc:spChg>
        <pc:spChg chg="mod">
          <ac:chgData name="White, Alex" userId="eff6cc8c-37d8-483b-9c6c-6b27e9afa9bc" providerId="ADAL" clId="{BF04C754-5BF4-4E83-9615-DB14FA25AF8A}" dt="2023-10-12T11:37:59.791" v="293"/>
          <ac:spMkLst>
            <pc:docMk/>
            <pc:sldMk cId="2376958513" sldId="260"/>
            <ac:spMk id="4426" creationId="{B29B720A-928E-4EB2-5D5F-79E1FF5FC30D}"/>
          </ac:spMkLst>
        </pc:spChg>
        <pc:spChg chg="mod">
          <ac:chgData name="White, Alex" userId="eff6cc8c-37d8-483b-9c6c-6b27e9afa9bc" providerId="ADAL" clId="{BF04C754-5BF4-4E83-9615-DB14FA25AF8A}" dt="2023-10-12T11:37:59.791" v="293"/>
          <ac:spMkLst>
            <pc:docMk/>
            <pc:sldMk cId="2376958513" sldId="260"/>
            <ac:spMk id="4427" creationId="{17EA8EEC-54D8-9DF7-787B-0D2F13278C96}"/>
          </ac:spMkLst>
        </pc:spChg>
        <pc:spChg chg="mod">
          <ac:chgData name="White, Alex" userId="eff6cc8c-37d8-483b-9c6c-6b27e9afa9bc" providerId="ADAL" clId="{BF04C754-5BF4-4E83-9615-DB14FA25AF8A}" dt="2023-10-12T11:37:59.791" v="293"/>
          <ac:spMkLst>
            <pc:docMk/>
            <pc:sldMk cId="2376958513" sldId="260"/>
            <ac:spMk id="4428" creationId="{5EDDB5AF-E90D-CBAE-27E3-E73BB8FD6CC9}"/>
          </ac:spMkLst>
        </pc:spChg>
        <pc:spChg chg="mod">
          <ac:chgData name="White, Alex" userId="eff6cc8c-37d8-483b-9c6c-6b27e9afa9bc" providerId="ADAL" clId="{BF04C754-5BF4-4E83-9615-DB14FA25AF8A}" dt="2023-10-12T11:37:59.791" v="293"/>
          <ac:spMkLst>
            <pc:docMk/>
            <pc:sldMk cId="2376958513" sldId="260"/>
            <ac:spMk id="4429" creationId="{CED1D1F8-5955-FD8C-C32C-46E8429D3707}"/>
          </ac:spMkLst>
        </pc:spChg>
        <pc:spChg chg="mod">
          <ac:chgData name="White, Alex" userId="eff6cc8c-37d8-483b-9c6c-6b27e9afa9bc" providerId="ADAL" clId="{BF04C754-5BF4-4E83-9615-DB14FA25AF8A}" dt="2023-10-12T11:37:59.791" v="293"/>
          <ac:spMkLst>
            <pc:docMk/>
            <pc:sldMk cId="2376958513" sldId="260"/>
            <ac:spMk id="4430" creationId="{312DF0B9-DF21-C862-F479-9242784F26E0}"/>
          </ac:spMkLst>
        </pc:spChg>
        <pc:spChg chg="mod">
          <ac:chgData name="White, Alex" userId="eff6cc8c-37d8-483b-9c6c-6b27e9afa9bc" providerId="ADAL" clId="{BF04C754-5BF4-4E83-9615-DB14FA25AF8A}" dt="2023-10-12T11:37:59.791" v="293"/>
          <ac:spMkLst>
            <pc:docMk/>
            <pc:sldMk cId="2376958513" sldId="260"/>
            <ac:spMk id="4431" creationId="{69D05059-15F8-9E3E-4F99-73A267D0D5D9}"/>
          </ac:spMkLst>
        </pc:spChg>
        <pc:spChg chg="mod">
          <ac:chgData name="White, Alex" userId="eff6cc8c-37d8-483b-9c6c-6b27e9afa9bc" providerId="ADAL" clId="{BF04C754-5BF4-4E83-9615-DB14FA25AF8A}" dt="2023-10-12T11:37:59.791" v="293"/>
          <ac:spMkLst>
            <pc:docMk/>
            <pc:sldMk cId="2376958513" sldId="260"/>
            <ac:spMk id="4432" creationId="{40567D84-5BED-6A71-DD16-D10E3A9D6816}"/>
          </ac:spMkLst>
        </pc:spChg>
        <pc:spChg chg="mod">
          <ac:chgData name="White, Alex" userId="eff6cc8c-37d8-483b-9c6c-6b27e9afa9bc" providerId="ADAL" clId="{BF04C754-5BF4-4E83-9615-DB14FA25AF8A}" dt="2023-10-12T11:37:59.791" v="293"/>
          <ac:spMkLst>
            <pc:docMk/>
            <pc:sldMk cId="2376958513" sldId="260"/>
            <ac:spMk id="4433" creationId="{A9DFC471-0452-760E-91F2-0B9AD6FF679F}"/>
          </ac:spMkLst>
        </pc:spChg>
        <pc:spChg chg="mod">
          <ac:chgData name="White, Alex" userId="eff6cc8c-37d8-483b-9c6c-6b27e9afa9bc" providerId="ADAL" clId="{BF04C754-5BF4-4E83-9615-DB14FA25AF8A}" dt="2023-10-12T11:37:59.791" v="293"/>
          <ac:spMkLst>
            <pc:docMk/>
            <pc:sldMk cId="2376958513" sldId="260"/>
            <ac:spMk id="4434" creationId="{7401244E-B6D2-A727-9F90-7E1707E2922D}"/>
          </ac:spMkLst>
        </pc:spChg>
        <pc:spChg chg="mod">
          <ac:chgData name="White, Alex" userId="eff6cc8c-37d8-483b-9c6c-6b27e9afa9bc" providerId="ADAL" clId="{BF04C754-5BF4-4E83-9615-DB14FA25AF8A}" dt="2023-10-12T11:37:59.791" v="293"/>
          <ac:spMkLst>
            <pc:docMk/>
            <pc:sldMk cId="2376958513" sldId="260"/>
            <ac:spMk id="4435" creationId="{03EDC338-C903-8CDC-3011-9270206BCFE3}"/>
          </ac:spMkLst>
        </pc:spChg>
        <pc:spChg chg="mod">
          <ac:chgData name="White, Alex" userId="eff6cc8c-37d8-483b-9c6c-6b27e9afa9bc" providerId="ADAL" clId="{BF04C754-5BF4-4E83-9615-DB14FA25AF8A}" dt="2023-10-12T11:37:59.791" v="293"/>
          <ac:spMkLst>
            <pc:docMk/>
            <pc:sldMk cId="2376958513" sldId="260"/>
            <ac:spMk id="4436" creationId="{A1647C9C-E891-E328-A0F2-51C90CAF3742}"/>
          </ac:spMkLst>
        </pc:spChg>
        <pc:spChg chg="mod">
          <ac:chgData name="White, Alex" userId="eff6cc8c-37d8-483b-9c6c-6b27e9afa9bc" providerId="ADAL" clId="{BF04C754-5BF4-4E83-9615-DB14FA25AF8A}" dt="2023-10-12T11:37:59.791" v="293"/>
          <ac:spMkLst>
            <pc:docMk/>
            <pc:sldMk cId="2376958513" sldId="260"/>
            <ac:spMk id="4437" creationId="{D5D050FB-8E17-B64F-C7B0-96B4FE86B747}"/>
          </ac:spMkLst>
        </pc:spChg>
        <pc:spChg chg="mod">
          <ac:chgData name="White, Alex" userId="eff6cc8c-37d8-483b-9c6c-6b27e9afa9bc" providerId="ADAL" clId="{BF04C754-5BF4-4E83-9615-DB14FA25AF8A}" dt="2023-10-12T11:37:59.791" v="293"/>
          <ac:spMkLst>
            <pc:docMk/>
            <pc:sldMk cId="2376958513" sldId="260"/>
            <ac:spMk id="4438" creationId="{DE9D0990-D321-6AF9-60D5-04E071321C14}"/>
          </ac:spMkLst>
        </pc:spChg>
        <pc:spChg chg="mod">
          <ac:chgData name="White, Alex" userId="eff6cc8c-37d8-483b-9c6c-6b27e9afa9bc" providerId="ADAL" clId="{BF04C754-5BF4-4E83-9615-DB14FA25AF8A}" dt="2023-10-12T11:37:59.791" v="293"/>
          <ac:spMkLst>
            <pc:docMk/>
            <pc:sldMk cId="2376958513" sldId="260"/>
            <ac:spMk id="4439" creationId="{71ADA44C-4408-E47B-AB28-C6AC63B1F638}"/>
          </ac:spMkLst>
        </pc:spChg>
        <pc:spChg chg="mod">
          <ac:chgData name="White, Alex" userId="eff6cc8c-37d8-483b-9c6c-6b27e9afa9bc" providerId="ADAL" clId="{BF04C754-5BF4-4E83-9615-DB14FA25AF8A}" dt="2023-10-12T11:37:59.791" v="293"/>
          <ac:spMkLst>
            <pc:docMk/>
            <pc:sldMk cId="2376958513" sldId="260"/>
            <ac:spMk id="4440" creationId="{C2AD958D-A359-7654-1C6D-56F95E3EC046}"/>
          </ac:spMkLst>
        </pc:spChg>
        <pc:spChg chg="mod">
          <ac:chgData name="White, Alex" userId="eff6cc8c-37d8-483b-9c6c-6b27e9afa9bc" providerId="ADAL" clId="{BF04C754-5BF4-4E83-9615-DB14FA25AF8A}" dt="2023-10-12T11:37:59.791" v="293"/>
          <ac:spMkLst>
            <pc:docMk/>
            <pc:sldMk cId="2376958513" sldId="260"/>
            <ac:spMk id="4441" creationId="{8B5E40F6-5032-97E2-65CB-C26A4BCBC08C}"/>
          </ac:spMkLst>
        </pc:spChg>
        <pc:spChg chg="mod">
          <ac:chgData name="White, Alex" userId="eff6cc8c-37d8-483b-9c6c-6b27e9afa9bc" providerId="ADAL" clId="{BF04C754-5BF4-4E83-9615-DB14FA25AF8A}" dt="2023-10-12T11:37:59.791" v="293"/>
          <ac:spMkLst>
            <pc:docMk/>
            <pc:sldMk cId="2376958513" sldId="260"/>
            <ac:spMk id="4442" creationId="{7D4341AF-D81D-6538-CF20-9A484D899A17}"/>
          </ac:spMkLst>
        </pc:spChg>
        <pc:spChg chg="mod">
          <ac:chgData name="White, Alex" userId="eff6cc8c-37d8-483b-9c6c-6b27e9afa9bc" providerId="ADAL" clId="{BF04C754-5BF4-4E83-9615-DB14FA25AF8A}" dt="2023-10-12T11:37:59.791" v="293"/>
          <ac:spMkLst>
            <pc:docMk/>
            <pc:sldMk cId="2376958513" sldId="260"/>
            <ac:spMk id="4443" creationId="{E9C775D7-8BBC-0A1F-7796-D457ECF4375C}"/>
          </ac:spMkLst>
        </pc:spChg>
        <pc:spChg chg="mod">
          <ac:chgData name="White, Alex" userId="eff6cc8c-37d8-483b-9c6c-6b27e9afa9bc" providerId="ADAL" clId="{BF04C754-5BF4-4E83-9615-DB14FA25AF8A}" dt="2023-10-12T11:37:59.791" v="293"/>
          <ac:spMkLst>
            <pc:docMk/>
            <pc:sldMk cId="2376958513" sldId="260"/>
            <ac:spMk id="4444" creationId="{A8F9A2D6-B143-BBF4-9F7E-BE97E590A918}"/>
          </ac:spMkLst>
        </pc:spChg>
        <pc:spChg chg="mod">
          <ac:chgData name="White, Alex" userId="eff6cc8c-37d8-483b-9c6c-6b27e9afa9bc" providerId="ADAL" clId="{BF04C754-5BF4-4E83-9615-DB14FA25AF8A}" dt="2023-10-12T11:37:59.791" v="293"/>
          <ac:spMkLst>
            <pc:docMk/>
            <pc:sldMk cId="2376958513" sldId="260"/>
            <ac:spMk id="4445" creationId="{CAC4EBFB-34DC-9639-4B1C-16A67D637AC7}"/>
          </ac:spMkLst>
        </pc:spChg>
        <pc:spChg chg="mod">
          <ac:chgData name="White, Alex" userId="eff6cc8c-37d8-483b-9c6c-6b27e9afa9bc" providerId="ADAL" clId="{BF04C754-5BF4-4E83-9615-DB14FA25AF8A}" dt="2023-10-12T11:37:59.791" v="293"/>
          <ac:spMkLst>
            <pc:docMk/>
            <pc:sldMk cId="2376958513" sldId="260"/>
            <ac:spMk id="4446" creationId="{E4EC0886-8C92-D3FA-2F4F-04C02B5F6010}"/>
          </ac:spMkLst>
        </pc:spChg>
        <pc:spChg chg="mod">
          <ac:chgData name="White, Alex" userId="eff6cc8c-37d8-483b-9c6c-6b27e9afa9bc" providerId="ADAL" clId="{BF04C754-5BF4-4E83-9615-DB14FA25AF8A}" dt="2023-10-12T11:37:59.791" v="293"/>
          <ac:spMkLst>
            <pc:docMk/>
            <pc:sldMk cId="2376958513" sldId="260"/>
            <ac:spMk id="4447" creationId="{E2E0DAD4-8010-38F7-1895-702615E7A811}"/>
          </ac:spMkLst>
        </pc:spChg>
        <pc:spChg chg="mod">
          <ac:chgData name="White, Alex" userId="eff6cc8c-37d8-483b-9c6c-6b27e9afa9bc" providerId="ADAL" clId="{BF04C754-5BF4-4E83-9615-DB14FA25AF8A}" dt="2023-10-12T11:37:59.791" v="293"/>
          <ac:spMkLst>
            <pc:docMk/>
            <pc:sldMk cId="2376958513" sldId="260"/>
            <ac:spMk id="4448" creationId="{91F316CF-CB73-0054-CCB2-776083FEA4FB}"/>
          </ac:spMkLst>
        </pc:spChg>
        <pc:spChg chg="mod">
          <ac:chgData name="White, Alex" userId="eff6cc8c-37d8-483b-9c6c-6b27e9afa9bc" providerId="ADAL" clId="{BF04C754-5BF4-4E83-9615-DB14FA25AF8A}" dt="2023-10-12T11:37:59.791" v="293"/>
          <ac:spMkLst>
            <pc:docMk/>
            <pc:sldMk cId="2376958513" sldId="260"/>
            <ac:spMk id="4449" creationId="{C7347D3B-1D7B-43BE-4E9E-321DD40B6BD0}"/>
          </ac:spMkLst>
        </pc:spChg>
        <pc:spChg chg="mod">
          <ac:chgData name="White, Alex" userId="eff6cc8c-37d8-483b-9c6c-6b27e9afa9bc" providerId="ADAL" clId="{BF04C754-5BF4-4E83-9615-DB14FA25AF8A}" dt="2023-10-12T11:37:59.791" v="293"/>
          <ac:spMkLst>
            <pc:docMk/>
            <pc:sldMk cId="2376958513" sldId="260"/>
            <ac:spMk id="4450" creationId="{9F2FC146-A7B2-BA9E-B990-D336952C6678}"/>
          </ac:spMkLst>
        </pc:spChg>
        <pc:spChg chg="mod">
          <ac:chgData name="White, Alex" userId="eff6cc8c-37d8-483b-9c6c-6b27e9afa9bc" providerId="ADAL" clId="{BF04C754-5BF4-4E83-9615-DB14FA25AF8A}" dt="2023-10-12T11:37:59.791" v="293"/>
          <ac:spMkLst>
            <pc:docMk/>
            <pc:sldMk cId="2376958513" sldId="260"/>
            <ac:spMk id="4451" creationId="{8F63E3E5-8B7F-FE6B-1C27-4DADFD05A6EC}"/>
          </ac:spMkLst>
        </pc:spChg>
        <pc:spChg chg="mod">
          <ac:chgData name="White, Alex" userId="eff6cc8c-37d8-483b-9c6c-6b27e9afa9bc" providerId="ADAL" clId="{BF04C754-5BF4-4E83-9615-DB14FA25AF8A}" dt="2023-10-12T11:37:59.791" v="293"/>
          <ac:spMkLst>
            <pc:docMk/>
            <pc:sldMk cId="2376958513" sldId="260"/>
            <ac:spMk id="4452" creationId="{A0E2CB72-7182-05C0-C132-F60EF143E4E2}"/>
          </ac:spMkLst>
        </pc:spChg>
        <pc:spChg chg="mod">
          <ac:chgData name="White, Alex" userId="eff6cc8c-37d8-483b-9c6c-6b27e9afa9bc" providerId="ADAL" clId="{BF04C754-5BF4-4E83-9615-DB14FA25AF8A}" dt="2023-10-12T11:37:59.791" v="293"/>
          <ac:spMkLst>
            <pc:docMk/>
            <pc:sldMk cId="2376958513" sldId="260"/>
            <ac:spMk id="4453" creationId="{68449635-F09C-C00D-453B-CB44D60F6DA8}"/>
          </ac:spMkLst>
        </pc:spChg>
        <pc:spChg chg="mod">
          <ac:chgData name="White, Alex" userId="eff6cc8c-37d8-483b-9c6c-6b27e9afa9bc" providerId="ADAL" clId="{BF04C754-5BF4-4E83-9615-DB14FA25AF8A}" dt="2023-10-12T11:37:59.791" v="293"/>
          <ac:spMkLst>
            <pc:docMk/>
            <pc:sldMk cId="2376958513" sldId="260"/>
            <ac:spMk id="4454" creationId="{6DCE3213-81F3-D1D8-90A8-F11EA628B96A}"/>
          </ac:spMkLst>
        </pc:spChg>
        <pc:spChg chg="mod">
          <ac:chgData name="White, Alex" userId="eff6cc8c-37d8-483b-9c6c-6b27e9afa9bc" providerId="ADAL" clId="{BF04C754-5BF4-4E83-9615-DB14FA25AF8A}" dt="2023-10-12T11:37:59.791" v="293"/>
          <ac:spMkLst>
            <pc:docMk/>
            <pc:sldMk cId="2376958513" sldId="260"/>
            <ac:spMk id="4455" creationId="{D58CD53B-3E38-E070-C0C6-B79398D013C9}"/>
          </ac:spMkLst>
        </pc:spChg>
        <pc:spChg chg="mod">
          <ac:chgData name="White, Alex" userId="eff6cc8c-37d8-483b-9c6c-6b27e9afa9bc" providerId="ADAL" clId="{BF04C754-5BF4-4E83-9615-DB14FA25AF8A}" dt="2023-10-12T11:37:59.791" v="293"/>
          <ac:spMkLst>
            <pc:docMk/>
            <pc:sldMk cId="2376958513" sldId="260"/>
            <ac:spMk id="4456" creationId="{39181179-9BC1-F4AD-9FF0-B43DA8C3FA26}"/>
          </ac:spMkLst>
        </pc:spChg>
        <pc:spChg chg="mod">
          <ac:chgData name="White, Alex" userId="eff6cc8c-37d8-483b-9c6c-6b27e9afa9bc" providerId="ADAL" clId="{BF04C754-5BF4-4E83-9615-DB14FA25AF8A}" dt="2023-10-12T11:37:59.791" v="293"/>
          <ac:spMkLst>
            <pc:docMk/>
            <pc:sldMk cId="2376958513" sldId="260"/>
            <ac:spMk id="4457" creationId="{BC0DAAD4-961A-2E46-1259-EA655193D9B3}"/>
          </ac:spMkLst>
        </pc:spChg>
        <pc:spChg chg="mod">
          <ac:chgData name="White, Alex" userId="eff6cc8c-37d8-483b-9c6c-6b27e9afa9bc" providerId="ADAL" clId="{BF04C754-5BF4-4E83-9615-DB14FA25AF8A}" dt="2023-10-12T11:37:59.791" v="293"/>
          <ac:spMkLst>
            <pc:docMk/>
            <pc:sldMk cId="2376958513" sldId="260"/>
            <ac:spMk id="4458" creationId="{0381ADB8-AEB6-6236-530D-FF4453EAAAB8}"/>
          </ac:spMkLst>
        </pc:spChg>
        <pc:spChg chg="mod">
          <ac:chgData name="White, Alex" userId="eff6cc8c-37d8-483b-9c6c-6b27e9afa9bc" providerId="ADAL" clId="{BF04C754-5BF4-4E83-9615-DB14FA25AF8A}" dt="2023-10-12T11:37:59.791" v="293"/>
          <ac:spMkLst>
            <pc:docMk/>
            <pc:sldMk cId="2376958513" sldId="260"/>
            <ac:spMk id="4459" creationId="{71FFFE68-DE9D-4A40-2C2C-AB230212351F}"/>
          </ac:spMkLst>
        </pc:spChg>
        <pc:spChg chg="mod">
          <ac:chgData name="White, Alex" userId="eff6cc8c-37d8-483b-9c6c-6b27e9afa9bc" providerId="ADAL" clId="{BF04C754-5BF4-4E83-9615-DB14FA25AF8A}" dt="2023-10-12T11:37:59.791" v="293"/>
          <ac:spMkLst>
            <pc:docMk/>
            <pc:sldMk cId="2376958513" sldId="260"/>
            <ac:spMk id="4460" creationId="{340AF79D-5BD7-31A6-35EC-2E4BE59D5DA7}"/>
          </ac:spMkLst>
        </pc:spChg>
        <pc:spChg chg="mod">
          <ac:chgData name="White, Alex" userId="eff6cc8c-37d8-483b-9c6c-6b27e9afa9bc" providerId="ADAL" clId="{BF04C754-5BF4-4E83-9615-DB14FA25AF8A}" dt="2023-10-12T11:37:59.791" v="293"/>
          <ac:spMkLst>
            <pc:docMk/>
            <pc:sldMk cId="2376958513" sldId="260"/>
            <ac:spMk id="4461" creationId="{99FFDDB2-3D36-4415-E818-6B977DE5038A}"/>
          </ac:spMkLst>
        </pc:spChg>
        <pc:spChg chg="mod">
          <ac:chgData name="White, Alex" userId="eff6cc8c-37d8-483b-9c6c-6b27e9afa9bc" providerId="ADAL" clId="{BF04C754-5BF4-4E83-9615-DB14FA25AF8A}" dt="2023-10-12T11:37:59.791" v="293"/>
          <ac:spMkLst>
            <pc:docMk/>
            <pc:sldMk cId="2376958513" sldId="260"/>
            <ac:spMk id="4462" creationId="{68C1D88E-5436-FEDC-AE4E-2FE7B4C57691}"/>
          </ac:spMkLst>
        </pc:spChg>
        <pc:spChg chg="mod">
          <ac:chgData name="White, Alex" userId="eff6cc8c-37d8-483b-9c6c-6b27e9afa9bc" providerId="ADAL" clId="{BF04C754-5BF4-4E83-9615-DB14FA25AF8A}" dt="2023-10-12T11:37:59.791" v="293"/>
          <ac:spMkLst>
            <pc:docMk/>
            <pc:sldMk cId="2376958513" sldId="260"/>
            <ac:spMk id="4463" creationId="{06A64778-2CBE-0F6A-EB6E-39FD4FD2FCD3}"/>
          </ac:spMkLst>
        </pc:spChg>
        <pc:spChg chg="mod">
          <ac:chgData name="White, Alex" userId="eff6cc8c-37d8-483b-9c6c-6b27e9afa9bc" providerId="ADAL" clId="{BF04C754-5BF4-4E83-9615-DB14FA25AF8A}" dt="2023-10-12T11:37:59.791" v="293"/>
          <ac:spMkLst>
            <pc:docMk/>
            <pc:sldMk cId="2376958513" sldId="260"/>
            <ac:spMk id="4464" creationId="{32434980-1124-4FC0-581B-9B5E9CFAA987}"/>
          </ac:spMkLst>
        </pc:spChg>
        <pc:spChg chg="mod">
          <ac:chgData name="White, Alex" userId="eff6cc8c-37d8-483b-9c6c-6b27e9afa9bc" providerId="ADAL" clId="{BF04C754-5BF4-4E83-9615-DB14FA25AF8A}" dt="2023-10-12T11:37:59.791" v="293"/>
          <ac:spMkLst>
            <pc:docMk/>
            <pc:sldMk cId="2376958513" sldId="260"/>
            <ac:spMk id="4465" creationId="{231A9A55-F86A-3A89-D8C3-43CC0380E60D}"/>
          </ac:spMkLst>
        </pc:spChg>
        <pc:spChg chg="mod">
          <ac:chgData name="White, Alex" userId="eff6cc8c-37d8-483b-9c6c-6b27e9afa9bc" providerId="ADAL" clId="{BF04C754-5BF4-4E83-9615-DB14FA25AF8A}" dt="2023-10-12T11:37:59.791" v="293"/>
          <ac:spMkLst>
            <pc:docMk/>
            <pc:sldMk cId="2376958513" sldId="260"/>
            <ac:spMk id="4466" creationId="{8F6D8F91-8FCC-B867-3BBD-7F623872819F}"/>
          </ac:spMkLst>
        </pc:spChg>
        <pc:spChg chg="mod">
          <ac:chgData name="White, Alex" userId="eff6cc8c-37d8-483b-9c6c-6b27e9afa9bc" providerId="ADAL" clId="{BF04C754-5BF4-4E83-9615-DB14FA25AF8A}" dt="2023-10-12T11:37:59.791" v="293"/>
          <ac:spMkLst>
            <pc:docMk/>
            <pc:sldMk cId="2376958513" sldId="260"/>
            <ac:spMk id="4467" creationId="{F951F635-463B-0E45-54AB-076986D1405B}"/>
          </ac:spMkLst>
        </pc:spChg>
        <pc:spChg chg="mod">
          <ac:chgData name="White, Alex" userId="eff6cc8c-37d8-483b-9c6c-6b27e9afa9bc" providerId="ADAL" clId="{BF04C754-5BF4-4E83-9615-DB14FA25AF8A}" dt="2023-10-12T11:37:59.791" v="293"/>
          <ac:spMkLst>
            <pc:docMk/>
            <pc:sldMk cId="2376958513" sldId="260"/>
            <ac:spMk id="4468" creationId="{ABC3F0F1-FDFB-3A39-4D56-5CA1727EDD0E}"/>
          </ac:spMkLst>
        </pc:spChg>
        <pc:spChg chg="mod">
          <ac:chgData name="White, Alex" userId="eff6cc8c-37d8-483b-9c6c-6b27e9afa9bc" providerId="ADAL" clId="{BF04C754-5BF4-4E83-9615-DB14FA25AF8A}" dt="2023-10-12T11:37:59.791" v="293"/>
          <ac:spMkLst>
            <pc:docMk/>
            <pc:sldMk cId="2376958513" sldId="260"/>
            <ac:spMk id="4469" creationId="{28DD983E-E1AD-4F93-8720-28CA973DD673}"/>
          </ac:spMkLst>
        </pc:spChg>
        <pc:spChg chg="mod">
          <ac:chgData name="White, Alex" userId="eff6cc8c-37d8-483b-9c6c-6b27e9afa9bc" providerId="ADAL" clId="{BF04C754-5BF4-4E83-9615-DB14FA25AF8A}" dt="2023-10-12T11:37:59.791" v="293"/>
          <ac:spMkLst>
            <pc:docMk/>
            <pc:sldMk cId="2376958513" sldId="260"/>
            <ac:spMk id="4470" creationId="{4C120BFA-68CE-5991-3512-3FBA41E43CD8}"/>
          </ac:spMkLst>
        </pc:spChg>
        <pc:spChg chg="mod">
          <ac:chgData name="White, Alex" userId="eff6cc8c-37d8-483b-9c6c-6b27e9afa9bc" providerId="ADAL" clId="{BF04C754-5BF4-4E83-9615-DB14FA25AF8A}" dt="2023-10-12T11:37:59.791" v="293"/>
          <ac:spMkLst>
            <pc:docMk/>
            <pc:sldMk cId="2376958513" sldId="260"/>
            <ac:spMk id="4471" creationId="{AD70734A-1612-F743-DD98-94D20E05250F}"/>
          </ac:spMkLst>
        </pc:spChg>
        <pc:spChg chg="mod">
          <ac:chgData name="White, Alex" userId="eff6cc8c-37d8-483b-9c6c-6b27e9afa9bc" providerId="ADAL" clId="{BF04C754-5BF4-4E83-9615-DB14FA25AF8A}" dt="2023-10-12T11:37:59.791" v="293"/>
          <ac:spMkLst>
            <pc:docMk/>
            <pc:sldMk cId="2376958513" sldId="260"/>
            <ac:spMk id="4472" creationId="{8BC2BEBB-C7F2-3030-1703-50BD40B7E63B}"/>
          </ac:spMkLst>
        </pc:spChg>
        <pc:spChg chg="mod">
          <ac:chgData name="White, Alex" userId="eff6cc8c-37d8-483b-9c6c-6b27e9afa9bc" providerId="ADAL" clId="{BF04C754-5BF4-4E83-9615-DB14FA25AF8A}" dt="2023-10-12T11:37:59.791" v="293"/>
          <ac:spMkLst>
            <pc:docMk/>
            <pc:sldMk cId="2376958513" sldId="260"/>
            <ac:spMk id="4473" creationId="{557AC285-155A-B489-FE4C-B7EDD1F6ABF4}"/>
          </ac:spMkLst>
        </pc:spChg>
        <pc:spChg chg="mod">
          <ac:chgData name="White, Alex" userId="eff6cc8c-37d8-483b-9c6c-6b27e9afa9bc" providerId="ADAL" clId="{BF04C754-5BF4-4E83-9615-DB14FA25AF8A}" dt="2023-10-12T11:37:59.791" v="293"/>
          <ac:spMkLst>
            <pc:docMk/>
            <pc:sldMk cId="2376958513" sldId="260"/>
            <ac:spMk id="4474" creationId="{066B3BDF-5DC9-BE2D-E7D0-DDEBD101F20E}"/>
          </ac:spMkLst>
        </pc:spChg>
        <pc:spChg chg="mod">
          <ac:chgData name="White, Alex" userId="eff6cc8c-37d8-483b-9c6c-6b27e9afa9bc" providerId="ADAL" clId="{BF04C754-5BF4-4E83-9615-DB14FA25AF8A}" dt="2023-10-12T11:37:59.791" v="293"/>
          <ac:spMkLst>
            <pc:docMk/>
            <pc:sldMk cId="2376958513" sldId="260"/>
            <ac:spMk id="4475" creationId="{23D4D830-40BA-E875-F56D-4F475E88AA26}"/>
          </ac:spMkLst>
        </pc:spChg>
        <pc:spChg chg="mod">
          <ac:chgData name="White, Alex" userId="eff6cc8c-37d8-483b-9c6c-6b27e9afa9bc" providerId="ADAL" clId="{BF04C754-5BF4-4E83-9615-DB14FA25AF8A}" dt="2023-10-12T11:37:59.791" v="293"/>
          <ac:spMkLst>
            <pc:docMk/>
            <pc:sldMk cId="2376958513" sldId="260"/>
            <ac:spMk id="4476" creationId="{E463B2D2-66C4-34B4-5A79-2068E73F6B52}"/>
          </ac:spMkLst>
        </pc:spChg>
        <pc:spChg chg="mod">
          <ac:chgData name="White, Alex" userId="eff6cc8c-37d8-483b-9c6c-6b27e9afa9bc" providerId="ADAL" clId="{BF04C754-5BF4-4E83-9615-DB14FA25AF8A}" dt="2023-10-12T11:37:59.791" v="293"/>
          <ac:spMkLst>
            <pc:docMk/>
            <pc:sldMk cId="2376958513" sldId="260"/>
            <ac:spMk id="4477" creationId="{2842F3D3-01BA-A377-0617-438FFBD0FED6}"/>
          </ac:spMkLst>
        </pc:spChg>
        <pc:spChg chg="mod">
          <ac:chgData name="White, Alex" userId="eff6cc8c-37d8-483b-9c6c-6b27e9afa9bc" providerId="ADAL" clId="{BF04C754-5BF4-4E83-9615-DB14FA25AF8A}" dt="2023-10-12T11:37:59.791" v="293"/>
          <ac:spMkLst>
            <pc:docMk/>
            <pc:sldMk cId="2376958513" sldId="260"/>
            <ac:spMk id="4478" creationId="{01FC5A12-2522-36C9-508B-29AAB5BBAD9E}"/>
          </ac:spMkLst>
        </pc:spChg>
        <pc:spChg chg="mod">
          <ac:chgData name="White, Alex" userId="eff6cc8c-37d8-483b-9c6c-6b27e9afa9bc" providerId="ADAL" clId="{BF04C754-5BF4-4E83-9615-DB14FA25AF8A}" dt="2023-10-12T11:37:59.791" v="293"/>
          <ac:spMkLst>
            <pc:docMk/>
            <pc:sldMk cId="2376958513" sldId="260"/>
            <ac:spMk id="4479" creationId="{39B2CAD6-CFD1-C0FB-3D1B-71CA2A93D5B7}"/>
          </ac:spMkLst>
        </pc:spChg>
        <pc:spChg chg="mod">
          <ac:chgData name="White, Alex" userId="eff6cc8c-37d8-483b-9c6c-6b27e9afa9bc" providerId="ADAL" clId="{BF04C754-5BF4-4E83-9615-DB14FA25AF8A}" dt="2023-10-12T11:37:59.791" v="293"/>
          <ac:spMkLst>
            <pc:docMk/>
            <pc:sldMk cId="2376958513" sldId="260"/>
            <ac:spMk id="4480" creationId="{CB42B681-E648-535F-C28F-961206108987}"/>
          </ac:spMkLst>
        </pc:spChg>
        <pc:spChg chg="mod">
          <ac:chgData name="White, Alex" userId="eff6cc8c-37d8-483b-9c6c-6b27e9afa9bc" providerId="ADAL" clId="{BF04C754-5BF4-4E83-9615-DB14FA25AF8A}" dt="2023-10-12T11:37:59.791" v="293"/>
          <ac:spMkLst>
            <pc:docMk/>
            <pc:sldMk cId="2376958513" sldId="260"/>
            <ac:spMk id="4481" creationId="{6568823D-FDDD-A84F-4676-5C47B548C356}"/>
          </ac:spMkLst>
        </pc:spChg>
        <pc:spChg chg="mod">
          <ac:chgData name="White, Alex" userId="eff6cc8c-37d8-483b-9c6c-6b27e9afa9bc" providerId="ADAL" clId="{BF04C754-5BF4-4E83-9615-DB14FA25AF8A}" dt="2023-10-12T11:37:59.791" v="293"/>
          <ac:spMkLst>
            <pc:docMk/>
            <pc:sldMk cId="2376958513" sldId="260"/>
            <ac:spMk id="4482" creationId="{A0393ADE-B061-A8BE-EF46-27DA31C19587}"/>
          </ac:spMkLst>
        </pc:spChg>
        <pc:spChg chg="mod">
          <ac:chgData name="White, Alex" userId="eff6cc8c-37d8-483b-9c6c-6b27e9afa9bc" providerId="ADAL" clId="{BF04C754-5BF4-4E83-9615-DB14FA25AF8A}" dt="2023-10-12T11:37:59.791" v="293"/>
          <ac:spMkLst>
            <pc:docMk/>
            <pc:sldMk cId="2376958513" sldId="260"/>
            <ac:spMk id="4483" creationId="{AC91B9FD-713E-8ECC-4690-532F1C59488E}"/>
          </ac:spMkLst>
        </pc:spChg>
        <pc:spChg chg="mod">
          <ac:chgData name="White, Alex" userId="eff6cc8c-37d8-483b-9c6c-6b27e9afa9bc" providerId="ADAL" clId="{BF04C754-5BF4-4E83-9615-DB14FA25AF8A}" dt="2023-10-12T11:37:59.791" v="293"/>
          <ac:spMkLst>
            <pc:docMk/>
            <pc:sldMk cId="2376958513" sldId="260"/>
            <ac:spMk id="4484" creationId="{75AAFF80-D7DD-8859-08D6-7C15A0E53D1F}"/>
          </ac:spMkLst>
        </pc:spChg>
        <pc:spChg chg="mod">
          <ac:chgData name="White, Alex" userId="eff6cc8c-37d8-483b-9c6c-6b27e9afa9bc" providerId="ADAL" clId="{BF04C754-5BF4-4E83-9615-DB14FA25AF8A}" dt="2023-10-12T11:37:59.791" v="293"/>
          <ac:spMkLst>
            <pc:docMk/>
            <pc:sldMk cId="2376958513" sldId="260"/>
            <ac:spMk id="4485" creationId="{058EACD0-BF4C-54EF-8265-0F8F9B504966}"/>
          </ac:spMkLst>
        </pc:spChg>
        <pc:spChg chg="mod">
          <ac:chgData name="White, Alex" userId="eff6cc8c-37d8-483b-9c6c-6b27e9afa9bc" providerId="ADAL" clId="{BF04C754-5BF4-4E83-9615-DB14FA25AF8A}" dt="2023-10-12T11:37:59.791" v="293"/>
          <ac:spMkLst>
            <pc:docMk/>
            <pc:sldMk cId="2376958513" sldId="260"/>
            <ac:spMk id="4486" creationId="{DE00B985-FB96-A0F4-D34A-90A1A35D7208}"/>
          </ac:spMkLst>
        </pc:spChg>
        <pc:spChg chg="mod">
          <ac:chgData name="White, Alex" userId="eff6cc8c-37d8-483b-9c6c-6b27e9afa9bc" providerId="ADAL" clId="{BF04C754-5BF4-4E83-9615-DB14FA25AF8A}" dt="2023-10-12T11:37:59.791" v="293"/>
          <ac:spMkLst>
            <pc:docMk/>
            <pc:sldMk cId="2376958513" sldId="260"/>
            <ac:spMk id="4487" creationId="{9DD53487-B42C-7154-B2D9-ACA003AA35FB}"/>
          </ac:spMkLst>
        </pc:spChg>
        <pc:spChg chg="mod">
          <ac:chgData name="White, Alex" userId="eff6cc8c-37d8-483b-9c6c-6b27e9afa9bc" providerId="ADAL" clId="{BF04C754-5BF4-4E83-9615-DB14FA25AF8A}" dt="2023-10-12T11:37:59.791" v="293"/>
          <ac:spMkLst>
            <pc:docMk/>
            <pc:sldMk cId="2376958513" sldId="260"/>
            <ac:spMk id="4488" creationId="{063615B7-0DAC-55BE-5B72-00AE5FB5557A}"/>
          </ac:spMkLst>
        </pc:spChg>
        <pc:spChg chg="mod">
          <ac:chgData name="White, Alex" userId="eff6cc8c-37d8-483b-9c6c-6b27e9afa9bc" providerId="ADAL" clId="{BF04C754-5BF4-4E83-9615-DB14FA25AF8A}" dt="2023-10-12T11:37:59.791" v="293"/>
          <ac:spMkLst>
            <pc:docMk/>
            <pc:sldMk cId="2376958513" sldId="260"/>
            <ac:spMk id="4489" creationId="{C0EFF90F-6C0C-CC7A-A13E-D7167AC45E7C}"/>
          </ac:spMkLst>
        </pc:spChg>
        <pc:spChg chg="mod">
          <ac:chgData name="White, Alex" userId="eff6cc8c-37d8-483b-9c6c-6b27e9afa9bc" providerId="ADAL" clId="{BF04C754-5BF4-4E83-9615-DB14FA25AF8A}" dt="2023-10-12T11:37:59.791" v="293"/>
          <ac:spMkLst>
            <pc:docMk/>
            <pc:sldMk cId="2376958513" sldId="260"/>
            <ac:spMk id="4490" creationId="{6485C5F0-2D36-10C9-D43B-2AA50EF1DC63}"/>
          </ac:spMkLst>
        </pc:spChg>
        <pc:spChg chg="mod">
          <ac:chgData name="White, Alex" userId="eff6cc8c-37d8-483b-9c6c-6b27e9afa9bc" providerId="ADAL" clId="{BF04C754-5BF4-4E83-9615-DB14FA25AF8A}" dt="2023-10-12T11:37:59.791" v="293"/>
          <ac:spMkLst>
            <pc:docMk/>
            <pc:sldMk cId="2376958513" sldId="260"/>
            <ac:spMk id="4491" creationId="{36536A8B-0184-0E4E-FBAE-8DFDEDACFEFD}"/>
          </ac:spMkLst>
        </pc:spChg>
        <pc:spChg chg="mod">
          <ac:chgData name="White, Alex" userId="eff6cc8c-37d8-483b-9c6c-6b27e9afa9bc" providerId="ADAL" clId="{BF04C754-5BF4-4E83-9615-DB14FA25AF8A}" dt="2023-10-12T11:37:59.791" v="293"/>
          <ac:spMkLst>
            <pc:docMk/>
            <pc:sldMk cId="2376958513" sldId="260"/>
            <ac:spMk id="4492" creationId="{3EDF74B4-72F0-4AD3-95BB-BE98B85FA763}"/>
          </ac:spMkLst>
        </pc:spChg>
        <pc:spChg chg="mod">
          <ac:chgData name="White, Alex" userId="eff6cc8c-37d8-483b-9c6c-6b27e9afa9bc" providerId="ADAL" clId="{BF04C754-5BF4-4E83-9615-DB14FA25AF8A}" dt="2023-10-12T11:37:59.791" v="293"/>
          <ac:spMkLst>
            <pc:docMk/>
            <pc:sldMk cId="2376958513" sldId="260"/>
            <ac:spMk id="4493" creationId="{CF9D8AE7-BE2A-0948-AF2A-6E46F456DE8E}"/>
          </ac:spMkLst>
        </pc:spChg>
        <pc:spChg chg="mod">
          <ac:chgData name="White, Alex" userId="eff6cc8c-37d8-483b-9c6c-6b27e9afa9bc" providerId="ADAL" clId="{BF04C754-5BF4-4E83-9615-DB14FA25AF8A}" dt="2023-10-12T11:37:59.791" v="293"/>
          <ac:spMkLst>
            <pc:docMk/>
            <pc:sldMk cId="2376958513" sldId="260"/>
            <ac:spMk id="4494" creationId="{E2D1B853-A3D4-1056-11EC-69B345947744}"/>
          </ac:spMkLst>
        </pc:spChg>
        <pc:spChg chg="mod">
          <ac:chgData name="White, Alex" userId="eff6cc8c-37d8-483b-9c6c-6b27e9afa9bc" providerId="ADAL" clId="{BF04C754-5BF4-4E83-9615-DB14FA25AF8A}" dt="2023-10-12T11:37:59.791" v="293"/>
          <ac:spMkLst>
            <pc:docMk/>
            <pc:sldMk cId="2376958513" sldId="260"/>
            <ac:spMk id="4495" creationId="{B3A16A0D-B00F-DD9E-E45C-A96FCC678049}"/>
          </ac:spMkLst>
        </pc:spChg>
        <pc:spChg chg="mod">
          <ac:chgData name="White, Alex" userId="eff6cc8c-37d8-483b-9c6c-6b27e9afa9bc" providerId="ADAL" clId="{BF04C754-5BF4-4E83-9615-DB14FA25AF8A}" dt="2023-10-12T11:37:59.791" v="293"/>
          <ac:spMkLst>
            <pc:docMk/>
            <pc:sldMk cId="2376958513" sldId="260"/>
            <ac:spMk id="4496" creationId="{5DFD9AF3-3703-4BDB-66E7-FB541D790694}"/>
          </ac:spMkLst>
        </pc:spChg>
        <pc:spChg chg="mod">
          <ac:chgData name="White, Alex" userId="eff6cc8c-37d8-483b-9c6c-6b27e9afa9bc" providerId="ADAL" clId="{BF04C754-5BF4-4E83-9615-DB14FA25AF8A}" dt="2023-10-12T11:37:59.791" v="293"/>
          <ac:spMkLst>
            <pc:docMk/>
            <pc:sldMk cId="2376958513" sldId="260"/>
            <ac:spMk id="4497" creationId="{8DD30214-1E40-1A29-9494-25CC83B34537}"/>
          </ac:spMkLst>
        </pc:spChg>
        <pc:spChg chg="mod">
          <ac:chgData name="White, Alex" userId="eff6cc8c-37d8-483b-9c6c-6b27e9afa9bc" providerId="ADAL" clId="{BF04C754-5BF4-4E83-9615-DB14FA25AF8A}" dt="2023-10-12T11:37:59.791" v="293"/>
          <ac:spMkLst>
            <pc:docMk/>
            <pc:sldMk cId="2376958513" sldId="260"/>
            <ac:spMk id="4498" creationId="{B9310A7F-8770-D84F-04CE-23B760A3DB9E}"/>
          </ac:spMkLst>
        </pc:spChg>
        <pc:spChg chg="mod">
          <ac:chgData name="White, Alex" userId="eff6cc8c-37d8-483b-9c6c-6b27e9afa9bc" providerId="ADAL" clId="{BF04C754-5BF4-4E83-9615-DB14FA25AF8A}" dt="2023-10-12T11:37:59.791" v="293"/>
          <ac:spMkLst>
            <pc:docMk/>
            <pc:sldMk cId="2376958513" sldId="260"/>
            <ac:spMk id="4499" creationId="{5393CAAB-733C-96A5-4B78-D6AD9F867662}"/>
          </ac:spMkLst>
        </pc:spChg>
        <pc:spChg chg="mod">
          <ac:chgData name="White, Alex" userId="eff6cc8c-37d8-483b-9c6c-6b27e9afa9bc" providerId="ADAL" clId="{BF04C754-5BF4-4E83-9615-DB14FA25AF8A}" dt="2023-10-12T11:37:59.791" v="293"/>
          <ac:spMkLst>
            <pc:docMk/>
            <pc:sldMk cId="2376958513" sldId="260"/>
            <ac:spMk id="4500" creationId="{C9733884-F167-A178-1C4F-C7A64BC78402}"/>
          </ac:spMkLst>
        </pc:spChg>
        <pc:spChg chg="mod">
          <ac:chgData name="White, Alex" userId="eff6cc8c-37d8-483b-9c6c-6b27e9afa9bc" providerId="ADAL" clId="{BF04C754-5BF4-4E83-9615-DB14FA25AF8A}" dt="2023-10-12T11:37:59.791" v="293"/>
          <ac:spMkLst>
            <pc:docMk/>
            <pc:sldMk cId="2376958513" sldId="260"/>
            <ac:spMk id="4501" creationId="{636DA766-78D1-5D41-987A-52EEF0DA2D4E}"/>
          </ac:spMkLst>
        </pc:spChg>
        <pc:spChg chg="mod">
          <ac:chgData name="White, Alex" userId="eff6cc8c-37d8-483b-9c6c-6b27e9afa9bc" providerId="ADAL" clId="{BF04C754-5BF4-4E83-9615-DB14FA25AF8A}" dt="2023-10-12T11:37:59.791" v="293"/>
          <ac:spMkLst>
            <pc:docMk/>
            <pc:sldMk cId="2376958513" sldId="260"/>
            <ac:spMk id="4502" creationId="{A305E958-2593-D179-A994-05D275496BBC}"/>
          </ac:spMkLst>
        </pc:spChg>
        <pc:spChg chg="mod">
          <ac:chgData name="White, Alex" userId="eff6cc8c-37d8-483b-9c6c-6b27e9afa9bc" providerId="ADAL" clId="{BF04C754-5BF4-4E83-9615-DB14FA25AF8A}" dt="2023-10-12T11:37:59.791" v="293"/>
          <ac:spMkLst>
            <pc:docMk/>
            <pc:sldMk cId="2376958513" sldId="260"/>
            <ac:spMk id="4503" creationId="{54A7156D-EA63-2089-9D84-E3C83FE4FF63}"/>
          </ac:spMkLst>
        </pc:spChg>
        <pc:spChg chg="mod">
          <ac:chgData name="White, Alex" userId="eff6cc8c-37d8-483b-9c6c-6b27e9afa9bc" providerId="ADAL" clId="{BF04C754-5BF4-4E83-9615-DB14FA25AF8A}" dt="2023-10-12T11:37:59.791" v="293"/>
          <ac:spMkLst>
            <pc:docMk/>
            <pc:sldMk cId="2376958513" sldId="260"/>
            <ac:spMk id="4504" creationId="{2882CAF3-1D30-53B2-A0A2-DB307674DB29}"/>
          </ac:spMkLst>
        </pc:spChg>
        <pc:spChg chg="mod">
          <ac:chgData name="White, Alex" userId="eff6cc8c-37d8-483b-9c6c-6b27e9afa9bc" providerId="ADAL" clId="{BF04C754-5BF4-4E83-9615-DB14FA25AF8A}" dt="2023-10-12T11:37:59.791" v="293"/>
          <ac:spMkLst>
            <pc:docMk/>
            <pc:sldMk cId="2376958513" sldId="260"/>
            <ac:spMk id="4505" creationId="{1DE5CF8A-53F8-12AE-E758-E6CF7581BB34}"/>
          </ac:spMkLst>
        </pc:spChg>
        <pc:spChg chg="mod">
          <ac:chgData name="White, Alex" userId="eff6cc8c-37d8-483b-9c6c-6b27e9afa9bc" providerId="ADAL" clId="{BF04C754-5BF4-4E83-9615-DB14FA25AF8A}" dt="2023-10-12T11:37:59.791" v="293"/>
          <ac:spMkLst>
            <pc:docMk/>
            <pc:sldMk cId="2376958513" sldId="260"/>
            <ac:spMk id="4506" creationId="{3BE35D64-1DB8-619B-2549-788C375E6A3E}"/>
          </ac:spMkLst>
        </pc:spChg>
        <pc:spChg chg="mod">
          <ac:chgData name="White, Alex" userId="eff6cc8c-37d8-483b-9c6c-6b27e9afa9bc" providerId="ADAL" clId="{BF04C754-5BF4-4E83-9615-DB14FA25AF8A}" dt="2023-10-12T11:37:59.791" v="293"/>
          <ac:spMkLst>
            <pc:docMk/>
            <pc:sldMk cId="2376958513" sldId="260"/>
            <ac:spMk id="4507" creationId="{35CC20B6-68EB-186A-9779-7476074C676B}"/>
          </ac:spMkLst>
        </pc:spChg>
        <pc:spChg chg="mod">
          <ac:chgData name="White, Alex" userId="eff6cc8c-37d8-483b-9c6c-6b27e9afa9bc" providerId="ADAL" clId="{BF04C754-5BF4-4E83-9615-DB14FA25AF8A}" dt="2023-10-12T11:37:59.791" v="293"/>
          <ac:spMkLst>
            <pc:docMk/>
            <pc:sldMk cId="2376958513" sldId="260"/>
            <ac:spMk id="4508" creationId="{A7C783AF-FD27-96DB-6275-A3AE60B6DC26}"/>
          </ac:spMkLst>
        </pc:spChg>
        <pc:spChg chg="mod">
          <ac:chgData name="White, Alex" userId="eff6cc8c-37d8-483b-9c6c-6b27e9afa9bc" providerId="ADAL" clId="{BF04C754-5BF4-4E83-9615-DB14FA25AF8A}" dt="2023-10-12T11:37:59.791" v="293"/>
          <ac:spMkLst>
            <pc:docMk/>
            <pc:sldMk cId="2376958513" sldId="260"/>
            <ac:spMk id="4509" creationId="{B602B945-6B35-B7DB-7CA5-66B851016FCF}"/>
          </ac:spMkLst>
        </pc:spChg>
        <pc:spChg chg="mod">
          <ac:chgData name="White, Alex" userId="eff6cc8c-37d8-483b-9c6c-6b27e9afa9bc" providerId="ADAL" clId="{BF04C754-5BF4-4E83-9615-DB14FA25AF8A}" dt="2023-10-12T11:37:59.791" v="293"/>
          <ac:spMkLst>
            <pc:docMk/>
            <pc:sldMk cId="2376958513" sldId="260"/>
            <ac:spMk id="4510" creationId="{C73B98A5-BD54-D1F3-3F56-B05475C08B58}"/>
          </ac:spMkLst>
        </pc:spChg>
        <pc:spChg chg="mod">
          <ac:chgData name="White, Alex" userId="eff6cc8c-37d8-483b-9c6c-6b27e9afa9bc" providerId="ADAL" clId="{BF04C754-5BF4-4E83-9615-DB14FA25AF8A}" dt="2023-10-12T11:37:59.791" v="293"/>
          <ac:spMkLst>
            <pc:docMk/>
            <pc:sldMk cId="2376958513" sldId="260"/>
            <ac:spMk id="4511" creationId="{AB0E8632-B17C-0958-CFD4-447C88DE9301}"/>
          </ac:spMkLst>
        </pc:spChg>
        <pc:spChg chg="mod">
          <ac:chgData name="White, Alex" userId="eff6cc8c-37d8-483b-9c6c-6b27e9afa9bc" providerId="ADAL" clId="{BF04C754-5BF4-4E83-9615-DB14FA25AF8A}" dt="2023-10-12T11:37:59.791" v="293"/>
          <ac:spMkLst>
            <pc:docMk/>
            <pc:sldMk cId="2376958513" sldId="260"/>
            <ac:spMk id="4512" creationId="{331BF32D-75B9-A7B6-700D-1691272D445F}"/>
          </ac:spMkLst>
        </pc:spChg>
        <pc:spChg chg="mod">
          <ac:chgData name="White, Alex" userId="eff6cc8c-37d8-483b-9c6c-6b27e9afa9bc" providerId="ADAL" clId="{BF04C754-5BF4-4E83-9615-DB14FA25AF8A}" dt="2023-10-12T11:37:59.791" v="293"/>
          <ac:spMkLst>
            <pc:docMk/>
            <pc:sldMk cId="2376958513" sldId="260"/>
            <ac:spMk id="4513" creationId="{02846CB1-5E87-4E4F-9952-CD0C5B909AE3}"/>
          </ac:spMkLst>
        </pc:spChg>
        <pc:spChg chg="mod">
          <ac:chgData name="White, Alex" userId="eff6cc8c-37d8-483b-9c6c-6b27e9afa9bc" providerId="ADAL" clId="{BF04C754-5BF4-4E83-9615-DB14FA25AF8A}" dt="2023-10-12T11:37:59.791" v="293"/>
          <ac:spMkLst>
            <pc:docMk/>
            <pc:sldMk cId="2376958513" sldId="260"/>
            <ac:spMk id="4514" creationId="{EAC56DF6-5510-BD8D-BE75-E9E9212782EB}"/>
          </ac:spMkLst>
        </pc:spChg>
        <pc:spChg chg="mod">
          <ac:chgData name="White, Alex" userId="eff6cc8c-37d8-483b-9c6c-6b27e9afa9bc" providerId="ADAL" clId="{BF04C754-5BF4-4E83-9615-DB14FA25AF8A}" dt="2023-10-12T11:37:59.791" v="293"/>
          <ac:spMkLst>
            <pc:docMk/>
            <pc:sldMk cId="2376958513" sldId="260"/>
            <ac:spMk id="4515" creationId="{6386B68F-F13E-1F4E-5876-365EC35D2154}"/>
          </ac:spMkLst>
        </pc:spChg>
        <pc:spChg chg="mod">
          <ac:chgData name="White, Alex" userId="eff6cc8c-37d8-483b-9c6c-6b27e9afa9bc" providerId="ADAL" clId="{BF04C754-5BF4-4E83-9615-DB14FA25AF8A}" dt="2023-10-12T11:37:59.791" v="293"/>
          <ac:spMkLst>
            <pc:docMk/>
            <pc:sldMk cId="2376958513" sldId="260"/>
            <ac:spMk id="4516" creationId="{E3A79885-5631-F885-FFD3-3F13D64ED107}"/>
          </ac:spMkLst>
        </pc:spChg>
        <pc:spChg chg="mod">
          <ac:chgData name="White, Alex" userId="eff6cc8c-37d8-483b-9c6c-6b27e9afa9bc" providerId="ADAL" clId="{BF04C754-5BF4-4E83-9615-DB14FA25AF8A}" dt="2023-10-12T11:37:59.791" v="293"/>
          <ac:spMkLst>
            <pc:docMk/>
            <pc:sldMk cId="2376958513" sldId="260"/>
            <ac:spMk id="4517" creationId="{7DDD1813-901D-1C1C-22E4-CB68CA1CBF95}"/>
          </ac:spMkLst>
        </pc:spChg>
        <pc:spChg chg="mod">
          <ac:chgData name="White, Alex" userId="eff6cc8c-37d8-483b-9c6c-6b27e9afa9bc" providerId="ADAL" clId="{BF04C754-5BF4-4E83-9615-DB14FA25AF8A}" dt="2023-10-12T11:37:59.791" v="293"/>
          <ac:spMkLst>
            <pc:docMk/>
            <pc:sldMk cId="2376958513" sldId="260"/>
            <ac:spMk id="4518" creationId="{E1F7A256-9B79-473E-BBB0-32F8A0175695}"/>
          </ac:spMkLst>
        </pc:spChg>
        <pc:spChg chg="mod">
          <ac:chgData name="White, Alex" userId="eff6cc8c-37d8-483b-9c6c-6b27e9afa9bc" providerId="ADAL" clId="{BF04C754-5BF4-4E83-9615-DB14FA25AF8A}" dt="2023-10-12T11:37:59.791" v="293"/>
          <ac:spMkLst>
            <pc:docMk/>
            <pc:sldMk cId="2376958513" sldId="260"/>
            <ac:spMk id="4519" creationId="{5D4A5D34-EE1E-D06C-106B-4C43960088B1}"/>
          </ac:spMkLst>
        </pc:spChg>
        <pc:spChg chg="mod">
          <ac:chgData name="White, Alex" userId="eff6cc8c-37d8-483b-9c6c-6b27e9afa9bc" providerId="ADAL" clId="{BF04C754-5BF4-4E83-9615-DB14FA25AF8A}" dt="2023-10-12T11:37:59.791" v="293"/>
          <ac:spMkLst>
            <pc:docMk/>
            <pc:sldMk cId="2376958513" sldId="260"/>
            <ac:spMk id="4520" creationId="{C127541E-789D-2B15-95B7-3B49B4288F06}"/>
          </ac:spMkLst>
        </pc:spChg>
        <pc:spChg chg="mod">
          <ac:chgData name="White, Alex" userId="eff6cc8c-37d8-483b-9c6c-6b27e9afa9bc" providerId="ADAL" clId="{BF04C754-5BF4-4E83-9615-DB14FA25AF8A}" dt="2023-10-12T11:37:59.791" v="293"/>
          <ac:spMkLst>
            <pc:docMk/>
            <pc:sldMk cId="2376958513" sldId="260"/>
            <ac:spMk id="4521" creationId="{72C4C995-AA5A-4C3D-7FC3-2271B395638D}"/>
          </ac:spMkLst>
        </pc:spChg>
        <pc:spChg chg="mod">
          <ac:chgData name="White, Alex" userId="eff6cc8c-37d8-483b-9c6c-6b27e9afa9bc" providerId="ADAL" clId="{BF04C754-5BF4-4E83-9615-DB14FA25AF8A}" dt="2023-10-12T11:37:59.791" v="293"/>
          <ac:spMkLst>
            <pc:docMk/>
            <pc:sldMk cId="2376958513" sldId="260"/>
            <ac:spMk id="4522" creationId="{6F7B5C9E-2502-B96A-9DA4-C0CBCD4F2D42}"/>
          </ac:spMkLst>
        </pc:spChg>
        <pc:spChg chg="mod">
          <ac:chgData name="White, Alex" userId="eff6cc8c-37d8-483b-9c6c-6b27e9afa9bc" providerId="ADAL" clId="{BF04C754-5BF4-4E83-9615-DB14FA25AF8A}" dt="2023-10-12T11:37:59.791" v="293"/>
          <ac:spMkLst>
            <pc:docMk/>
            <pc:sldMk cId="2376958513" sldId="260"/>
            <ac:spMk id="4523" creationId="{F524042C-DB90-645C-92C7-CBE741733F2D}"/>
          </ac:spMkLst>
        </pc:spChg>
        <pc:spChg chg="mod">
          <ac:chgData name="White, Alex" userId="eff6cc8c-37d8-483b-9c6c-6b27e9afa9bc" providerId="ADAL" clId="{BF04C754-5BF4-4E83-9615-DB14FA25AF8A}" dt="2023-10-12T11:37:59.791" v="293"/>
          <ac:spMkLst>
            <pc:docMk/>
            <pc:sldMk cId="2376958513" sldId="260"/>
            <ac:spMk id="4524" creationId="{59912265-25E2-103C-7FC1-9D4F7CE5BDC6}"/>
          </ac:spMkLst>
        </pc:spChg>
        <pc:spChg chg="mod">
          <ac:chgData name="White, Alex" userId="eff6cc8c-37d8-483b-9c6c-6b27e9afa9bc" providerId="ADAL" clId="{BF04C754-5BF4-4E83-9615-DB14FA25AF8A}" dt="2023-10-12T11:37:59.791" v="293"/>
          <ac:spMkLst>
            <pc:docMk/>
            <pc:sldMk cId="2376958513" sldId="260"/>
            <ac:spMk id="4525" creationId="{2FD6BCF4-EA58-2293-3EEB-093946578118}"/>
          </ac:spMkLst>
        </pc:spChg>
        <pc:spChg chg="mod">
          <ac:chgData name="White, Alex" userId="eff6cc8c-37d8-483b-9c6c-6b27e9afa9bc" providerId="ADAL" clId="{BF04C754-5BF4-4E83-9615-DB14FA25AF8A}" dt="2023-10-12T11:37:59.791" v="293"/>
          <ac:spMkLst>
            <pc:docMk/>
            <pc:sldMk cId="2376958513" sldId="260"/>
            <ac:spMk id="4526" creationId="{EB039217-A64E-0E8F-B8B2-D4A2D872694B}"/>
          </ac:spMkLst>
        </pc:spChg>
        <pc:spChg chg="mod">
          <ac:chgData name="White, Alex" userId="eff6cc8c-37d8-483b-9c6c-6b27e9afa9bc" providerId="ADAL" clId="{BF04C754-5BF4-4E83-9615-DB14FA25AF8A}" dt="2023-10-12T11:37:59.791" v="293"/>
          <ac:spMkLst>
            <pc:docMk/>
            <pc:sldMk cId="2376958513" sldId="260"/>
            <ac:spMk id="4527" creationId="{EF4505C7-6339-2C9A-EA90-2059829ADCEB}"/>
          </ac:spMkLst>
        </pc:spChg>
        <pc:spChg chg="mod">
          <ac:chgData name="White, Alex" userId="eff6cc8c-37d8-483b-9c6c-6b27e9afa9bc" providerId="ADAL" clId="{BF04C754-5BF4-4E83-9615-DB14FA25AF8A}" dt="2023-10-12T11:37:59.791" v="293"/>
          <ac:spMkLst>
            <pc:docMk/>
            <pc:sldMk cId="2376958513" sldId="260"/>
            <ac:spMk id="4528" creationId="{96515326-E695-9DD2-78D5-2104C7F56469}"/>
          </ac:spMkLst>
        </pc:spChg>
        <pc:spChg chg="mod">
          <ac:chgData name="White, Alex" userId="eff6cc8c-37d8-483b-9c6c-6b27e9afa9bc" providerId="ADAL" clId="{BF04C754-5BF4-4E83-9615-DB14FA25AF8A}" dt="2023-10-12T11:37:59.791" v="293"/>
          <ac:spMkLst>
            <pc:docMk/>
            <pc:sldMk cId="2376958513" sldId="260"/>
            <ac:spMk id="4529" creationId="{B9E72053-3706-CB3F-E135-9042FA473287}"/>
          </ac:spMkLst>
        </pc:spChg>
        <pc:spChg chg="mod">
          <ac:chgData name="White, Alex" userId="eff6cc8c-37d8-483b-9c6c-6b27e9afa9bc" providerId="ADAL" clId="{BF04C754-5BF4-4E83-9615-DB14FA25AF8A}" dt="2023-10-12T11:37:59.791" v="293"/>
          <ac:spMkLst>
            <pc:docMk/>
            <pc:sldMk cId="2376958513" sldId="260"/>
            <ac:spMk id="4530" creationId="{C0BC7F00-25BA-A979-44F8-6D6717945EA0}"/>
          </ac:spMkLst>
        </pc:spChg>
        <pc:spChg chg="mod">
          <ac:chgData name="White, Alex" userId="eff6cc8c-37d8-483b-9c6c-6b27e9afa9bc" providerId="ADAL" clId="{BF04C754-5BF4-4E83-9615-DB14FA25AF8A}" dt="2023-10-12T11:37:59.791" v="293"/>
          <ac:spMkLst>
            <pc:docMk/>
            <pc:sldMk cId="2376958513" sldId="260"/>
            <ac:spMk id="4531" creationId="{ED7A8761-257D-E783-D059-6C8BDA70F3A2}"/>
          </ac:spMkLst>
        </pc:spChg>
        <pc:spChg chg="mod">
          <ac:chgData name="White, Alex" userId="eff6cc8c-37d8-483b-9c6c-6b27e9afa9bc" providerId="ADAL" clId="{BF04C754-5BF4-4E83-9615-DB14FA25AF8A}" dt="2023-10-12T11:37:59.791" v="293"/>
          <ac:spMkLst>
            <pc:docMk/>
            <pc:sldMk cId="2376958513" sldId="260"/>
            <ac:spMk id="4532" creationId="{1245FD0E-CBB4-5987-A8FD-8A8BA1970BF8}"/>
          </ac:spMkLst>
        </pc:spChg>
        <pc:spChg chg="mod">
          <ac:chgData name="White, Alex" userId="eff6cc8c-37d8-483b-9c6c-6b27e9afa9bc" providerId="ADAL" clId="{BF04C754-5BF4-4E83-9615-DB14FA25AF8A}" dt="2023-10-12T11:37:59.791" v="293"/>
          <ac:spMkLst>
            <pc:docMk/>
            <pc:sldMk cId="2376958513" sldId="260"/>
            <ac:spMk id="4533" creationId="{FFE04370-9F28-C4E0-04C7-46F289640E12}"/>
          </ac:spMkLst>
        </pc:spChg>
        <pc:spChg chg="mod">
          <ac:chgData name="White, Alex" userId="eff6cc8c-37d8-483b-9c6c-6b27e9afa9bc" providerId="ADAL" clId="{BF04C754-5BF4-4E83-9615-DB14FA25AF8A}" dt="2023-10-12T11:37:59.791" v="293"/>
          <ac:spMkLst>
            <pc:docMk/>
            <pc:sldMk cId="2376958513" sldId="260"/>
            <ac:spMk id="4534" creationId="{F9B8519E-7573-60DE-5E60-12C217C26F31}"/>
          </ac:spMkLst>
        </pc:spChg>
        <pc:spChg chg="mod">
          <ac:chgData name="White, Alex" userId="eff6cc8c-37d8-483b-9c6c-6b27e9afa9bc" providerId="ADAL" clId="{BF04C754-5BF4-4E83-9615-DB14FA25AF8A}" dt="2023-10-12T11:37:59.791" v="293"/>
          <ac:spMkLst>
            <pc:docMk/>
            <pc:sldMk cId="2376958513" sldId="260"/>
            <ac:spMk id="4535" creationId="{C02D0381-B733-11AF-2376-B0123814DC30}"/>
          </ac:spMkLst>
        </pc:spChg>
        <pc:spChg chg="mod">
          <ac:chgData name="White, Alex" userId="eff6cc8c-37d8-483b-9c6c-6b27e9afa9bc" providerId="ADAL" clId="{BF04C754-5BF4-4E83-9615-DB14FA25AF8A}" dt="2023-10-12T11:37:59.791" v="293"/>
          <ac:spMkLst>
            <pc:docMk/>
            <pc:sldMk cId="2376958513" sldId="260"/>
            <ac:spMk id="4536" creationId="{D17B36E9-4DA9-22A7-5C94-B450F8E8ECCF}"/>
          </ac:spMkLst>
        </pc:spChg>
        <pc:spChg chg="mod">
          <ac:chgData name="White, Alex" userId="eff6cc8c-37d8-483b-9c6c-6b27e9afa9bc" providerId="ADAL" clId="{BF04C754-5BF4-4E83-9615-DB14FA25AF8A}" dt="2023-10-12T11:37:59.791" v="293"/>
          <ac:spMkLst>
            <pc:docMk/>
            <pc:sldMk cId="2376958513" sldId="260"/>
            <ac:spMk id="4537" creationId="{FEF967ED-7393-CD2E-7728-1C4881045B1A}"/>
          </ac:spMkLst>
        </pc:spChg>
        <pc:spChg chg="mod">
          <ac:chgData name="White, Alex" userId="eff6cc8c-37d8-483b-9c6c-6b27e9afa9bc" providerId="ADAL" clId="{BF04C754-5BF4-4E83-9615-DB14FA25AF8A}" dt="2023-10-12T11:37:59.791" v="293"/>
          <ac:spMkLst>
            <pc:docMk/>
            <pc:sldMk cId="2376958513" sldId="260"/>
            <ac:spMk id="4538" creationId="{088A66B4-07A3-1B25-ED0F-B648CB3BDC74}"/>
          </ac:spMkLst>
        </pc:spChg>
        <pc:spChg chg="mod">
          <ac:chgData name="White, Alex" userId="eff6cc8c-37d8-483b-9c6c-6b27e9afa9bc" providerId="ADAL" clId="{BF04C754-5BF4-4E83-9615-DB14FA25AF8A}" dt="2023-10-12T11:37:59.791" v="293"/>
          <ac:spMkLst>
            <pc:docMk/>
            <pc:sldMk cId="2376958513" sldId="260"/>
            <ac:spMk id="4539" creationId="{6357C1E0-6828-B720-9567-161451DD3E63}"/>
          </ac:spMkLst>
        </pc:spChg>
        <pc:spChg chg="mod">
          <ac:chgData name="White, Alex" userId="eff6cc8c-37d8-483b-9c6c-6b27e9afa9bc" providerId="ADAL" clId="{BF04C754-5BF4-4E83-9615-DB14FA25AF8A}" dt="2023-10-12T11:37:59.791" v="293"/>
          <ac:spMkLst>
            <pc:docMk/>
            <pc:sldMk cId="2376958513" sldId="260"/>
            <ac:spMk id="4540" creationId="{72F85B58-9E58-C932-C07D-9A294D010D8A}"/>
          </ac:spMkLst>
        </pc:spChg>
        <pc:spChg chg="mod">
          <ac:chgData name="White, Alex" userId="eff6cc8c-37d8-483b-9c6c-6b27e9afa9bc" providerId="ADAL" clId="{BF04C754-5BF4-4E83-9615-DB14FA25AF8A}" dt="2023-10-12T11:37:59.791" v="293"/>
          <ac:spMkLst>
            <pc:docMk/>
            <pc:sldMk cId="2376958513" sldId="260"/>
            <ac:spMk id="4541" creationId="{F0F0571E-EBA1-061C-97ED-54936FB29D80}"/>
          </ac:spMkLst>
        </pc:spChg>
        <pc:spChg chg="mod">
          <ac:chgData name="White, Alex" userId="eff6cc8c-37d8-483b-9c6c-6b27e9afa9bc" providerId="ADAL" clId="{BF04C754-5BF4-4E83-9615-DB14FA25AF8A}" dt="2023-10-12T11:37:59.791" v="293"/>
          <ac:spMkLst>
            <pc:docMk/>
            <pc:sldMk cId="2376958513" sldId="260"/>
            <ac:spMk id="4542" creationId="{08B15F82-7613-2A9D-FD1A-F341AF06EE90}"/>
          </ac:spMkLst>
        </pc:spChg>
        <pc:spChg chg="mod">
          <ac:chgData name="White, Alex" userId="eff6cc8c-37d8-483b-9c6c-6b27e9afa9bc" providerId="ADAL" clId="{BF04C754-5BF4-4E83-9615-DB14FA25AF8A}" dt="2023-10-12T11:37:59.791" v="293"/>
          <ac:spMkLst>
            <pc:docMk/>
            <pc:sldMk cId="2376958513" sldId="260"/>
            <ac:spMk id="4543" creationId="{055A0575-55F5-2837-D506-584F9D927677}"/>
          </ac:spMkLst>
        </pc:spChg>
        <pc:spChg chg="mod">
          <ac:chgData name="White, Alex" userId="eff6cc8c-37d8-483b-9c6c-6b27e9afa9bc" providerId="ADAL" clId="{BF04C754-5BF4-4E83-9615-DB14FA25AF8A}" dt="2023-10-12T11:37:59.791" v="293"/>
          <ac:spMkLst>
            <pc:docMk/>
            <pc:sldMk cId="2376958513" sldId="260"/>
            <ac:spMk id="4544" creationId="{9B43DF5D-7B29-D135-71EB-D09EFF7B2263}"/>
          </ac:spMkLst>
        </pc:spChg>
        <pc:spChg chg="mod">
          <ac:chgData name="White, Alex" userId="eff6cc8c-37d8-483b-9c6c-6b27e9afa9bc" providerId="ADAL" clId="{BF04C754-5BF4-4E83-9615-DB14FA25AF8A}" dt="2023-10-12T11:37:59.791" v="293"/>
          <ac:spMkLst>
            <pc:docMk/>
            <pc:sldMk cId="2376958513" sldId="260"/>
            <ac:spMk id="4545" creationId="{7B2EA5D0-5B95-575E-8A13-FFF5E7BED363}"/>
          </ac:spMkLst>
        </pc:spChg>
        <pc:spChg chg="mod">
          <ac:chgData name="White, Alex" userId="eff6cc8c-37d8-483b-9c6c-6b27e9afa9bc" providerId="ADAL" clId="{BF04C754-5BF4-4E83-9615-DB14FA25AF8A}" dt="2023-10-12T11:37:59.791" v="293"/>
          <ac:spMkLst>
            <pc:docMk/>
            <pc:sldMk cId="2376958513" sldId="260"/>
            <ac:spMk id="4546" creationId="{EFD4DD27-D6DD-19C0-B93A-C0AD6B13ADF2}"/>
          </ac:spMkLst>
        </pc:spChg>
        <pc:spChg chg="mod">
          <ac:chgData name="White, Alex" userId="eff6cc8c-37d8-483b-9c6c-6b27e9afa9bc" providerId="ADAL" clId="{BF04C754-5BF4-4E83-9615-DB14FA25AF8A}" dt="2023-10-12T11:37:59.791" v="293"/>
          <ac:spMkLst>
            <pc:docMk/>
            <pc:sldMk cId="2376958513" sldId="260"/>
            <ac:spMk id="4547" creationId="{9D1FE04E-0946-BD61-23DF-9DA97CA52C4A}"/>
          </ac:spMkLst>
        </pc:spChg>
        <pc:spChg chg="mod">
          <ac:chgData name="White, Alex" userId="eff6cc8c-37d8-483b-9c6c-6b27e9afa9bc" providerId="ADAL" clId="{BF04C754-5BF4-4E83-9615-DB14FA25AF8A}" dt="2023-10-12T11:37:59.791" v="293"/>
          <ac:spMkLst>
            <pc:docMk/>
            <pc:sldMk cId="2376958513" sldId="260"/>
            <ac:spMk id="4548" creationId="{6A1117F8-B0C3-FEDA-3CF2-41792D6FBD20}"/>
          </ac:spMkLst>
        </pc:spChg>
        <pc:spChg chg="mod">
          <ac:chgData name="White, Alex" userId="eff6cc8c-37d8-483b-9c6c-6b27e9afa9bc" providerId="ADAL" clId="{BF04C754-5BF4-4E83-9615-DB14FA25AF8A}" dt="2023-10-12T11:37:59.791" v="293"/>
          <ac:spMkLst>
            <pc:docMk/>
            <pc:sldMk cId="2376958513" sldId="260"/>
            <ac:spMk id="4549" creationId="{4A4180C4-E9E2-DDBE-8C5D-9E11BA796FE7}"/>
          </ac:spMkLst>
        </pc:spChg>
        <pc:spChg chg="mod">
          <ac:chgData name="White, Alex" userId="eff6cc8c-37d8-483b-9c6c-6b27e9afa9bc" providerId="ADAL" clId="{BF04C754-5BF4-4E83-9615-DB14FA25AF8A}" dt="2023-10-12T11:37:59.791" v="293"/>
          <ac:spMkLst>
            <pc:docMk/>
            <pc:sldMk cId="2376958513" sldId="260"/>
            <ac:spMk id="4550" creationId="{EDB8DD5E-6C42-3FDE-5B5F-875BE69F04A3}"/>
          </ac:spMkLst>
        </pc:spChg>
        <pc:spChg chg="mod">
          <ac:chgData name="White, Alex" userId="eff6cc8c-37d8-483b-9c6c-6b27e9afa9bc" providerId="ADAL" clId="{BF04C754-5BF4-4E83-9615-DB14FA25AF8A}" dt="2023-10-12T11:37:59.791" v="293"/>
          <ac:spMkLst>
            <pc:docMk/>
            <pc:sldMk cId="2376958513" sldId="260"/>
            <ac:spMk id="4551" creationId="{ADD733A5-C66A-646B-3BBF-04575FFE5C65}"/>
          </ac:spMkLst>
        </pc:spChg>
        <pc:spChg chg="mod">
          <ac:chgData name="White, Alex" userId="eff6cc8c-37d8-483b-9c6c-6b27e9afa9bc" providerId="ADAL" clId="{BF04C754-5BF4-4E83-9615-DB14FA25AF8A}" dt="2023-10-12T11:37:59.791" v="293"/>
          <ac:spMkLst>
            <pc:docMk/>
            <pc:sldMk cId="2376958513" sldId="260"/>
            <ac:spMk id="4552" creationId="{F2C35C85-3031-2FF3-9E63-DB6736512E57}"/>
          </ac:spMkLst>
        </pc:spChg>
        <pc:spChg chg="mod">
          <ac:chgData name="White, Alex" userId="eff6cc8c-37d8-483b-9c6c-6b27e9afa9bc" providerId="ADAL" clId="{BF04C754-5BF4-4E83-9615-DB14FA25AF8A}" dt="2023-10-12T11:37:59.791" v="293"/>
          <ac:spMkLst>
            <pc:docMk/>
            <pc:sldMk cId="2376958513" sldId="260"/>
            <ac:spMk id="4553" creationId="{2DC5528B-5A56-32EA-A8E3-4DD711FB80FB}"/>
          </ac:spMkLst>
        </pc:spChg>
        <pc:spChg chg="mod">
          <ac:chgData name="White, Alex" userId="eff6cc8c-37d8-483b-9c6c-6b27e9afa9bc" providerId="ADAL" clId="{BF04C754-5BF4-4E83-9615-DB14FA25AF8A}" dt="2023-10-12T11:37:59.791" v="293"/>
          <ac:spMkLst>
            <pc:docMk/>
            <pc:sldMk cId="2376958513" sldId="260"/>
            <ac:spMk id="4554" creationId="{F91FC0FD-6967-5F26-26AE-18D6A59DA012}"/>
          </ac:spMkLst>
        </pc:spChg>
        <pc:spChg chg="mod">
          <ac:chgData name="White, Alex" userId="eff6cc8c-37d8-483b-9c6c-6b27e9afa9bc" providerId="ADAL" clId="{BF04C754-5BF4-4E83-9615-DB14FA25AF8A}" dt="2023-10-12T11:37:59.791" v="293"/>
          <ac:spMkLst>
            <pc:docMk/>
            <pc:sldMk cId="2376958513" sldId="260"/>
            <ac:spMk id="4555" creationId="{843BB503-93B1-3A81-10B9-17F44EB09D41}"/>
          </ac:spMkLst>
        </pc:spChg>
        <pc:spChg chg="mod">
          <ac:chgData name="White, Alex" userId="eff6cc8c-37d8-483b-9c6c-6b27e9afa9bc" providerId="ADAL" clId="{BF04C754-5BF4-4E83-9615-DB14FA25AF8A}" dt="2023-10-12T11:37:59.791" v="293"/>
          <ac:spMkLst>
            <pc:docMk/>
            <pc:sldMk cId="2376958513" sldId="260"/>
            <ac:spMk id="4556" creationId="{14DF32B9-73E7-6EBE-A851-0BF365958E69}"/>
          </ac:spMkLst>
        </pc:spChg>
        <pc:spChg chg="mod">
          <ac:chgData name="White, Alex" userId="eff6cc8c-37d8-483b-9c6c-6b27e9afa9bc" providerId="ADAL" clId="{BF04C754-5BF4-4E83-9615-DB14FA25AF8A}" dt="2023-10-12T11:37:59.791" v="293"/>
          <ac:spMkLst>
            <pc:docMk/>
            <pc:sldMk cId="2376958513" sldId="260"/>
            <ac:spMk id="4557" creationId="{4A8230BC-4048-610B-0971-9DA7050FC32C}"/>
          </ac:spMkLst>
        </pc:spChg>
        <pc:spChg chg="mod">
          <ac:chgData name="White, Alex" userId="eff6cc8c-37d8-483b-9c6c-6b27e9afa9bc" providerId="ADAL" clId="{BF04C754-5BF4-4E83-9615-DB14FA25AF8A}" dt="2023-10-12T11:37:59.791" v="293"/>
          <ac:spMkLst>
            <pc:docMk/>
            <pc:sldMk cId="2376958513" sldId="260"/>
            <ac:spMk id="4558" creationId="{272C1E8D-7877-38EA-CD34-798AA0885753}"/>
          </ac:spMkLst>
        </pc:spChg>
        <pc:spChg chg="mod">
          <ac:chgData name="White, Alex" userId="eff6cc8c-37d8-483b-9c6c-6b27e9afa9bc" providerId="ADAL" clId="{BF04C754-5BF4-4E83-9615-DB14FA25AF8A}" dt="2023-10-12T11:37:59.791" v="293"/>
          <ac:spMkLst>
            <pc:docMk/>
            <pc:sldMk cId="2376958513" sldId="260"/>
            <ac:spMk id="4559" creationId="{4AC3DBCA-4F56-C8CC-94CB-F393A48CAE1B}"/>
          </ac:spMkLst>
        </pc:spChg>
        <pc:spChg chg="mod">
          <ac:chgData name="White, Alex" userId="eff6cc8c-37d8-483b-9c6c-6b27e9afa9bc" providerId="ADAL" clId="{BF04C754-5BF4-4E83-9615-DB14FA25AF8A}" dt="2023-10-12T11:37:59.791" v="293"/>
          <ac:spMkLst>
            <pc:docMk/>
            <pc:sldMk cId="2376958513" sldId="260"/>
            <ac:spMk id="4560" creationId="{606FC27C-9BB8-1509-680C-4691392BE768}"/>
          </ac:spMkLst>
        </pc:spChg>
        <pc:spChg chg="mod">
          <ac:chgData name="White, Alex" userId="eff6cc8c-37d8-483b-9c6c-6b27e9afa9bc" providerId="ADAL" clId="{BF04C754-5BF4-4E83-9615-DB14FA25AF8A}" dt="2023-10-12T11:37:59.791" v="293"/>
          <ac:spMkLst>
            <pc:docMk/>
            <pc:sldMk cId="2376958513" sldId="260"/>
            <ac:spMk id="4561" creationId="{D071E266-9452-6E45-992F-25A729F8FCBF}"/>
          </ac:spMkLst>
        </pc:spChg>
        <pc:spChg chg="mod">
          <ac:chgData name="White, Alex" userId="eff6cc8c-37d8-483b-9c6c-6b27e9afa9bc" providerId="ADAL" clId="{BF04C754-5BF4-4E83-9615-DB14FA25AF8A}" dt="2023-10-12T11:37:59.791" v="293"/>
          <ac:spMkLst>
            <pc:docMk/>
            <pc:sldMk cId="2376958513" sldId="260"/>
            <ac:spMk id="4562" creationId="{F53398B3-8BE1-5836-1D80-23F0D28E859A}"/>
          </ac:spMkLst>
        </pc:spChg>
        <pc:spChg chg="mod">
          <ac:chgData name="White, Alex" userId="eff6cc8c-37d8-483b-9c6c-6b27e9afa9bc" providerId="ADAL" clId="{BF04C754-5BF4-4E83-9615-DB14FA25AF8A}" dt="2023-10-12T11:37:59.791" v="293"/>
          <ac:spMkLst>
            <pc:docMk/>
            <pc:sldMk cId="2376958513" sldId="260"/>
            <ac:spMk id="4563" creationId="{962BCECF-5379-8869-E4B5-CE7BFE8EE20A}"/>
          </ac:spMkLst>
        </pc:spChg>
        <pc:spChg chg="mod">
          <ac:chgData name="White, Alex" userId="eff6cc8c-37d8-483b-9c6c-6b27e9afa9bc" providerId="ADAL" clId="{BF04C754-5BF4-4E83-9615-DB14FA25AF8A}" dt="2023-10-12T11:37:59.791" v="293"/>
          <ac:spMkLst>
            <pc:docMk/>
            <pc:sldMk cId="2376958513" sldId="260"/>
            <ac:spMk id="4564" creationId="{60B659A4-71EA-CD5B-24B2-4EE7FBC4EF35}"/>
          </ac:spMkLst>
        </pc:spChg>
        <pc:spChg chg="mod">
          <ac:chgData name="White, Alex" userId="eff6cc8c-37d8-483b-9c6c-6b27e9afa9bc" providerId="ADAL" clId="{BF04C754-5BF4-4E83-9615-DB14FA25AF8A}" dt="2023-10-12T11:37:59.791" v="293"/>
          <ac:spMkLst>
            <pc:docMk/>
            <pc:sldMk cId="2376958513" sldId="260"/>
            <ac:spMk id="4565" creationId="{5C992C11-FDCE-8F32-4FB6-683C3AF90735}"/>
          </ac:spMkLst>
        </pc:spChg>
        <pc:spChg chg="mod">
          <ac:chgData name="White, Alex" userId="eff6cc8c-37d8-483b-9c6c-6b27e9afa9bc" providerId="ADAL" clId="{BF04C754-5BF4-4E83-9615-DB14FA25AF8A}" dt="2023-10-12T11:37:59.791" v="293"/>
          <ac:spMkLst>
            <pc:docMk/>
            <pc:sldMk cId="2376958513" sldId="260"/>
            <ac:spMk id="4566" creationId="{0635931B-B06D-FD6B-0A92-D0E30078FF30}"/>
          </ac:spMkLst>
        </pc:spChg>
        <pc:spChg chg="mod">
          <ac:chgData name="White, Alex" userId="eff6cc8c-37d8-483b-9c6c-6b27e9afa9bc" providerId="ADAL" clId="{BF04C754-5BF4-4E83-9615-DB14FA25AF8A}" dt="2023-10-12T11:37:59.791" v="293"/>
          <ac:spMkLst>
            <pc:docMk/>
            <pc:sldMk cId="2376958513" sldId="260"/>
            <ac:spMk id="4567" creationId="{E02E6382-0592-3420-C969-32FB9F2B1FA1}"/>
          </ac:spMkLst>
        </pc:spChg>
        <pc:spChg chg="mod">
          <ac:chgData name="White, Alex" userId="eff6cc8c-37d8-483b-9c6c-6b27e9afa9bc" providerId="ADAL" clId="{BF04C754-5BF4-4E83-9615-DB14FA25AF8A}" dt="2023-10-12T11:37:59.791" v="293"/>
          <ac:spMkLst>
            <pc:docMk/>
            <pc:sldMk cId="2376958513" sldId="260"/>
            <ac:spMk id="4568" creationId="{35D919AD-1BE3-83B8-A254-457221FEBEAD}"/>
          </ac:spMkLst>
        </pc:spChg>
        <pc:spChg chg="mod">
          <ac:chgData name="White, Alex" userId="eff6cc8c-37d8-483b-9c6c-6b27e9afa9bc" providerId="ADAL" clId="{BF04C754-5BF4-4E83-9615-DB14FA25AF8A}" dt="2023-10-12T11:37:59.791" v="293"/>
          <ac:spMkLst>
            <pc:docMk/>
            <pc:sldMk cId="2376958513" sldId="260"/>
            <ac:spMk id="4569" creationId="{4AB0DA24-5ACD-4057-B9F6-1E1501F4DE74}"/>
          </ac:spMkLst>
        </pc:spChg>
        <pc:spChg chg="mod">
          <ac:chgData name="White, Alex" userId="eff6cc8c-37d8-483b-9c6c-6b27e9afa9bc" providerId="ADAL" clId="{BF04C754-5BF4-4E83-9615-DB14FA25AF8A}" dt="2023-10-12T11:37:59.791" v="293"/>
          <ac:spMkLst>
            <pc:docMk/>
            <pc:sldMk cId="2376958513" sldId="260"/>
            <ac:spMk id="4570" creationId="{0B050074-4B86-95C0-ACAF-12B4678ED2BE}"/>
          </ac:spMkLst>
        </pc:spChg>
        <pc:spChg chg="mod">
          <ac:chgData name="White, Alex" userId="eff6cc8c-37d8-483b-9c6c-6b27e9afa9bc" providerId="ADAL" clId="{BF04C754-5BF4-4E83-9615-DB14FA25AF8A}" dt="2023-10-12T11:37:59.791" v="293"/>
          <ac:spMkLst>
            <pc:docMk/>
            <pc:sldMk cId="2376958513" sldId="260"/>
            <ac:spMk id="4571" creationId="{DB315366-E5F7-ABD8-AEA5-3FEA8231A3C6}"/>
          </ac:spMkLst>
        </pc:spChg>
        <pc:spChg chg="mod">
          <ac:chgData name="White, Alex" userId="eff6cc8c-37d8-483b-9c6c-6b27e9afa9bc" providerId="ADAL" clId="{BF04C754-5BF4-4E83-9615-DB14FA25AF8A}" dt="2023-10-12T11:37:59.791" v="293"/>
          <ac:spMkLst>
            <pc:docMk/>
            <pc:sldMk cId="2376958513" sldId="260"/>
            <ac:spMk id="4572" creationId="{13F2B1F9-4887-2A67-8E61-34E1A628C3B0}"/>
          </ac:spMkLst>
        </pc:spChg>
        <pc:spChg chg="mod">
          <ac:chgData name="White, Alex" userId="eff6cc8c-37d8-483b-9c6c-6b27e9afa9bc" providerId="ADAL" clId="{BF04C754-5BF4-4E83-9615-DB14FA25AF8A}" dt="2023-10-12T11:37:59.791" v="293"/>
          <ac:spMkLst>
            <pc:docMk/>
            <pc:sldMk cId="2376958513" sldId="260"/>
            <ac:spMk id="4573" creationId="{9D621183-538A-BE69-65B7-33837E5CEA3D}"/>
          </ac:spMkLst>
        </pc:spChg>
        <pc:spChg chg="mod">
          <ac:chgData name="White, Alex" userId="eff6cc8c-37d8-483b-9c6c-6b27e9afa9bc" providerId="ADAL" clId="{BF04C754-5BF4-4E83-9615-DB14FA25AF8A}" dt="2023-10-12T11:37:59.791" v="293"/>
          <ac:spMkLst>
            <pc:docMk/>
            <pc:sldMk cId="2376958513" sldId="260"/>
            <ac:spMk id="4574" creationId="{D8D8E219-B4F2-FD3E-88E4-C7913CA576B6}"/>
          </ac:spMkLst>
        </pc:spChg>
        <pc:spChg chg="mod">
          <ac:chgData name="White, Alex" userId="eff6cc8c-37d8-483b-9c6c-6b27e9afa9bc" providerId="ADAL" clId="{BF04C754-5BF4-4E83-9615-DB14FA25AF8A}" dt="2023-10-12T11:37:59.791" v="293"/>
          <ac:spMkLst>
            <pc:docMk/>
            <pc:sldMk cId="2376958513" sldId="260"/>
            <ac:spMk id="4575" creationId="{19A176C9-50AC-C847-BE8C-C8FD20666EBB}"/>
          </ac:spMkLst>
        </pc:spChg>
        <pc:spChg chg="mod">
          <ac:chgData name="White, Alex" userId="eff6cc8c-37d8-483b-9c6c-6b27e9afa9bc" providerId="ADAL" clId="{BF04C754-5BF4-4E83-9615-DB14FA25AF8A}" dt="2023-10-12T11:37:59.791" v="293"/>
          <ac:spMkLst>
            <pc:docMk/>
            <pc:sldMk cId="2376958513" sldId="260"/>
            <ac:spMk id="4576" creationId="{3F250517-D351-B7C7-EA86-C41649409AB0}"/>
          </ac:spMkLst>
        </pc:spChg>
        <pc:spChg chg="mod">
          <ac:chgData name="White, Alex" userId="eff6cc8c-37d8-483b-9c6c-6b27e9afa9bc" providerId="ADAL" clId="{BF04C754-5BF4-4E83-9615-DB14FA25AF8A}" dt="2023-10-12T11:37:59.791" v="293"/>
          <ac:spMkLst>
            <pc:docMk/>
            <pc:sldMk cId="2376958513" sldId="260"/>
            <ac:spMk id="4577" creationId="{11AF6FB9-158B-41FA-7856-85B5FD441D6E}"/>
          </ac:spMkLst>
        </pc:spChg>
        <pc:spChg chg="mod">
          <ac:chgData name="White, Alex" userId="eff6cc8c-37d8-483b-9c6c-6b27e9afa9bc" providerId="ADAL" clId="{BF04C754-5BF4-4E83-9615-DB14FA25AF8A}" dt="2023-10-12T11:37:59.791" v="293"/>
          <ac:spMkLst>
            <pc:docMk/>
            <pc:sldMk cId="2376958513" sldId="260"/>
            <ac:spMk id="4578" creationId="{6A17FA63-E3CF-C8A5-B80B-784EC61DD811}"/>
          </ac:spMkLst>
        </pc:spChg>
        <pc:spChg chg="mod">
          <ac:chgData name="White, Alex" userId="eff6cc8c-37d8-483b-9c6c-6b27e9afa9bc" providerId="ADAL" clId="{BF04C754-5BF4-4E83-9615-DB14FA25AF8A}" dt="2023-10-12T11:37:59.791" v="293"/>
          <ac:spMkLst>
            <pc:docMk/>
            <pc:sldMk cId="2376958513" sldId="260"/>
            <ac:spMk id="4579" creationId="{36A1CE0C-8DD7-D316-F710-FDD687C3747B}"/>
          </ac:spMkLst>
        </pc:spChg>
        <pc:spChg chg="mod">
          <ac:chgData name="White, Alex" userId="eff6cc8c-37d8-483b-9c6c-6b27e9afa9bc" providerId="ADAL" clId="{BF04C754-5BF4-4E83-9615-DB14FA25AF8A}" dt="2023-10-12T11:37:59.791" v="293"/>
          <ac:spMkLst>
            <pc:docMk/>
            <pc:sldMk cId="2376958513" sldId="260"/>
            <ac:spMk id="4580" creationId="{FAD64570-B6DA-301B-760D-EF8EE0F53032}"/>
          </ac:spMkLst>
        </pc:spChg>
        <pc:spChg chg="mod">
          <ac:chgData name="White, Alex" userId="eff6cc8c-37d8-483b-9c6c-6b27e9afa9bc" providerId="ADAL" clId="{BF04C754-5BF4-4E83-9615-DB14FA25AF8A}" dt="2023-10-12T11:37:59.791" v="293"/>
          <ac:spMkLst>
            <pc:docMk/>
            <pc:sldMk cId="2376958513" sldId="260"/>
            <ac:spMk id="4581" creationId="{5E0976FD-D01E-E624-BF18-CC59C1F332ED}"/>
          </ac:spMkLst>
        </pc:spChg>
        <pc:spChg chg="mod">
          <ac:chgData name="White, Alex" userId="eff6cc8c-37d8-483b-9c6c-6b27e9afa9bc" providerId="ADAL" clId="{BF04C754-5BF4-4E83-9615-DB14FA25AF8A}" dt="2023-10-12T11:37:59.791" v="293"/>
          <ac:spMkLst>
            <pc:docMk/>
            <pc:sldMk cId="2376958513" sldId="260"/>
            <ac:spMk id="4582" creationId="{88794321-42BF-DFEE-82FB-67440C099271}"/>
          </ac:spMkLst>
        </pc:spChg>
        <pc:spChg chg="mod">
          <ac:chgData name="White, Alex" userId="eff6cc8c-37d8-483b-9c6c-6b27e9afa9bc" providerId="ADAL" clId="{BF04C754-5BF4-4E83-9615-DB14FA25AF8A}" dt="2023-10-12T11:37:59.791" v="293"/>
          <ac:spMkLst>
            <pc:docMk/>
            <pc:sldMk cId="2376958513" sldId="260"/>
            <ac:spMk id="4583" creationId="{9EF7A71F-CC03-3304-5DC5-F8642C43520E}"/>
          </ac:spMkLst>
        </pc:spChg>
        <pc:spChg chg="mod">
          <ac:chgData name="White, Alex" userId="eff6cc8c-37d8-483b-9c6c-6b27e9afa9bc" providerId="ADAL" clId="{BF04C754-5BF4-4E83-9615-DB14FA25AF8A}" dt="2023-10-12T11:37:59.791" v="293"/>
          <ac:spMkLst>
            <pc:docMk/>
            <pc:sldMk cId="2376958513" sldId="260"/>
            <ac:spMk id="4584" creationId="{D35CA145-4D9F-284C-ACF1-B25D0A236916}"/>
          </ac:spMkLst>
        </pc:spChg>
        <pc:spChg chg="mod">
          <ac:chgData name="White, Alex" userId="eff6cc8c-37d8-483b-9c6c-6b27e9afa9bc" providerId="ADAL" clId="{BF04C754-5BF4-4E83-9615-DB14FA25AF8A}" dt="2023-10-12T11:37:59.791" v="293"/>
          <ac:spMkLst>
            <pc:docMk/>
            <pc:sldMk cId="2376958513" sldId="260"/>
            <ac:spMk id="4585" creationId="{43AD78C1-C2AB-EDF2-0E00-25F483913076}"/>
          </ac:spMkLst>
        </pc:spChg>
        <pc:spChg chg="mod">
          <ac:chgData name="White, Alex" userId="eff6cc8c-37d8-483b-9c6c-6b27e9afa9bc" providerId="ADAL" clId="{BF04C754-5BF4-4E83-9615-DB14FA25AF8A}" dt="2023-10-12T11:37:59.791" v="293"/>
          <ac:spMkLst>
            <pc:docMk/>
            <pc:sldMk cId="2376958513" sldId="260"/>
            <ac:spMk id="4586" creationId="{1EB8AA5B-201D-C5FE-1129-188385822E09}"/>
          </ac:spMkLst>
        </pc:spChg>
        <pc:spChg chg="mod">
          <ac:chgData name="White, Alex" userId="eff6cc8c-37d8-483b-9c6c-6b27e9afa9bc" providerId="ADAL" clId="{BF04C754-5BF4-4E83-9615-DB14FA25AF8A}" dt="2023-10-12T11:37:59.791" v="293"/>
          <ac:spMkLst>
            <pc:docMk/>
            <pc:sldMk cId="2376958513" sldId="260"/>
            <ac:spMk id="4587" creationId="{1E47E67D-696B-083B-1A12-C3970969FA81}"/>
          </ac:spMkLst>
        </pc:spChg>
        <pc:spChg chg="mod">
          <ac:chgData name="White, Alex" userId="eff6cc8c-37d8-483b-9c6c-6b27e9afa9bc" providerId="ADAL" clId="{BF04C754-5BF4-4E83-9615-DB14FA25AF8A}" dt="2023-10-12T11:37:59.791" v="293"/>
          <ac:spMkLst>
            <pc:docMk/>
            <pc:sldMk cId="2376958513" sldId="260"/>
            <ac:spMk id="4588" creationId="{D47B4B16-DF7B-131A-5153-F0F5940D67D2}"/>
          </ac:spMkLst>
        </pc:spChg>
        <pc:spChg chg="mod">
          <ac:chgData name="White, Alex" userId="eff6cc8c-37d8-483b-9c6c-6b27e9afa9bc" providerId="ADAL" clId="{BF04C754-5BF4-4E83-9615-DB14FA25AF8A}" dt="2023-10-12T11:37:59.791" v="293"/>
          <ac:spMkLst>
            <pc:docMk/>
            <pc:sldMk cId="2376958513" sldId="260"/>
            <ac:spMk id="4589" creationId="{854D967F-CAFF-508E-A2EC-97EDEE105129}"/>
          </ac:spMkLst>
        </pc:spChg>
        <pc:spChg chg="mod">
          <ac:chgData name="White, Alex" userId="eff6cc8c-37d8-483b-9c6c-6b27e9afa9bc" providerId="ADAL" clId="{BF04C754-5BF4-4E83-9615-DB14FA25AF8A}" dt="2023-10-12T11:37:59.791" v="293"/>
          <ac:spMkLst>
            <pc:docMk/>
            <pc:sldMk cId="2376958513" sldId="260"/>
            <ac:spMk id="4590" creationId="{D45F2957-358B-2D2B-32D6-FDADA3298296}"/>
          </ac:spMkLst>
        </pc:spChg>
        <pc:spChg chg="mod">
          <ac:chgData name="White, Alex" userId="eff6cc8c-37d8-483b-9c6c-6b27e9afa9bc" providerId="ADAL" clId="{BF04C754-5BF4-4E83-9615-DB14FA25AF8A}" dt="2023-10-12T11:37:59.791" v="293"/>
          <ac:spMkLst>
            <pc:docMk/>
            <pc:sldMk cId="2376958513" sldId="260"/>
            <ac:spMk id="4591" creationId="{ADFD213F-F0CA-4161-A422-EA24CBF210E1}"/>
          </ac:spMkLst>
        </pc:spChg>
        <pc:spChg chg="mod">
          <ac:chgData name="White, Alex" userId="eff6cc8c-37d8-483b-9c6c-6b27e9afa9bc" providerId="ADAL" clId="{BF04C754-5BF4-4E83-9615-DB14FA25AF8A}" dt="2023-10-12T11:37:59.791" v="293"/>
          <ac:spMkLst>
            <pc:docMk/>
            <pc:sldMk cId="2376958513" sldId="260"/>
            <ac:spMk id="4592" creationId="{1407050F-8CEA-7761-45FC-8C32D2691841}"/>
          </ac:spMkLst>
        </pc:spChg>
        <pc:spChg chg="mod">
          <ac:chgData name="White, Alex" userId="eff6cc8c-37d8-483b-9c6c-6b27e9afa9bc" providerId="ADAL" clId="{BF04C754-5BF4-4E83-9615-DB14FA25AF8A}" dt="2023-10-12T11:37:59.791" v="293"/>
          <ac:spMkLst>
            <pc:docMk/>
            <pc:sldMk cId="2376958513" sldId="260"/>
            <ac:spMk id="4593" creationId="{5F60BD34-8FF2-49C0-0E4F-0D212884883E}"/>
          </ac:spMkLst>
        </pc:spChg>
        <pc:spChg chg="mod">
          <ac:chgData name="White, Alex" userId="eff6cc8c-37d8-483b-9c6c-6b27e9afa9bc" providerId="ADAL" clId="{BF04C754-5BF4-4E83-9615-DB14FA25AF8A}" dt="2023-10-12T11:37:59.791" v="293"/>
          <ac:spMkLst>
            <pc:docMk/>
            <pc:sldMk cId="2376958513" sldId="260"/>
            <ac:spMk id="4594" creationId="{CBDE4686-751E-F7A4-A5C0-070A4A4AD0CA}"/>
          </ac:spMkLst>
        </pc:spChg>
        <pc:spChg chg="mod">
          <ac:chgData name="White, Alex" userId="eff6cc8c-37d8-483b-9c6c-6b27e9afa9bc" providerId="ADAL" clId="{BF04C754-5BF4-4E83-9615-DB14FA25AF8A}" dt="2023-10-12T11:37:59.791" v="293"/>
          <ac:spMkLst>
            <pc:docMk/>
            <pc:sldMk cId="2376958513" sldId="260"/>
            <ac:spMk id="4595" creationId="{9DCDA5FA-0DDC-6C1A-0FA4-E1D8419BE54F}"/>
          </ac:spMkLst>
        </pc:spChg>
        <pc:spChg chg="mod">
          <ac:chgData name="White, Alex" userId="eff6cc8c-37d8-483b-9c6c-6b27e9afa9bc" providerId="ADAL" clId="{BF04C754-5BF4-4E83-9615-DB14FA25AF8A}" dt="2023-10-12T11:37:59.791" v="293"/>
          <ac:spMkLst>
            <pc:docMk/>
            <pc:sldMk cId="2376958513" sldId="260"/>
            <ac:spMk id="4596" creationId="{F3BC5E4F-728E-7A9E-22F7-1FE37DE6E40B}"/>
          </ac:spMkLst>
        </pc:spChg>
        <pc:spChg chg="mod">
          <ac:chgData name="White, Alex" userId="eff6cc8c-37d8-483b-9c6c-6b27e9afa9bc" providerId="ADAL" clId="{BF04C754-5BF4-4E83-9615-DB14FA25AF8A}" dt="2023-10-12T11:37:59.791" v="293"/>
          <ac:spMkLst>
            <pc:docMk/>
            <pc:sldMk cId="2376958513" sldId="260"/>
            <ac:spMk id="4597" creationId="{206D1DD9-AB3E-6527-2AC6-C6D4F0C099F1}"/>
          </ac:spMkLst>
        </pc:spChg>
        <pc:spChg chg="mod">
          <ac:chgData name="White, Alex" userId="eff6cc8c-37d8-483b-9c6c-6b27e9afa9bc" providerId="ADAL" clId="{BF04C754-5BF4-4E83-9615-DB14FA25AF8A}" dt="2023-10-12T11:37:59.791" v="293"/>
          <ac:spMkLst>
            <pc:docMk/>
            <pc:sldMk cId="2376958513" sldId="260"/>
            <ac:spMk id="4598" creationId="{A9B83AD5-C705-F9A7-2337-40696D10446F}"/>
          </ac:spMkLst>
        </pc:spChg>
        <pc:spChg chg="mod">
          <ac:chgData name="White, Alex" userId="eff6cc8c-37d8-483b-9c6c-6b27e9afa9bc" providerId="ADAL" clId="{BF04C754-5BF4-4E83-9615-DB14FA25AF8A}" dt="2023-10-12T11:37:59.791" v="293"/>
          <ac:spMkLst>
            <pc:docMk/>
            <pc:sldMk cId="2376958513" sldId="260"/>
            <ac:spMk id="4599" creationId="{95E820DB-471C-8689-A580-1CC8FEE17401}"/>
          </ac:spMkLst>
        </pc:spChg>
        <pc:spChg chg="mod">
          <ac:chgData name="White, Alex" userId="eff6cc8c-37d8-483b-9c6c-6b27e9afa9bc" providerId="ADAL" clId="{BF04C754-5BF4-4E83-9615-DB14FA25AF8A}" dt="2023-10-12T11:37:59.791" v="293"/>
          <ac:spMkLst>
            <pc:docMk/>
            <pc:sldMk cId="2376958513" sldId="260"/>
            <ac:spMk id="4600" creationId="{7B9CD9FB-F025-2F0B-9CD0-B8CE21611609}"/>
          </ac:spMkLst>
        </pc:spChg>
        <pc:spChg chg="mod">
          <ac:chgData name="White, Alex" userId="eff6cc8c-37d8-483b-9c6c-6b27e9afa9bc" providerId="ADAL" clId="{BF04C754-5BF4-4E83-9615-DB14FA25AF8A}" dt="2023-10-12T11:37:59.791" v="293"/>
          <ac:spMkLst>
            <pc:docMk/>
            <pc:sldMk cId="2376958513" sldId="260"/>
            <ac:spMk id="4601" creationId="{EED33314-819D-B065-65D6-5CA3F8FB51EC}"/>
          </ac:spMkLst>
        </pc:spChg>
        <pc:spChg chg="mod">
          <ac:chgData name="White, Alex" userId="eff6cc8c-37d8-483b-9c6c-6b27e9afa9bc" providerId="ADAL" clId="{BF04C754-5BF4-4E83-9615-DB14FA25AF8A}" dt="2023-10-12T11:37:59.791" v="293"/>
          <ac:spMkLst>
            <pc:docMk/>
            <pc:sldMk cId="2376958513" sldId="260"/>
            <ac:spMk id="4602" creationId="{B4CD044A-C11A-61E9-FB64-7EA9236C8D5C}"/>
          </ac:spMkLst>
        </pc:spChg>
        <pc:spChg chg="mod">
          <ac:chgData name="White, Alex" userId="eff6cc8c-37d8-483b-9c6c-6b27e9afa9bc" providerId="ADAL" clId="{BF04C754-5BF4-4E83-9615-DB14FA25AF8A}" dt="2023-10-12T11:37:59.791" v="293"/>
          <ac:spMkLst>
            <pc:docMk/>
            <pc:sldMk cId="2376958513" sldId="260"/>
            <ac:spMk id="4603" creationId="{C880386B-27F0-D3BD-B6BC-9E35EE5FB4BA}"/>
          </ac:spMkLst>
        </pc:spChg>
        <pc:spChg chg="mod">
          <ac:chgData name="White, Alex" userId="eff6cc8c-37d8-483b-9c6c-6b27e9afa9bc" providerId="ADAL" clId="{BF04C754-5BF4-4E83-9615-DB14FA25AF8A}" dt="2023-10-12T11:37:59.791" v="293"/>
          <ac:spMkLst>
            <pc:docMk/>
            <pc:sldMk cId="2376958513" sldId="260"/>
            <ac:spMk id="4604" creationId="{B93A1131-A63B-04B4-2802-A341F7992688}"/>
          </ac:spMkLst>
        </pc:spChg>
        <pc:spChg chg="mod">
          <ac:chgData name="White, Alex" userId="eff6cc8c-37d8-483b-9c6c-6b27e9afa9bc" providerId="ADAL" clId="{BF04C754-5BF4-4E83-9615-DB14FA25AF8A}" dt="2023-10-12T11:37:59.791" v="293"/>
          <ac:spMkLst>
            <pc:docMk/>
            <pc:sldMk cId="2376958513" sldId="260"/>
            <ac:spMk id="4605" creationId="{60AF0E13-2484-F83E-A19E-DF1CF2AA15F1}"/>
          </ac:spMkLst>
        </pc:spChg>
        <pc:spChg chg="mod">
          <ac:chgData name="White, Alex" userId="eff6cc8c-37d8-483b-9c6c-6b27e9afa9bc" providerId="ADAL" clId="{BF04C754-5BF4-4E83-9615-DB14FA25AF8A}" dt="2023-10-12T11:37:59.791" v="293"/>
          <ac:spMkLst>
            <pc:docMk/>
            <pc:sldMk cId="2376958513" sldId="260"/>
            <ac:spMk id="4606" creationId="{E2F49513-1219-57DD-27CB-727B5ABFAB86}"/>
          </ac:spMkLst>
        </pc:spChg>
        <pc:spChg chg="mod">
          <ac:chgData name="White, Alex" userId="eff6cc8c-37d8-483b-9c6c-6b27e9afa9bc" providerId="ADAL" clId="{BF04C754-5BF4-4E83-9615-DB14FA25AF8A}" dt="2023-10-12T11:37:59.791" v="293"/>
          <ac:spMkLst>
            <pc:docMk/>
            <pc:sldMk cId="2376958513" sldId="260"/>
            <ac:spMk id="4607" creationId="{70A1A0E8-1842-10BE-D49B-9D6599F8AF77}"/>
          </ac:spMkLst>
        </pc:spChg>
        <pc:spChg chg="mod">
          <ac:chgData name="White, Alex" userId="eff6cc8c-37d8-483b-9c6c-6b27e9afa9bc" providerId="ADAL" clId="{BF04C754-5BF4-4E83-9615-DB14FA25AF8A}" dt="2023-10-12T11:37:59.791" v="293"/>
          <ac:spMkLst>
            <pc:docMk/>
            <pc:sldMk cId="2376958513" sldId="260"/>
            <ac:spMk id="4608" creationId="{D452746E-0A71-70AB-6D7C-840CB69A8094}"/>
          </ac:spMkLst>
        </pc:spChg>
        <pc:spChg chg="mod">
          <ac:chgData name="White, Alex" userId="eff6cc8c-37d8-483b-9c6c-6b27e9afa9bc" providerId="ADAL" clId="{BF04C754-5BF4-4E83-9615-DB14FA25AF8A}" dt="2023-10-12T11:37:59.791" v="293"/>
          <ac:spMkLst>
            <pc:docMk/>
            <pc:sldMk cId="2376958513" sldId="260"/>
            <ac:spMk id="4609" creationId="{51AAFA8E-1666-79D7-38CC-2355A8E8C880}"/>
          </ac:spMkLst>
        </pc:spChg>
        <pc:spChg chg="mod">
          <ac:chgData name="White, Alex" userId="eff6cc8c-37d8-483b-9c6c-6b27e9afa9bc" providerId="ADAL" clId="{BF04C754-5BF4-4E83-9615-DB14FA25AF8A}" dt="2023-10-12T11:37:59.791" v="293"/>
          <ac:spMkLst>
            <pc:docMk/>
            <pc:sldMk cId="2376958513" sldId="260"/>
            <ac:spMk id="4610" creationId="{40CA1638-CC32-5382-45D4-C62D6E6EC6F4}"/>
          </ac:spMkLst>
        </pc:spChg>
        <pc:spChg chg="mod">
          <ac:chgData name="White, Alex" userId="eff6cc8c-37d8-483b-9c6c-6b27e9afa9bc" providerId="ADAL" clId="{BF04C754-5BF4-4E83-9615-DB14FA25AF8A}" dt="2023-10-12T11:38:08.274" v="295"/>
          <ac:spMkLst>
            <pc:docMk/>
            <pc:sldMk cId="2376958513" sldId="260"/>
            <ac:spMk id="4622" creationId="{0135221B-82D6-7884-8F91-AD84046E0DAE}"/>
          </ac:spMkLst>
        </pc:spChg>
        <pc:spChg chg="mod">
          <ac:chgData name="White, Alex" userId="eff6cc8c-37d8-483b-9c6c-6b27e9afa9bc" providerId="ADAL" clId="{BF04C754-5BF4-4E83-9615-DB14FA25AF8A}" dt="2023-10-12T11:38:08.274" v="295"/>
          <ac:spMkLst>
            <pc:docMk/>
            <pc:sldMk cId="2376958513" sldId="260"/>
            <ac:spMk id="4623" creationId="{0B7243FE-DDA7-F23B-45E6-71BB459116D9}"/>
          </ac:spMkLst>
        </pc:spChg>
        <pc:spChg chg="mod">
          <ac:chgData name="White, Alex" userId="eff6cc8c-37d8-483b-9c6c-6b27e9afa9bc" providerId="ADAL" clId="{BF04C754-5BF4-4E83-9615-DB14FA25AF8A}" dt="2023-10-12T11:38:08.274" v="295"/>
          <ac:spMkLst>
            <pc:docMk/>
            <pc:sldMk cId="2376958513" sldId="260"/>
            <ac:spMk id="4624" creationId="{390BFA44-1FF1-9DD1-EEB0-CCC81FEF5882}"/>
          </ac:spMkLst>
        </pc:spChg>
        <pc:spChg chg="mod">
          <ac:chgData name="White, Alex" userId="eff6cc8c-37d8-483b-9c6c-6b27e9afa9bc" providerId="ADAL" clId="{BF04C754-5BF4-4E83-9615-DB14FA25AF8A}" dt="2023-10-12T11:38:08.274" v="295"/>
          <ac:spMkLst>
            <pc:docMk/>
            <pc:sldMk cId="2376958513" sldId="260"/>
            <ac:spMk id="4625" creationId="{C8341FAE-41B4-6B47-0D09-73CA73056488}"/>
          </ac:spMkLst>
        </pc:spChg>
        <pc:spChg chg="mod">
          <ac:chgData name="White, Alex" userId="eff6cc8c-37d8-483b-9c6c-6b27e9afa9bc" providerId="ADAL" clId="{BF04C754-5BF4-4E83-9615-DB14FA25AF8A}" dt="2023-10-12T11:38:08.274" v="295"/>
          <ac:spMkLst>
            <pc:docMk/>
            <pc:sldMk cId="2376958513" sldId="260"/>
            <ac:spMk id="4626" creationId="{E89DFACF-9415-BE30-7EE7-35839A004A08}"/>
          </ac:spMkLst>
        </pc:spChg>
        <pc:spChg chg="mod">
          <ac:chgData name="White, Alex" userId="eff6cc8c-37d8-483b-9c6c-6b27e9afa9bc" providerId="ADAL" clId="{BF04C754-5BF4-4E83-9615-DB14FA25AF8A}" dt="2023-10-12T11:38:08.274" v="295"/>
          <ac:spMkLst>
            <pc:docMk/>
            <pc:sldMk cId="2376958513" sldId="260"/>
            <ac:spMk id="4627" creationId="{C502C06B-8DE5-7F90-99DF-F579CB87FC02}"/>
          </ac:spMkLst>
        </pc:spChg>
        <pc:spChg chg="mod">
          <ac:chgData name="White, Alex" userId="eff6cc8c-37d8-483b-9c6c-6b27e9afa9bc" providerId="ADAL" clId="{BF04C754-5BF4-4E83-9615-DB14FA25AF8A}" dt="2023-10-12T11:38:08.274" v="295"/>
          <ac:spMkLst>
            <pc:docMk/>
            <pc:sldMk cId="2376958513" sldId="260"/>
            <ac:spMk id="4628" creationId="{74E5A86A-0966-3318-99B1-E69E49172946}"/>
          </ac:spMkLst>
        </pc:spChg>
        <pc:spChg chg="mod">
          <ac:chgData name="White, Alex" userId="eff6cc8c-37d8-483b-9c6c-6b27e9afa9bc" providerId="ADAL" clId="{BF04C754-5BF4-4E83-9615-DB14FA25AF8A}" dt="2023-10-12T11:38:08.274" v="295"/>
          <ac:spMkLst>
            <pc:docMk/>
            <pc:sldMk cId="2376958513" sldId="260"/>
            <ac:spMk id="4629" creationId="{64377142-E42D-6CE8-DEAF-A40F2FD83E52}"/>
          </ac:spMkLst>
        </pc:spChg>
        <pc:spChg chg="mod">
          <ac:chgData name="White, Alex" userId="eff6cc8c-37d8-483b-9c6c-6b27e9afa9bc" providerId="ADAL" clId="{BF04C754-5BF4-4E83-9615-DB14FA25AF8A}" dt="2023-10-12T11:38:08.274" v="295"/>
          <ac:spMkLst>
            <pc:docMk/>
            <pc:sldMk cId="2376958513" sldId="260"/>
            <ac:spMk id="4630" creationId="{EBC9BE33-DFF6-1A00-9212-BC9806D8BD70}"/>
          </ac:spMkLst>
        </pc:spChg>
        <pc:spChg chg="mod">
          <ac:chgData name="White, Alex" userId="eff6cc8c-37d8-483b-9c6c-6b27e9afa9bc" providerId="ADAL" clId="{BF04C754-5BF4-4E83-9615-DB14FA25AF8A}" dt="2023-10-12T11:38:08.274" v="295"/>
          <ac:spMkLst>
            <pc:docMk/>
            <pc:sldMk cId="2376958513" sldId="260"/>
            <ac:spMk id="4631" creationId="{61163A5F-CE3C-C4E0-2491-3AF2A641946C}"/>
          </ac:spMkLst>
        </pc:spChg>
        <pc:spChg chg="mod">
          <ac:chgData name="White, Alex" userId="eff6cc8c-37d8-483b-9c6c-6b27e9afa9bc" providerId="ADAL" clId="{BF04C754-5BF4-4E83-9615-DB14FA25AF8A}" dt="2023-10-12T11:38:08.274" v="295"/>
          <ac:spMkLst>
            <pc:docMk/>
            <pc:sldMk cId="2376958513" sldId="260"/>
            <ac:spMk id="4632" creationId="{F56B401D-D21B-C678-50F8-D6C50987018E}"/>
          </ac:spMkLst>
        </pc:spChg>
        <pc:spChg chg="mod">
          <ac:chgData name="White, Alex" userId="eff6cc8c-37d8-483b-9c6c-6b27e9afa9bc" providerId="ADAL" clId="{BF04C754-5BF4-4E83-9615-DB14FA25AF8A}" dt="2023-10-12T11:38:08.274" v="295"/>
          <ac:spMkLst>
            <pc:docMk/>
            <pc:sldMk cId="2376958513" sldId="260"/>
            <ac:spMk id="4633" creationId="{59CDC4C1-0E40-BBAC-691B-6B3AFF0D0FE1}"/>
          </ac:spMkLst>
        </pc:spChg>
        <pc:spChg chg="mod">
          <ac:chgData name="White, Alex" userId="eff6cc8c-37d8-483b-9c6c-6b27e9afa9bc" providerId="ADAL" clId="{BF04C754-5BF4-4E83-9615-DB14FA25AF8A}" dt="2023-10-12T11:38:08.274" v="295"/>
          <ac:spMkLst>
            <pc:docMk/>
            <pc:sldMk cId="2376958513" sldId="260"/>
            <ac:spMk id="4634" creationId="{67F47110-4423-DA9D-E4F7-A7B68BB5FEAB}"/>
          </ac:spMkLst>
        </pc:spChg>
        <pc:spChg chg="mod">
          <ac:chgData name="White, Alex" userId="eff6cc8c-37d8-483b-9c6c-6b27e9afa9bc" providerId="ADAL" clId="{BF04C754-5BF4-4E83-9615-DB14FA25AF8A}" dt="2023-10-12T11:38:08.274" v="295"/>
          <ac:spMkLst>
            <pc:docMk/>
            <pc:sldMk cId="2376958513" sldId="260"/>
            <ac:spMk id="4635" creationId="{5489A3D2-42E3-53D2-3E71-BBCAE509DE4E}"/>
          </ac:spMkLst>
        </pc:spChg>
        <pc:spChg chg="mod">
          <ac:chgData name="White, Alex" userId="eff6cc8c-37d8-483b-9c6c-6b27e9afa9bc" providerId="ADAL" clId="{BF04C754-5BF4-4E83-9615-DB14FA25AF8A}" dt="2023-10-12T11:38:08.274" v="295"/>
          <ac:spMkLst>
            <pc:docMk/>
            <pc:sldMk cId="2376958513" sldId="260"/>
            <ac:spMk id="4636" creationId="{4290AF89-09E3-B6D3-513E-18AAC3290F99}"/>
          </ac:spMkLst>
        </pc:spChg>
        <pc:spChg chg="mod">
          <ac:chgData name="White, Alex" userId="eff6cc8c-37d8-483b-9c6c-6b27e9afa9bc" providerId="ADAL" clId="{BF04C754-5BF4-4E83-9615-DB14FA25AF8A}" dt="2023-10-12T11:38:08.274" v="295"/>
          <ac:spMkLst>
            <pc:docMk/>
            <pc:sldMk cId="2376958513" sldId="260"/>
            <ac:spMk id="4637" creationId="{AE894C83-ADBE-5007-1E12-F493E68C626C}"/>
          </ac:spMkLst>
        </pc:spChg>
        <pc:spChg chg="mod">
          <ac:chgData name="White, Alex" userId="eff6cc8c-37d8-483b-9c6c-6b27e9afa9bc" providerId="ADAL" clId="{BF04C754-5BF4-4E83-9615-DB14FA25AF8A}" dt="2023-10-12T11:38:08.274" v="295"/>
          <ac:spMkLst>
            <pc:docMk/>
            <pc:sldMk cId="2376958513" sldId="260"/>
            <ac:spMk id="4638" creationId="{2705653C-CA31-2330-B35C-F91041E4013B}"/>
          </ac:spMkLst>
        </pc:spChg>
        <pc:spChg chg="mod">
          <ac:chgData name="White, Alex" userId="eff6cc8c-37d8-483b-9c6c-6b27e9afa9bc" providerId="ADAL" clId="{BF04C754-5BF4-4E83-9615-DB14FA25AF8A}" dt="2023-10-12T11:38:08.274" v="295"/>
          <ac:spMkLst>
            <pc:docMk/>
            <pc:sldMk cId="2376958513" sldId="260"/>
            <ac:spMk id="4639" creationId="{FD183655-374E-B642-3B4F-E87D29D0E9E7}"/>
          </ac:spMkLst>
        </pc:spChg>
        <pc:spChg chg="mod">
          <ac:chgData name="White, Alex" userId="eff6cc8c-37d8-483b-9c6c-6b27e9afa9bc" providerId="ADAL" clId="{BF04C754-5BF4-4E83-9615-DB14FA25AF8A}" dt="2023-10-12T11:38:08.274" v="295"/>
          <ac:spMkLst>
            <pc:docMk/>
            <pc:sldMk cId="2376958513" sldId="260"/>
            <ac:spMk id="4640" creationId="{76E0BE53-8EF5-A31F-3C7A-FFA19ECF96A7}"/>
          </ac:spMkLst>
        </pc:spChg>
        <pc:spChg chg="mod">
          <ac:chgData name="White, Alex" userId="eff6cc8c-37d8-483b-9c6c-6b27e9afa9bc" providerId="ADAL" clId="{BF04C754-5BF4-4E83-9615-DB14FA25AF8A}" dt="2023-10-12T11:38:08.274" v="295"/>
          <ac:spMkLst>
            <pc:docMk/>
            <pc:sldMk cId="2376958513" sldId="260"/>
            <ac:spMk id="4641" creationId="{89A4D6BE-C463-7CDC-7ED4-0C57B6A4F45E}"/>
          </ac:spMkLst>
        </pc:spChg>
        <pc:spChg chg="mod">
          <ac:chgData name="White, Alex" userId="eff6cc8c-37d8-483b-9c6c-6b27e9afa9bc" providerId="ADAL" clId="{BF04C754-5BF4-4E83-9615-DB14FA25AF8A}" dt="2023-10-12T11:38:08.274" v="295"/>
          <ac:spMkLst>
            <pc:docMk/>
            <pc:sldMk cId="2376958513" sldId="260"/>
            <ac:spMk id="4642" creationId="{CB7CCB25-8AFB-ECB2-A582-AC8520F0E306}"/>
          </ac:spMkLst>
        </pc:spChg>
        <pc:spChg chg="mod">
          <ac:chgData name="White, Alex" userId="eff6cc8c-37d8-483b-9c6c-6b27e9afa9bc" providerId="ADAL" clId="{BF04C754-5BF4-4E83-9615-DB14FA25AF8A}" dt="2023-10-12T11:38:08.274" v="295"/>
          <ac:spMkLst>
            <pc:docMk/>
            <pc:sldMk cId="2376958513" sldId="260"/>
            <ac:spMk id="4643" creationId="{077BDB85-1E09-945D-DD12-9B82EC8AB0E0}"/>
          </ac:spMkLst>
        </pc:spChg>
        <pc:spChg chg="mod">
          <ac:chgData name="White, Alex" userId="eff6cc8c-37d8-483b-9c6c-6b27e9afa9bc" providerId="ADAL" clId="{BF04C754-5BF4-4E83-9615-DB14FA25AF8A}" dt="2023-10-12T11:38:08.274" v="295"/>
          <ac:spMkLst>
            <pc:docMk/>
            <pc:sldMk cId="2376958513" sldId="260"/>
            <ac:spMk id="4644" creationId="{460761F3-4A33-98E5-006F-E5757D24F1AA}"/>
          </ac:spMkLst>
        </pc:spChg>
        <pc:spChg chg="mod">
          <ac:chgData name="White, Alex" userId="eff6cc8c-37d8-483b-9c6c-6b27e9afa9bc" providerId="ADAL" clId="{BF04C754-5BF4-4E83-9615-DB14FA25AF8A}" dt="2023-10-12T11:38:08.274" v="295"/>
          <ac:spMkLst>
            <pc:docMk/>
            <pc:sldMk cId="2376958513" sldId="260"/>
            <ac:spMk id="4645" creationId="{51F7C787-A569-FFE6-6028-AB4476C8A24A}"/>
          </ac:spMkLst>
        </pc:spChg>
        <pc:spChg chg="mod">
          <ac:chgData name="White, Alex" userId="eff6cc8c-37d8-483b-9c6c-6b27e9afa9bc" providerId="ADAL" clId="{BF04C754-5BF4-4E83-9615-DB14FA25AF8A}" dt="2023-10-12T11:38:08.274" v="295"/>
          <ac:spMkLst>
            <pc:docMk/>
            <pc:sldMk cId="2376958513" sldId="260"/>
            <ac:spMk id="4646" creationId="{56ACE748-142A-0489-59EC-366526D11EF0}"/>
          </ac:spMkLst>
        </pc:spChg>
        <pc:spChg chg="mod">
          <ac:chgData name="White, Alex" userId="eff6cc8c-37d8-483b-9c6c-6b27e9afa9bc" providerId="ADAL" clId="{BF04C754-5BF4-4E83-9615-DB14FA25AF8A}" dt="2023-10-12T11:38:08.274" v="295"/>
          <ac:spMkLst>
            <pc:docMk/>
            <pc:sldMk cId="2376958513" sldId="260"/>
            <ac:spMk id="4647" creationId="{C850112D-78D7-DDAB-45F9-0AFBBB6780BB}"/>
          </ac:spMkLst>
        </pc:spChg>
        <pc:spChg chg="mod">
          <ac:chgData name="White, Alex" userId="eff6cc8c-37d8-483b-9c6c-6b27e9afa9bc" providerId="ADAL" clId="{BF04C754-5BF4-4E83-9615-DB14FA25AF8A}" dt="2023-10-12T11:38:08.274" v="295"/>
          <ac:spMkLst>
            <pc:docMk/>
            <pc:sldMk cId="2376958513" sldId="260"/>
            <ac:spMk id="4648" creationId="{5EFA833B-21FD-9456-8424-3DE7CFFF477F}"/>
          </ac:spMkLst>
        </pc:spChg>
        <pc:spChg chg="mod">
          <ac:chgData name="White, Alex" userId="eff6cc8c-37d8-483b-9c6c-6b27e9afa9bc" providerId="ADAL" clId="{BF04C754-5BF4-4E83-9615-DB14FA25AF8A}" dt="2023-10-12T11:38:08.274" v="295"/>
          <ac:spMkLst>
            <pc:docMk/>
            <pc:sldMk cId="2376958513" sldId="260"/>
            <ac:spMk id="4649" creationId="{8CA7F295-16AD-CECE-2BF1-9A53295AB69A}"/>
          </ac:spMkLst>
        </pc:spChg>
        <pc:spChg chg="mod">
          <ac:chgData name="White, Alex" userId="eff6cc8c-37d8-483b-9c6c-6b27e9afa9bc" providerId="ADAL" clId="{BF04C754-5BF4-4E83-9615-DB14FA25AF8A}" dt="2023-10-12T11:38:08.274" v="295"/>
          <ac:spMkLst>
            <pc:docMk/>
            <pc:sldMk cId="2376958513" sldId="260"/>
            <ac:spMk id="4650" creationId="{B05AF955-53D3-3267-CDF1-8DF5C321C391}"/>
          </ac:spMkLst>
        </pc:spChg>
        <pc:spChg chg="mod">
          <ac:chgData name="White, Alex" userId="eff6cc8c-37d8-483b-9c6c-6b27e9afa9bc" providerId="ADAL" clId="{BF04C754-5BF4-4E83-9615-DB14FA25AF8A}" dt="2023-10-12T11:38:08.274" v="295"/>
          <ac:spMkLst>
            <pc:docMk/>
            <pc:sldMk cId="2376958513" sldId="260"/>
            <ac:spMk id="4651" creationId="{354E631C-C99B-304E-FEA6-7482994BF5AE}"/>
          </ac:spMkLst>
        </pc:spChg>
        <pc:spChg chg="mod">
          <ac:chgData name="White, Alex" userId="eff6cc8c-37d8-483b-9c6c-6b27e9afa9bc" providerId="ADAL" clId="{BF04C754-5BF4-4E83-9615-DB14FA25AF8A}" dt="2023-10-12T11:38:08.274" v="295"/>
          <ac:spMkLst>
            <pc:docMk/>
            <pc:sldMk cId="2376958513" sldId="260"/>
            <ac:spMk id="4652" creationId="{5DFF477D-577E-AE4A-CE1D-98110ABDA52E}"/>
          </ac:spMkLst>
        </pc:spChg>
        <pc:spChg chg="mod">
          <ac:chgData name="White, Alex" userId="eff6cc8c-37d8-483b-9c6c-6b27e9afa9bc" providerId="ADAL" clId="{BF04C754-5BF4-4E83-9615-DB14FA25AF8A}" dt="2023-10-12T11:38:08.274" v="295"/>
          <ac:spMkLst>
            <pc:docMk/>
            <pc:sldMk cId="2376958513" sldId="260"/>
            <ac:spMk id="4653" creationId="{688ED340-3C13-CB43-CA39-D0822273B76C}"/>
          </ac:spMkLst>
        </pc:spChg>
        <pc:spChg chg="mod">
          <ac:chgData name="White, Alex" userId="eff6cc8c-37d8-483b-9c6c-6b27e9afa9bc" providerId="ADAL" clId="{BF04C754-5BF4-4E83-9615-DB14FA25AF8A}" dt="2023-10-12T11:38:08.274" v="295"/>
          <ac:spMkLst>
            <pc:docMk/>
            <pc:sldMk cId="2376958513" sldId="260"/>
            <ac:spMk id="4654" creationId="{EB949E0C-ECE7-349B-4597-EAD6173F3EBC}"/>
          </ac:spMkLst>
        </pc:spChg>
        <pc:spChg chg="mod">
          <ac:chgData name="White, Alex" userId="eff6cc8c-37d8-483b-9c6c-6b27e9afa9bc" providerId="ADAL" clId="{BF04C754-5BF4-4E83-9615-DB14FA25AF8A}" dt="2023-10-12T11:38:08.274" v="295"/>
          <ac:spMkLst>
            <pc:docMk/>
            <pc:sldMk cId="2376958513" sldId="260"/>
            <ac:spMk id="4655" creationId="{98938C54-D878-DC29-BEDB-27755A9353FB}"/>
          </ac:spMkLst>
        </pc:spChg>
        <pc:spChg chg="mod">
          <ac:chgData name="White, Alex" userId="eff6cc8c-37d8-483b-9c6c-6b27e9afa9bc" providerId="ADAL" clId="{BF04C754-5BF4-4E83-9615-DB14FA25AF8A}" dt="2023-10-12T11:38:08.274" v="295"/>
          <ac:spMkLst>
            <pc:docMk/>
            <pc:sldMk cId="2376958513" sldId="260"/>
            <ac:spMk id="4656" creationId="{B0728105-9E7E-C6C0-A8CF-5A9C3A7E4794}"/>
          </ac:spMkLst>
        </pc:spChg>
        <pc:spChg chg="mod">
          <ac:chgData name="White, Alex" userId="eff6cc8c-37d8-483b-9c6c-6b27e9afa9bc" providerId="ADAL" clId="{BF04C754-5BF4-4E83-9615-DB14FA25AF8A}" dt="2023-10-12T11:38:08.274" v="295"/>
          <ac:spMkLst>
            <pc:docMk/>
            <pc:sldMk cId="2376958513" sldId="260"/>
            <ac:spMk id="4657" creationId="{621FC7EC-469E-D9DD-78E4-891FA355B418}"/>
          </ac:spMkLst>
        </pc:spChg>
        <pc:spChg chg="mod">
          <ac:chgData name="White, Alex" userId="eff6cc8c-37d8-483b-9c6c-6b27e9afa9bc" providerId="ADAL" clId="{BF04C754-5BF4-4E83-9615-DB14FA25AF8A}" dt="2023-10-12T11:38:08.274" v="295"/>
          <ac:spMkLst>
            <pc:docMk/>
            <pc:sldMk cId="2376958513" sldId="260"/>
            <ac:spMk id="4658" creationId="{E1584907-05AD-0CC1-E55F-2D444EAD137E}"/>
          </ac:spMkLst>
        </pc:spChg>
        <pc:spChg chg="mod">
          <ac:chgData name="White, Alex" userId="eff6cc8c-37d8-483b-9c6c-6b27e9afa9bc" providerId="ADAL" clId="{BF04C754-5BF4-4E83-9615-DB14FA25AF8A}" dt="2023-10-12T11:38:08.274" v="295"/>
          <ac:spMkLst>
            <pc:docMk/>
            <pc:sldMk cId="2376958513" sldId="260"/>
            <ac:spMk id="4659" creationId="{999804FB-077A-BA84-3430-3CA0459D7C95}"/>
          </ac:spMkLst>
        </pc:spChg>
        <pc:spChg chg="mod">
          <ac:chgData name="White, Alex" userId="eff6cc8c-37d8-483b-9c6c-6b27e9afa9bc" providerId="ADAL" clId="{BF04C754-5BF4-4E83-9615-DB14FA25AF8A}" dt="2023-10-12T11:38:08.274" v="295"/>
          <ac:spMkLst>
            <pc:docMk/>
            <pc:sldMk cId="2376958513" sldId="260"/>
            <ac:spMk id="4660" creationId="{A7CC9AC2-2F7C-9F6E-447F-0F43784DAFB1}"/>
          </ac:spMkLst>
        </pc:spChg>
        <pc:spChg chg="mod">
          <ac:chgData name="White, Alex" userId="eff6cc8c-37d8-483b-9c6c-6b27e9afa9bc" providerId="ADAL" clId="{BF04C754-5BF4-4E83-9615-DB14FA25AF8A}" dt="2023-10-12T11:38:08.274" v="295"/>
          <ac:spMkLst>
            <pc:docMk/>
            <pc:sldMk cId="2376958513" sldId="260"/>
            <ac:spMk id="4661" creationId="{25AF9020-3DC6-BDBB-3831-B327DA2D53B2}"/>
          </ac:spMkLst>
        </pc:spChg>
        <pc:spChg chg="mod">
          <ac:chgData name="White, Alex" userId="eff6cc8c-37d8-483b-9c6c-6b27e9afa9bc" providerId="ADAL" clId="{BF04C754-5BF4-4E83-9615-DB14FA25AF8A}" dt="2023-10-12T11:38:08.274" v="295"/>
          <ac:spMkLst>
            <pc:docMk/>
            <pc:sldMk cId="2376958513" sldId="260"/>
            <ac:spMk id="4662" creationId="{F388BB22-FCC3-AE28-47AB-64E42BB9DF46}"/>
          </ac:spMkLst>
        </pc:spChg>
        <pc:spChg chg="mod">
          <ac:chgData name="White, Alex" userId="eff6cc8c-37d8-483b-9c6c-6b27e9afa9bc" providerId="ADAL" clId="{BF04C754-5BF4-4E83-9615-DB14FA25AF8A}" dt="2023-10-12T11:38:08.274" v="295"/>
          <ac:spMkLst>
            <pc:docMk/>
            <pc:sldMk cId="2376958513" sldId="260"/>
            <ac:spMk id="4663" creationId="{A7481AE1-029B-E9B0-8403-7D293142CBC1}"/>
          </ac:spMkLst>
        </pc:spChg>
        <pc:spChg chg="mod">
          <ac:chgData name="White, Alex" userId="eff6cc8c-37d8-483b-9c6c-6b27e9afa9bc" providerId="ADAL" clId="{BF04C754-5BF4-4E83-9615-DB14FA25AF8A}" dt="2023-10-12T11:38:08.274" v="295"/>
          <ac:spMkLst>
            <pc:docMk/>
            <pc:sldMk cId="2376958513" sldId="260"/>
            <ac:spMk id="4664" creationId="{B1B557DB-1C08-F1D1-B3DF-4A1D86E9B54B}"/>
          </ac:spMkLst>
        </pc:spChg>
        <pc:spChg chg="mod">
          <ac:chgData name="White, Alex" userId="eff6cc8c-37d8-483b-9c6c-6b27e9afa9bc" providerId="ADAL" clId="{BF04C754-5BF4-4E83-9615-DB14FA25AF8A}" dt="2023-10-12T11:38:08.274" v="295"/>
          <ac:spMkLst>
            <pc:docMk/>
            <pc:sldMk cId="2376958513" sldId="260"/>
            <ac:spMk id="4665" creationId="{D097A43B-E314-7A18-10D6-A707D9E9AA5E}"/>
          </ac:spMkLst>
        </pc:spChg>
        <pc:spChg chg="mod">
          <ac:chgData name="White, Alex" userId="eff6cc8c-37d8-483b-9c6c-6b27e9afa9bc" providerId="ADAL" clId="{BF04C754-5BF4-4E83-9615-DB14FA25AF8A}" dt="2023-10-12T11:38:08.274" v="295"/>
          <ac:spMkLst>
            <pc:docMk/>
            <pc:sldMk cId="2376958513" sldId="260"/>
            <ac:spMk id="4666" creationId="{081D78D2-C4C6-82FB-4725-26552343479C}"/>
          </ac:spMkLst>
        </pc:spChg>
        <pc:spChg chg="mod">
          <ac:chgData name="White, Alex" userId="eff6cc8c-37d8-483b-9c6c-6b27e9afa9bc" providerId="ADAL" clId="{BF04C754-5BF4-4E83-9615-DB14FA25AF8A}" dt="2023-10-12T11:38:08.274" v="295"/>
          <ac:spMkLst>
            <pc:docMk/>
            <pc:sldMk cId="2376958513" sldId="260"/>
            <ac:spMk id="4667" creationId="{F3C55AFF-23A4-502F-2D9E-C3FF58D3D8A2}"/>
          </ac:spMkLst>
        </pc:spChg>
        <pc:spChg chg="mod">
          <ac:chgData name="White, Alex" userId="eff6cc8c-37d8-483b-9c6c-6b27e9afa9bc" providerId="ADAL" clId="{BF04C754-5BF4-4E83-9615-DB14FA25AF8A}" dt="2023-10-12T11:38:08.274" v="295"/>
          <ac:spMkLst>
            <pc:docMk/>
            <pc:sldMk cId="2376958513" sldId="260"/>
            <ac:spMk id="4668" creationId="{3B2EEA99-883A-6A88-419D-729F0AEED42E}"/>
          </ac:spMkLst>
        </pc:spChg>
        <pc:spChg chg="mod">
          <ac:chgData name="White, Alex" userId="eff6cc8c-37d8-483b-9c6c-6b27e9afa9bc" providerId="ADAL" clId="{BF04C754-5BF4-4E83-9615-DB14FA25AF8A}" dt="2023-10-12T11:38:08.274" v="295"/>
          <ac:spMkLst>
            <pc:docMk/>
            <pc:sldMk cId="2376958513" sldId="260"/>
            <ac:spMk id="4669" creationId="{F8BBD174-60E5-3A88-8FC3-7D586E84CE1E}"/>
          </ac:spMkLst>
        </pc:spChg>
        <pc:spChg chg="mod">
          <ac:chgData name="White, Alex" userId="eff6cc8c-37d8-483b-9c6c-6b27e9afa9bc" providerId="ADAL" clId="{BF04C754-5BF4-4E83-9615-DB14FA25AF8A}" dt="2023-10-12T11:38:08.274" v="295"/>
          <ac:spMkLst>
            <pc:docMk/>
            <pc:sldMk cId="2376958513" sldId="260"/>
            <ac:spMk id="4670" creationId="{22EED538-9E6B-FA78-44B4-F37C4600C74E}"/>
          </ac:spMkLst>
        </pc:spChg>
        <pc:spChg chg="mod">
          <ac:chgData name="White, Alex" userId="eff6cc8c-37d8-483b-9c6c-6b27e9afa9bc" providerId="ADAL" clId="{BF04C754-5BF4-4E83-9615-DB14FA25AF8A}" dt="2023-10-12T11:38:08.274" v="295"/>
          <ac:spMkLst>
            <pc:docMk/>
            <pc:sldMk cId="2376958513" sldId="260"/>
            <ac:spMk id="4671" creationId="{76A39C59-D2A3-2140-5ACF-3D1A496C11D2}"/>
          </ac:spMkLst>
        </pc:spChg>
        <pc:spChg chg="mod">
          <ac:chgData name="White, Alex" userId="eff6cc8c-37d8-483b-9c6c-6b27e9afa9bc" providerId="ADAL" clId="{BF04C754-5BF4-4E83-9615-DB14FA25AF8A}" dt="2023-10-12T11:38:08.274" v="295"/>
          <ac:spMkLst>
            <pc:docMk/>
            <pc:sldMk cId="2376958513" sldId="260"/>
            <ac:spMk id="4672" creationId="{7B14AFC2-4211-8481-139C-283DF89BAC90}"/>
          </ac:spMkLst>
        </pc:spChg>
        <pc:spChg chg="mod">
          <ac:chgData name="White, Alex" userId="eff6cc8c-37d8-483b-9c6c-6b27e9afa9bc" providerId="ADAL" clId="{BF04C754-5BF4-4E83-9615-DB14FA25AF8A}" dt="2023-10-12T11:38:08.274" v="295"/>
          <ac:spMkLst>
            <pc:docMk/>
            <pc:sldMk cId="2376958513" sldId="260"/>
            <ac:spMk id="4673" creationId="{FCEDE294-06AF-EA62-74CC-E139D0B41B74}"/>
          </ac:spMkLst>
        </pc:spChg>
        <pc:spChg chg="mod">
          <ac:chgData name="White, Alex" userId="eff6cc8c-37d8-483b-9c6c-6b27e9afa9bc" providerId="ADAL" clId="{BF04C754-5BF4-4E83-9615-DB14FA25AF8A}" dt="2023-10-12T11:38:08.274" v="295"/>
          <ac:spMkLst>
            <pc:docMk/>
            <pc:sldMk cId="2376958513" sldId="260"/>
            <ac:spMk id="4674" creationId="{397CC18F-BDCC-C31A-EA68-EE37F60B3969}"/>
          </ac:spMkLst>
        </pc:spChg>
        <pc:spChg chg="mod">
          <ac:chgData name="White, Alex" userId="eff6cc8c-37d8-483b-9c6c-6b27e9afa9bc" providerId="ADAL" clId="{BF04C754-5BF4-4E83-9615-DB14FA25AF8A}" dt="2023-10-12T11:38:08.274" v="295"/>
          <ac:spMkLst>
            <pc:docMk/>
            <pc:sldMk cId="2376958513" sldId="260"/>
            <ac:spMk id="4675" creationId="{40B19E8C-9498-8899-5421-BE603479C1AB}"/>
          </ac:spMkLst>
        </pc:spChg>
        <pc:spChg chg="mod">
          <ac:chgData name="White, Alex" userId="eff6cc8c-37d8-483b-9c6c-6b27e9afa9bc" providerId="ADAL" clId="{BF04C754-5BF4-4E83-9615-DB14FA25AF8A}" dt="2023-10-12T11:38:08.274" v="295"/>
          <ac:spMkLst>
            <pc:docMk/>
            <pc:sldMk cId="2376958513" sldId="260"/>
            <ac:spMk id="4676" creationId="{8FACF6B1-A092-6F64-0656-72AD8170E711}"/>
          </ac:spMkLst>
        </pc:spChg>
        <pc:spChg chg="mod">
          <ac:chgData name="White, Alex" userId="eff6cc8c-37d8-483b-9c6c-6b27e9afa9bc" providerId="ADAL" clId="{BF04C754-5BF4-4E83-9615-DB14FA25AF8A}" dt="2023-10-12T11:38:08.274" v="295"/>
          <ac:spMkLst>
            <pc:docMk/>
            <pc:sldMk cId="2376958513" sldId="260"/>
            <ac:spMk id="4677" creationId="{FD725AC1-DC35-BA98-A269-02FD0E48D6FE}"/>
          </ac:spMkLst>
        </pc:spChg>
        <pc:spChg chg="mod">
          <ac:chgData name="White, Alex" userId="eff6cc8c-37d8-483b-9c6c-6b27e9afa9bc" providerId="ADAL" clId="{BF04C754-5BF4-4E83-9615-DB14FA25AF8A}" dt="2023-10-12T11:38:08.274" v="295"/>
          <ac:spMkLst>
            <pc:docMk/>
            <pc:sldMk cId="2376958513" sldId="260"/>
            <ac:spMk id="4678" creationId="{4A248788-3A9E-40FE-A8B2-4D82BF5F6524}"/>
          </ac:spMkLst>
        </pc:spChg>
        <pc:spChg chg="mod">
          <ac:chgData name="White, Alex" userId="eff6cc8c-37d8-483b-9c6c-6b27e9afa9bc" providerId="ADAL" clId="{BF04C754-5BF4-4E83-9615-DB14FA25AF8A}" dt="2023-10-12T11:38:08.274" v="295"/>
          <ac:spMkLst>
            <pc:docMk/>
            <pc:sldMk cId="2376958513" sldId="260"/>
            <ac:spMk id="4679" creationId="{DE9D02FD-19F4-0D49-F48F-C0E0336DE105}"/>
          </ac:spMkLst>
        </pc:spChg>
        <pc:spChg chg="mod">
          <ac:chgData name="White, Alex" userId="eff6cc8c-37d8-483b-9c6c-6b27e9afa9bc" providerId="ADAL" clId="{BF04C754-5BF4-4E83-9615-DB14FA25AF8A}" dt="2023-10-12T11:38:08.274" v="295"/>
          <ac:spMkLst>
            <pc:docMk/>
            <pc:sldMk cId="2376958513" sldId="260"/>
            <ac:spMk id="4680" creationId="{FF45AAC4-0D3C-2A32-F2F9-2224C2BA39A4}"/>
          </ac:spMkLst>
        </pc:spChg>
        <pc:spChg chg="mod">
          <ac:chgData name="White, Alex" userId="eff6cc8c-37d8-483b-9c6c-6b27e9afa9bc" providerId="ADAL" clId="{BF04C754-5BF4-4E83-9615-DB14FA25AF8A}" dt="2023-10-12T11:38:08.274" v="295"/>
          <ac:spMkLst>
            <pc:docMk/>
            <pc:sldMk cId="2376958513" sldId="260"/>
            <ac:spMk id="4681" creationId="{79E15914-95A6-CC62-EE5E-3FFCE9A39AB6}"/>
          </ac:spMkLst>
        </pc:spChg>
        <pc:spChg chg="mod">
          <ac:chgData name="White, Alex" userId="eff6cc8c-37d8-483b-9c6c-6b27e9afa9bc" providerId="ADAL" clId="{BF04C754-5BF4-4E83-9615-DB14FA25AF8A}" dt="2023-10-12T11:38:08.274" v="295"/>
          <ac:spMkLst>
            <pc:docMk/>
            <pc:sldMk cId="2376958513" sldId="260"/>
            <ac:spMk id="4682" creationId="{C5B516B7-B20D-8DED-E900-3F70729B5AF1}"/>
          </ac:spMkLst>
        </pc:spChg>
        <pc:spChg chg="mod">
          <ac:chgData name="White, Alex" userId="eff6cc8c-37d8-483b-9c6c-6b27e9afa9bc" providerId="ADAL" clId="{BF04C754-5BF4-4E83-9615-DB14FA25AF8A}" dt="2023-10-12T11:38:08.274" v="295"/>
          <ac:spMkLst>
            <pc:docMk/>
            <pc:sldMk cId="2376958513" sldId="260"/>
            <ac:spMk id="4683" creationId="{B5C30D08-8118-E12F-4E01-D6D177A6C83A}"/>
          </ac:spMkLst>
        </pc:spChg>
        <pc:spChg chg="mod">
          <ac:chgData name="White, Alex" userId="eff6cc8c-37d8-483b-9c6c-6b27e9afa9bc" providerId="ADAL" clId="{BF04C754-5BF4-4E83-9615-DB14FA25AF8A}" dt="2023-10-12T11:38:08.274" v="295"/>
          <ac:spMkLst>
            <pc:docMk/>
            <pc:sldMk cId="2376958513" sldId="260"/>
            <ac:spMk id="4684" creationId="{7B63EBD0-8C6A-3FE7-8701-E3960EF20E11}"/>
          </ac:spMkLst>
        </pc:spChg>
        <pc:spChg chg="mod">
          <ac:chgData name="White, Alex" userId="eff6cc8c-37d8-483b-9c6c-6b27e9afa9bc" providerId="ADAL" clId="{BF04C754-5BF4-4E83-9615-DB14FA25AF8A}" dt="2023-10-12T11:38:08.274" v="295"/>
          <ac:spMkLst>
            <pc:docMk/>
            <pc:sldMk cId="2376958513" sldId="260"/>
            <ac:spMk id="4685" creationId="{02EEB010-CC0E-2116-EA6F-AF0890E4A068}"/>
          </ac:spMkLst>
        </pc:spChg>
        <pc:spChg chg="mod">
          <ac:chgData name="White, Alex" userId="eff6cc8c-37d8-483b-9c6c-6b27e9afa9bc" providerId="ADAL" clId="{BF04C754-5BF4-4E83-9615-DB14FA25AF8A}" dt="2023-10-12T11:38:08.274" v="295"/>
          <ac:spMkLst>
            <pc:docMk/>
            <pc:sldMk cId="2376958513" sldId="260"/>
            <ac:spMk id="4686" creationId="{B0F662E0-376E-B1BC-8FE1-2356AD9E6A1E}"/>
          </ac:spMkLst>
        </pc:spChg>
        <pc:spChg chg="mod">
          <ac:chgData name="White, Alex" userId="eff6cc8c-37d8-483b-9c6c-6b27e9afa9bc" providerId="ADAL" clId="{BF04C754-5BF4-4E83-9615-DB14FA25AF8A}" dt="2023-10-12T11:38:08.274" v="295"/>
          <ac:spMkLst>
            <pc:docMk/>
            <pc:sldMk cId="2376958513" sldId="260"/>
            <ac:spMk id="4687" creationId="{8B322F6D-B008-D1C3-8D5C-B49C37F5E008}"/>
          </ac:spMkLst>
        </pc:spChg>
        <pc:spChg chg="mod">
          <ac:chgData name="White, Alex" userId="eff6cc8c-37d8-483b-9c6c-6b27e9afa9bc" providerId="ADAL" clId="{BF04C754-5BF4-4E83-9615-DB14FA25AF8A}" dt="2023-10-12T11:38:08.274" v="295"/>
          <ac:spMkLst>
            <pc:docMk/>
            <pc:sldMk cId="2376958513" sldId="260"/>
            <ac:spMk id="4688" creationId="{7ED8DD1B-B182-FE97-7E32-A3AA672B7C3D}"/>
          </ac:spMkLst>
        </pc:spChg>
        <pc:spChg chg="mod">
          <ac:chgData name="White, Alex" userId="eff6cc8c-37d8-483b-9c6c-6b27e9afa9bc" providerId="ADAL" clId="{BF04C754-5BF4-4E83-9615-DB14FA25AF8A}" dt="2023-10-12T11:38:08.274" v="295"/>
          <ac:spMkLst>
            <pc:docMk/>
            <pc:sldMk cId="2376958513" sldId="260"/>
            <ac:spMk id="4689" creationId="{94CF1DA1-3052-13CE-46C9-3B4F5221CDAF}"/>
          </ac:spMkLst>
        </pc:spChg>
        <pc:spChg chg="mod">
          <ac:chgData name="White, Alex" userId="eff6cc8c-37d8-483b-9c6c-6b27e9afa9bc" providerId="ADAL" clId="{BF04C754-5BF4-4E83-9615-DB14FA25AF8A}" dt="2023-10-12T11:38:08.274" v="295"/>
          <ac:spMkLst>
            <pc:docMk/>
            <pc:sldMk cId="2376958513" sldId="260"/>
            <ac:spMk id="4690" creationId="{1949CA7D-DC4C-1CB5-D4C7-A5945722CF1E}"/>
          </ac:spMkLst>
        </pc:spChg>
        <pc:spChg chg="mod">
          <ac:chgData name="White, Alex" userId="eff6cc8c-37d8-483b-9c6c-6b27e9afa9bc" providerId="ADAL" clId="{BF04C754-5BF4-4E83-9615-DB14FA25AF8A}" dt="2023-10-12T11:38:08.274" v="295"/>
          <ac:spMkLst>
            <pc:docMk/>
            <pc:sldMk cId="2376958513" sldId="260"/>
            <ac:spMk id="4691" creationId="{CB0972EC-2183-A0BE-4D7D-6772292B1EBB}"/>
          </ac:spMkLst>
        </pc:spChg>
        <pc:spChg chg="mod">
          <ac:chgData name="White, Alex" userId="eff6cc8c-37d8-483b-9c6c-6b27e9afa9bc" providerId="ADAL" clId="{BF04C754-5BF4-4E83-9615-DB14FA25AF8A}" dt="2023-10-12T11:38:08.274" v="295"/>
          <ac:spMkLst>
            <pc:docMk/>
            <pc:sldMk cId="2376958513" sldId="260"/>
            <ac:spMk id="4692" creationId="{42AC50E9-04D6-5F4A-6CF1-C7F6DB34B0F6}"/>
          </ac:spMkLst>
        </pc:spChg>
        <pc:spChg chg="mod">
          <ac:chgData name="White, Alex" userId="eff6cc8c-37d8-483b-9c6c-6b27e9afa9bc" providerId="ADAL" clId="{BF04C754-5BF4-4E83-9615-DB14FA25AF8A}" dt="2023-10-12T11:38:08.274" v="295"/>
          <ac:spMkLst>
            <pc:docMk/>
            <pc:sldMk cId="2376958513" sldId="260"/>
            <ac:spMk id="4693" creationId="{D06441D4-BDAC-0A6D-C1C5-1EE110BCC940}"/>
          </ac:spMkLst>
        </pc:spChg>
        <pc:spChg chg="mod">
          <ac:chgData name="White, Alex" userId="eff6cc8c-37d8-483b-9c6c-6b27e9afa9bc" providerId="ADAL" clId="{BF04C754-5BF4-4E83-9615-DB14FA25AF8A}" dt="2023-10-12T11:38:08.274" v="295"/>
          <ac:spMkLst>
            <pc:docMk/>
            <pc:sldMk cId="2376958513" sldId="260"/>
            <ac:spMk id="4694" creationId="{0B9DBA41-F91A-547B-236B-1EC401DED524}"/>
          </ac:spMkLst>
        </pc:spChg>
        <pc:spChg chg="mod">
          <ac:chgData name="White, Alex" userId="eff6cc8c-37d8-483b-9c6c-6b27e9afa9bc" providerId="ADAL" clId="{BF04C754-5BF4-4E83-9615-DB14FA25AF8A}" dt="2023-10-12T11:38:08.274" v="295"/>
          <ac:spMkLst>
            <pc:docMk/>
            <pc:sldMk cId="2376958513" sldId="260"/>
            <ac:spMk id="4695" creationId="{4A0D2BE8-6791-D3E4-FEAE-CC78C9E4EDF5}"/>
          </ac:spMkLst>
        </pc:spChg>
        <pc:spChg chg="mod">
          <ac:chgData name="White, Alex" userId="eff6cc8c-37d8-483b-9c6c-6b27e9afa9bc" providerId="ADAL" clId="{BF04C754-5BF4-4E83-9615-DB14FA25AF8A}" dt="2023-10-12T11:38:08.274" v="295"/>
          <ac:spMkLst>
            <pc:docMk/>
            <pc:sldMk cId="2376958513" sldId="260"/>
            <ac:spMk id="4696" creationId="{409E6E35-E6A4-4D46-CF63-F41E0F3BB880}"/>
          </ac:spMkLst>
        </pc:spChg>
        <pc:spChg chg="mod">
          <ac:chgData name="White, Alex" userId="eff6cc8c-37d8-483b-9c6c-6b27e9afa9bc" providerId="ADAL" clId="{BF04C754-5BF4-4E83-9615-DB14FA25AF8A}" dt="2023-10-12T11:38:08.274" v="295"/>
          <ac:spMkLst>
            <pc:docMk/>
            <pc:sldMk cId="2376958513" sldId="260"/>
            <ac:spMk id="4697" creationId="{F5FE0DFE-D40E-9E3A-5410-BB9315943EB1}"/>
          </ac:spMkLst>
        </pc:spChg>
        <pc:spChg chg="mod">
          <ac:chgData name="White, Alex" userId="eff6cc8c-37d8-483b-9c6c-6b27e9afa9bc" providerId="ADAL" clId="{BF04C754-5BF4-4E83-9615-DB14FA25AF8A}" dt="2023-10-12T11:38:08.274" v="295"/>
          <ac:spMkLst>
            <pc:docMk/>
            <pc:sldMk cId="2376958513" sldId="260"/>
            <ac:spMk id="4698" creationId="{52B4C6E1-ACE8-C2B8-A8CA-0295CCAB5CCA}"/>
          </ac:spMkLst>
        </pc:spChg>
        <pc:spChg chg="mod">
          <ac:chgData name="White, Alex" userId="eff6cc8c-37d8-483b-9c6c-6b27e9afa9bc" providerId="ADAL" clId="{BF04C754-5BF4-4E83-9615-DB14FA25AF8A}" dt="2023-10-12T11:38:08.274" v="295"/>
          <ac:spMkLst>
            <pc:docMk/>
            <pc:sldMk cId="2376958513" sldId="260"/>
            <ac:spMk id="4699" creationId="{10A8B009-0DD3-46D1-2BB7-A60A9ABD3DAD}"/>
          </ac:spMkLst>
        </pc:spChg>
        <pc:spChg chg="mod">
          <ac:chgData name="White, Alex" userId="eff6cc8c-37d8-483b-9c6c-6b27e9afa9bc" providerId="ADAL" clId="{BF04C754-5BF4-4E83-9615-DB14FA25AF8A}" dt="2023-10-12T11:38:08.274" v="295"/>
          <ac:spMkLst>
            <pc:docMk/>
            <pc:sldMk cId="2376958513" sldId="260"/>
            <ac:spMk id="4700" creationId="{E86BA107-1310-47B9-2395-006FC1E32D31}"/>
          </ac:spMkLst>
        </pc:spChg>
        <pc:spChg chg="mod">
          <ac:chgData name="White, Alex" userId="eff6cc8c-37d8-483b-9c6c-6b27e9afa9bc" providerId="ADAL" clId="{BF04C754-5BF4-4E83-9615-DB14FA25AF8A}" dt="2023-10-12T11:38:08.274" v="295"/>
          <ac:spMkLst>
            <pc:docMk/>
            <pc:sldMk cId="2376958513" sldId="260"/>
            <ac:spMk id="4701" creationId="{1FB47EFD-95B9-AEFD-2A68-3B8F610359D8}"/>
          </ac:spMkLst>
        </pc:spChg>
        <pc:spChg chg="mod">
          <ac:chgData name="White, Alex" userId="eff6cc8c-37d8-483b-9c6c-6b27e9afa9bc" providerId="ADAL" clId="{BF04C754-5BF4-4E83-9615-DB14FA25AF8A}" dt="2023-10-12T11:38:08.274" v="295"/>
          <ac:spMkLst>
            <pc:docMk/>
            <pc:sldMk cId="2376958513" sldId="260"/>
            <ac:spMk id="4702" creationId="{81EA9AC9-FA19-2841-9FD1-DC4022603768}"/>
          </ac:spMkLst>
        </pc:spChg>
        <pc:spChg chg="mod">
          <ac:chgData name="White, Alex" userId="eff6cc8c-37d8-483b-9c6c-6b27e9afa9bc" providerId="ADAL" clId="{BF04C754-5BF4-4E83-9615-DB14FA25AF8A}" dt="2023-10-12T11:38:08.274" v="295"/>
          <ac:spMkLst>
            <pc:docMk/>
            <pc:sldMk cId="2376958513" sldId="260"/>
            <ac:spMk id="4703" creationId="{3EDA687E-9C00-11D9-C828-0241D02A1110}"/>
          </ac:spMkLst>
        </pc:spChg>
        <pc:spChg chg="mod">
          <ac:chgData name="White, Alex" userId="eff6cc8c-37d8-483b-9c6c-6b27e9afa9bc" providerId="ADAL" clId="{BF04C754-5BF4-4E83-9615-DB14FA25AF8A}" dt="2023-10-12T11:38:08.274" v="295"/>
          <ac:spMkLst>
            <pc:docMk/>
            <pc:sldMk cId="2376958513" sldId="260"/>
            <ac:spMk id="4704" creationId="{44A4065D-7647-F71E-9334-7CF0BF48C424}"/>
          </ac:spMkLst>
        </pc:spChg>
        <pc:spChg chg="mod">
          <ac:chgData name="White, Alex" userId="eff6cc8c-37d8-483b-9c6c-6b27e9afa9bc" providerId="ADAL" clId="{BF04C754-5BF4-4E83-9615-DB14FA25AF8A}" dt="2023-10-12T11:38:08.274" v="295"/>
          <ac:spMkLst>
            <pc:docMk/>
            <pc:sldMk cId="2376958513" sldId="260"/>
            <ac:spMk id="4705" creationId="{47E3CFCD-0DC3-AE85-69CF-B895C615DC82}"/>
          </ac:spMkLst>
        </pc:spChg>
        <pc:spChg chg="mod">
          <ac:chgData name="White, Alex" userId="eff6cc8c-37d8-483b-9c6c-6b27e9afa9bc" providerId="ADAL" clId="{BF04C754-5BF4-4E83-9615-DB14FA25AF8A}" dt="2023-10-12T11:38:08.274" v="295"/>
          <ac:spMkLst>
            <pc:docMk/>
            <pc:sldMk cId="2376958513" sldId="260"/>
            <ac:spMk id="4706" creationId="{6C221EA7-661A-9C66-274B-83C3E768BF03}"/>
          </ac:spMkLst>
        </pc:spChg>
        <pc:spChg chg="mod">
          <ac:chgData name="White, Alex" userId="eff6cc8c-37d8-483b-9c6c-6b27e9afa9bc" providerId="ADAL" clId="{BF04C754-5BF4-4E83-9615-DB14FA25AF8A}" dt="2023-10-12T11:38:08.274" v="295"/>
          <ac:spMkLst>
            <pc:docMk/>
            <pc:sldMk cId="2376958513" sldId="260"/>
            <ac:spMk id="4707" creationId="{D7FCD612-E0CF-BA8B-BEA0-3476D5644835}"/>
          </ac:spMkLst>
        </pc:spChg>
        <pc:spChg chg="mod">
          <ac:chgData name="White, Alex" userId="eff6cc8c-37d8-483b-9c6c-6b27e9afa9bc" providerId="ADAL" clId="{BF04C754-5BF4-4E83-9615-DB14FA25AF8A}" dt="2023-10-12T11:38:08.274" v="295"/>
          <ac:spMkLst>
            <pc:docMk/>
            <pc:sldMk cId="2376958513" sldId="260"/>
            <ac:spMk id="4708" creationId="{412D497E-3D28-7ACD-9619-81630A722519}"/>
          </ac:spMkLst>
        </pc:spChg>
        <pc:spChg chg="mod">
          <ac:chgData name="White, Alex" userId="eff6cc8c-37d8-483b-9c6c-6b27e9afa9bc" providerId="ADAL" clId="{BF04C754-5BF4-4E83-9615-DB14FA25AF8A}" dt="2023-10-12T11:38:08.274" v="295"/>
          <ac:spMkLst>
            <pc:docMk/>
            <pc:sldMk cId="2376958513" sldId="260"/>
            <ac:spMk id="4709" creationId="{0702A812-BE0F-30D3-1877-659899F34CCD}"/>
          </ac:spMkLst>
        </pc:spChg>
        <pc:spChg chg="mod">
          <ac:chgData name="White, Alex" userId="eff6cc8c-37d8-483b-9c6c-6b27e9afa9bc" providerId="ADAL" clId="{BF04C754-5BF4-4E83-9615-DB14FA25AF8A}" dt="2023-10-12T11:38:08.274" v="295"/>
          <ac:spMkLst>
            <pc:docMk/>
            <pc:sldMk cId="2376958513" sldId="260"/>
            <ac:spMk id="4710" creationId="{C7123FD0-A43B-2DCE-2FB3-41980AF8A3E5}"/>
          </ac:spMkLst>
        </pc:spChg>
        <pc:spChg chg="mod">
          <ac:chgData name="White, Alex" userId="eff6cc8c-37d8-483b-9c6c-6b27e9afa9bc" providerId="ADAL" clId="{BF04C754-5BF4-4E83-9615-DB14FA25AF8A}" dt="2023-10-12T11:38:08.274" v="295"/>
          <ac:spMkLst>
            <pc:docMk/>
            <pc:sldMk cId="2376958513" sldId="260"/>
            <ac:spMk id="4711" creationId="{090F00E0-CFDB-B0F4-16B4-A64F90B36D6D}"/>
          </ac:spMkLst>
        </pc:spChg>
        <pc:spChg chg="mod">
          <ac:chgData name="White, Alex" userId="eff6cc8c-37d8-483b-9c6c-6b27e9afa9bc" providerId="ADAL" clId="{BF04C754-5BF4-4E83-9615-DB14FA25AF8A}" dt="2023-10-12T11:38:08.274" v="295"/>
          <ac:spMkLst>
            <pc:docMk/>
            <pc:sldMk cId="2376958513" sldId="260"/>
            <ac:spMk id="4712" creationId="{9B44ED02-106B-A729-EEF9-B1D67D3EA309}"/>
          </ac:spMkLst>
        </pc:spChg>
        <pc:spChg chg="mod">
          <ac:chgData name="White, Alex" userId="eff6cc8c-37d8-483b-9c6c-6b27e9afa9bc" providerId="ADAL" clId="{BF04C754-5BF4-4E83-9615-DB14FA25AF8A}" dt="2023-10-12T11:38:08.274" v="295"/>
          <ac:spMkLst>
            <pc:docMk/>
            <pc:sldMk cId="2376958513" sldId="260"/>
            <ac:spMk id="4713" creationId="{1E115610-A84A-8D17-C1E2-4831C51A957E}"/>
          </ac:spMkLst>
        </pc:spChg>
        <pc:spChg chg="mod">
          <ac:chgData name="White, Alex" userId="eff6cc8c-37d8-483b-9c6c-6b27e9afa9bc" providerId="ADAL" clId="{BF04C754-5BF4-4E83-9615-DB14FA25AF8A}" dt="2023-10-12T11:38:08.274" v="295"/>
          <ac:spMkLst>
            <pc:docMk/>
            <pc:sldMk cId="2376958513" sldId="260"/>
            <ac:spMk id="4714" creationId="{E376F1E3-7C9C-2AB9-B9AA-99B24889676D}"/>
          </ac:spMkLst>
        </pc:spChg>
        <pc:spChg chg="mod">
          <ac:chgData name="White, Alex" userId="eff6cc8c-37d8-483b-9c6c-6b27e9afa9bc" providerId="ADAL" clId="{BF04C754-5BF4-4E83-9615-DB14FA25AF8A}" dt="2023-10-12T11:38:08.274" v="295"/>
          <ac:spMkLst>
            <pc:docMk/>
            <pc:sldMk cId="2376958513" sldId="260"/>
            <ac:spMk id="4715" creationId="{07EBE669-54F4-0718-B1CD-962341892482}"/>
          </ac:spMkLst>
        </pc:spChg>
        <pc:spChg chg="mod">
          <ac:chgData name="White, Alex" userId="eff6cc8c-37d8-483b-9c6c-6b27e9afa9bc" providerId="ADAL" clId="{BF04C754-5BF4-4E83-9615-DB14FA25AF8A}" dt="2023-10-12T11:38:08.274" v="295"/>
          <ac:spMkLst>
            <pc:docMk/>
            <pc:sldMk cId="2376958513" sldId="260"/>
            <ac:spMk id="4716" creationId="{244AEF06-9CC0-DFD1-EEF7-1E7124D4E584}"/>
          </ac:spMkLst>
        </pc:spChg>
        <pc:spChg chg="mod">
          <ac:chgData name="White, Alex" userId="eff6cc8c-37d8-483b-9c6c-6b27e9afa9bc" providerId="ADAL" clId="{BF04C754-5BF4-4E83-9615-DB14FA25AF8A}" dt="2023-10-12T11:38:08.274" v="295"/>
          <ac:spMkLst>
            <pc:docMk/>
            <pc:sldMk cId="2376958513" sldId="260"/>
            <ac:spMk id="4717" creationId="{7AB651D3-7BA6-BF45-E82D-DD631B4FD753}"/>
          </ac:spMkLst>
        </pc:spChg>
        <pc:spChg chg="mod">
          <ac:chgData name="White, Alex" userId="eff6cc8c-37d8-483b-9c6c-6b27e9afa9bc" providerId="ADAL" clId="{BF04C754-5BF4-4E83-9615-DB14FA25AF8A}" dt="2023-10-12T11:38:08.274" v="295"/>
          <ac:spMkLst>
            <pc:docMk/>
            <pc:sldMk cId="2376958513" sldId="260"/>
            <ac:spMk id="4718" creationId="{B70A3931-7C04-7C5D-AFCA-7E4932099D72}"/>
          </ac:spMkLst>
        </pc:spChg>
        <pc:spChg chg="mod">
          <ac:chgData name="White, Alex" userId="eff6cc8c-37d8-483b-9c6c-6b27e9afa9bc" providerId="ADAL" clId="{BF04C754-5BF4-4E83-9615-DB14FA25AF8A}" dt="2023-10-12T11:38:08.274" v="295"/>
          <ac:spMkLst>
            <pc:docMk/>
            <pc:sldMk cId="2376958513" sldId="260"/>
            <ac:spMk id="4719" creationId="{93F979F4-C7DD-9F60-B1F2-CDA53955D5E8}"/>
          </ac:spMkLst>
        </pc:spChg>
        <pc:spChg chg="mod">
          <ac:chgData name="White, Alex" userId="eff6cc8c-37d8-483b-9c6c-6b27e9afa9bc" providerId="ADAL" clId="{BF04C754-5BF4-4E83-9615-DB14FA25AF8A}" dt="2023-10-12T11:38:08.274" v="295"/>
          <ac:spMkLst>
            <pc:docMk/>
            <pc:sldMk cId="2376958513" sldId="260"/>
            <ac:spMk id="4720" creationId="{F54A54BC-9200-FD1C-DC55-F8F870F25D02}"/>
          </ac:spMkLst>
        </pc:spChg>
        <pc:spChg chg="mod">
          <ac:chgData name="White, Alex" userId="eff6cc8c-37d8-483b-9c6c-6b27e9afa9bc" providerId="ADAL" clId="{BF04C754-5BF4-4E83-9615-DB14FA25AF8A}" dt="2023-10-12T11:38:08.274" v="295"/>
          <ac:spMkLst>
            <pc:docMk/>
            <pc:sldMk cId="2376958513" sldId="260"/>
            <ac:spMk id="4721" creationId="{5122FBFB-4731-CDCE-0B9E-625384F08DD2}"/>
          </ac:spMkLst>
        </pc:spChg>
        <pc:spChg chg="mod">
          <ac:chgData name="White, Alex" userId="eff6cc8c-37d8-483b-9c6c-6b27e9afa9bc" providerId="ADAL" clId="{BF04C754-5BF4-4E83-9615-DB14FA25AF8A}" dt="2023-10-12T11:38:08.274" v="295"/>
          <ac:spMkLst>
            <pc:docMk/>
            <pc:sldMk cId="2376958513" sldId="260"/>
            <ac:spMk id="4722" creationId="{7CF2FA8E-468C-84DC-FAB7-14EA1E5522AA}"/>
          </ac:spMkLst>
        </pc:spChg>
        <pc:spChg chg="mod">
          <ac:chgData name="White, Alex" userId="eff6cc8c-37d8-483b-9c6c-6b27e9afa9bc" providerId="ADAL" clId="{BF04C754-5BF4-4E83-9615-DB14FA25AF8A}" dt="2023-10-12T11:38:08.274" v="295"/>
          <ac:spMkLst>
            <pc:docMk/>
            <pc:sldMk cId="2376958513" sldId="260"/>
            <ac:spMk id="4723" creationId="{033DDD65-7B7B-C2C3-04E3-24201E2A0B11}"/>
          </ac:spMkLst>
        </pc:spChg>
        <pc:spChg chg="mod">
          <ac:chgData name="White, Alex" userId="eff6cc8c-37d8-483b-9c6c-6b27e9afa9bc" providerId="ADAL" clId="{BF04C754-5BF4-4E83-9615-DB14FA25AF8A}" dt="2023-10-12T11:38:08.274" v="295"/>
          <ac:spMkLst>
            <pc:docMk/>
            <pc:sldMk cId="2376958513" sldId="260"/>
            <ac:spMk id="4724" creationId="{C3DB9F50-3253-40C8-5DDB-FFC160B14337}"/>
          </ac:spMkLst>
        </pc:spChg>
        <pc:spChg chg="mod">
          <ac:chgData name="White, Alex" userId="eff6cc8c-37d8-483b-9c6c-6b27e9afa9bc" providerId="ADAL" clId="{BF04C754-5BF4-4E83-9615-DB14FA25AF8A}" dt="2023-10-12T11:38:08.274" v="295"/>
          <ac:spMkLst>
            <pc:docMk/>
            <pc:sldMk cId="2376958513" sldId="260"/>
            <ac:spMk id="4725" creationId="{F546FDC3-E249-4F6F-3034-03695BA54BE8}"/>
          </ac:spMkLst>
        </pc:spChg>
        <pc:spChg chg="mod">
          <ac:chgData name="White, Alex" userId="eff6cc8c-37d8-483b-9c6c-6b27e9afa9bc" providerId="ADAL" clId="{BF04C754-5BF4-4E83-9615-DB14FA25AF8A}" dt="2023-10-12T11:38:08.274" v="295"/>
          <ac:spMkLst>
            <pc:docMk/>
            <pc:sldMk cId="2376958513" sldId="260"/>
            <ac:spMk id="4726" creationId="{59633E4F-AE1C-4996-007A-7F8A643F7EA1}"/>
          </ac:spMkLst>
        </pc:spChg>
        <pc:spChg chg="mod">
          <ac:chgData name="White, Alex" userId="eff6cc8c-37d8-483b-9c6c-6b27e9afa9bc" providerId="ADAL" clId="{BF04C754-5BF4-4E83-9615-DB14FA25AF8A}" dt="2023-10-12T11:38:08.274" v="295"/>
          <ac:spMkLst>
            <pc:docMk/>
            <pc:sldMk cId="2376958513" sldId="260"/>
            <ac:spMk id="4727" creationId="{4FA837B1-4F40-943E-BFE6-619F2950E646}"/>
          </ac:spMkLst>
        </pc:spChg>
        <pc:spChg chg="mod">
          <ac:chgData name="White, Alex" userId="eff6cc8c-37d8-483b-9c6c-6b27e9afa9bc" providerId="ADAL" clId="{BF04C754-5BF4-4E83-9615-DB14FA25AF8A}" dt="2023-10-12T11:38:08.274" v="295"/>
          <ac:spMkLst>
            <pc:docMk/>
            <pc:sldMk cId="2376958513" sldId="260"/>
            <ac:spMk id="4728" creationId="{36562F71-D425-F045-75BD-692C493414E8}"/>
          </ac:spMkLst>
        </pc:spChg>
        <pc:spChg chg="mod">
          <ac:chgData name="White, Alex" userId="eff6cc8c-37d8-483b-9c6c-6b27e9afa9bc" providerId="ADAL" clId="{BF04C754-5BF4-4E83-9615-DB14FA25AF8A}" dt="2023-10-12T11:38:08.274" v="295"/>
          <ac:spMkLst>
            <pc:docMk/>
            <pc:sldMk cId="2376958513" sldId="260"/>
            <ac:spMk id="4729" creationId="{2390553A-4775-5708-1FF7-B4E90F1D7146}"/>
          </ac:spMkLst>
        </pc:spChg>
        <pc:spChg chg="mod">
          <ac:chgData name="White, Alex" userId="eff6cc8c-37d8-483b-9c6c-6b27e9afa9bc" providerId="ADAL" clId="{BF04C754-5BF4-4E83-9615-DB14FA25AF8A}" dt="2023-10-12T11:38:08.274" v="295"/>
          <ac:spMkLst>
            <pc:docMk/>
            <pc:sldMk cId="2376958513" sldId="260"/>
            <ac:spMk id="4730" creationId="{14108F7B-39EF-4279-D26E-E101B0C8EB67}"/>
          </ac:spMkLst>
        </pc:spChg>
        <pc:spChg chg="mod">
          <ac:chgData name="White, Alex" userId="eff6cc8c-37d8-483b-9c6c-6b27e9afa9bc" providerId="ADAL" clId="{BF04C754-5BF4-4E83-9615-DB14FA25AF8A}" dt="2023-10-12T11:38:08.274" v="295"/>
          <ac:spMkLst>
            <pc:docMk/>
            <pc:sldMk cId="2376958513" sldId="260"/>
            <ac:spMk id="4731" creationId="{EDEB5B4C-348E-03DD-8628-CA86227E1543}"/>
          </ac:spMkLst>
        </pc:spChg>
        <pc:spChg chg="mod">
          <ac:chgData name="White, Alex" userId="eff6cc8c-37d8-483b-9c6c-6b27e9afa9bc" providerId="ADAL" clId="{BF04C754-5BF4-4E83-9615-DB14FA25AF8A}" dt="2023-10-12T11:38:08.274" v="295"/>
          <ac:spMkLst>
            <pc:docMk/>
            <pc:sldMk cId="2376958513" sldId="260"/>
            <ac:spMk id="4732" creationId="{947178E1-3759-A715-CC33-17231C32306E}"/>
          </ac:spMkLst>
        </pc:spChg>
        <pc:spChg chg="mod">
          <ac:chgData name="White, Alex" userId="eff6cc8c-37d8-483b-9c6c-6b27e9afa9bc" providerId="ADAL" clId="{BF04C754-5BF4-4E83-9615-DB14FA25AF8A}" dt="2023-10-12T11:38:08.274" v="295"/>
          <ac:spMkLst>
            <pc:docMk/>
            <pc:sldMk cId="2376958513" sldId="260"/>
            <ac:spMk id="4733" creationId="{F24C43FB-F3CE-5B5B-E48B-2452D5C56552}"/>
          </ac:spMkLst>
        </pc:spChg>
        <pc:spChg chg="mod">
          <ac:chgData name="White, Alex" userId="eff6cc8c-37d8-483b-9c6c-6b27e9afa9bc" providerId="ADAL" clId="{BF04C754-5BF4-4E83-9615-DB14FA25AF8A}" dt="2023-10-12T11:38:08.274" v="295"/>
          <ac:spMkLst>
            <pc:docMk/>
            <pc:sldMk cId="2376958513" sldId="260"/>
            <ac:spMk id="4734" creationId="{EB231926-6002-24FF-6996-89FA005FC8A2}"/>
          </ac:spMkLst>
        </pc:spChg>
        <pc:spChg chg="mod">
          <ac:chgData name="White, Alex" userId="eff6cc8c-37d8-483b-9c6c-6b27e9afa9bc" providerId="ADAL" clId="{BF04C754-5BF4-4E83-9615-DB14FA25AF8A}" dt="2023-10-12T11:38:08.274" v="295"/>
          <ac:spMkLst>
            <pc:docMk/>
            <pc:sldMk cId="2376958513" sldId="260"/>
            <ac:spMk id="4735" creationId="{111C8EA2-0577-573B-371F-2E58AF7A0652}"/>
          </ac:spMkLst>
        </pc:spChg>
        <pc:spChg chg="mod">
          <ac:chgData name="White, Alex" userId="eff6cc8c-37d8-483b-9c6c-6b27e9afa9bc" providerId="ADAL" clId="{BF04C754-5BF4-4E83-9615-DB14FA25AF8A}" dt="2023-10-12T11:38:08.274" v="295"/>
          <ac:spMkLst>
            <pc:docMk/>
            <pc:sldMk cId="2376958513" sldId="260"/>
            <ac:spMk id="4736" creationId="{D18BDA11-6DA0-10FC-11B2-1DEF37A6F4DB}"/>
          </ac:spMkLst>
        </pc:spChg>
        <pc:spChg chg="mod">
          <ac:chgData name="White, Alex" userId="eff6cc8c-37d8-483b-9c6c-6b27e9afa9bc" providerId="ADAL" clId="{BF04C754-5BF4-4E83-9615-DB14FA25AF8A}" dt="2023-10-12T11:38:08.274" v="295"/>
          <ac:spMkLst>
            <pc:docMk/>
            <pc:sldMk cId="2376958513" sldId="260"/>
            <ac:spMk id="4737" creationId="{6AAEFEB6-255D-D61C-36C3-4EF0589F9BC4}"/>
          </ac:spMkLst>
        </pc:spChg>
        <pc:spChg chg="mod">
          <ac:chgData name="White, Alex" userId="eff6cc8c-37d8-483b-9c6c-6b27e9afa9bc" providerId="ADAL" clId="{BF04C754-5BF4-4E83-9615-DB14FA25AF8A}" dt="2023-10-12T11:38:08.274" v="295"/>
          <ac:spMkLst>
            <pc:docMk/>
            <pc:sldMk cId="2376958513" sldId="260"/>
            <ac:spMk id="4738" creationId="{2131C570-8178-BFD6-6FE1-E08B104A11D1}"/>
          </ac:spMkLst>
        </pc:spChg>
        <pc:spChg chg="mod">
          <ac:chgData name="White, Alex" userId="eff6cc8c-37d8-483b-9c6c-6b27e9afa9bc" providerId="ADAL" clId="{BF04C754-5BF4-4E83-9615-DB14FA25AF8A}" dt="2023-10-12T11:38:08.274" v="295"/>
          <ac:spMkLst>
            <pc:docMk/>
            <pc:sldMk cId="2376958513" sldId="260"/>
            <ac:spMk id="4739" creationId="{0E36389C-307D-DFE9-3683-88BCA94F9019}"/>
          </ac:spMkLst>
        </pc:spChg>
        <pc:spChg chg="mod">
          <ac:chgData name="White, Alex" userId="eff6cc8c-37d8-483b-9c6c-6b27e9afa9bc" providerId="ADAL" clId="{BF04C754-5BF4-4E83-9615-DB14FA25AF8A}" dt="2023-10-12T11:38:08.274" v="295"/>
          <ac:spMkLst>
            <pc:docMk/>
            <pc:sldMk cId="2376958513" sldId="260"/>
            <ac:spMk id="4740" creationId="{0024B0E7-B1B1-CD05-8693-5B907933FE1D}"/>
          </ac:spMkLst>
        </pc:spChg>
        <pc:spChg chg="mod">
          <ac:chgData name="White, Alex" userId="eff6cc8c-37d8-483b-9c6c-6b27e9afa9bc" providerId="ADAL" clId="{BF04C754-5BF4-4E83-9615-DB14FA25AF8A}" dt="2023-10-12T11:38:08.274" v="295"/>
          <ac:spMkLst>
            <pc:docMk/>
            <pc:sldMk cId="2376958513" sldId="260"/>
            <ac:spMk id="4741" creationId="{16F1A9F4-67A8-BEA7-8ADC-FB3857EA5E5D}"/>
          </ac:spMkLst>
        </pc:spChg>
        <pc:spChg chg="mod">
          <ac:chgData name="White, Alex" userId="eff6cc8c-37d8-483b-9c6c-6b27e9afa9bc" providerId="ADAL" clId="{BF04C754-5BF4-4E83-9615-DB14FA25AF8A}" dt="2023-10-12T11:38:08.274" v="295"/>
          <ac:spMkLst>
            <pc:docMk/>
            <pc:sldMk cId="2376958513" sldId="260"/>
            <ac:spMk id="4742" creationId="{2ABAB2F4-C907-759A-14CC-88BA9BBFCA6B}"/>
          </ac:spMkLst>
        </pc:spChg>
        <pc:spChg chg="mod">
          <ac:chgData name="White, Alex" userId="eff6cc8c-37d8-483b-9c6c-6b27e9afa9bc" providerId="ADAL" clId="{BF04C754-5BF4-4E83-9615-DB14FA25AF8A}" dt="2023-10-12T11:38:08.274" v="295"/>
          <ac:spMkLst>
            <pc:docMk/>
            <pc:sldMk cId="2376958513" sldId="260"/>
            <ac:spMk id="4743" creationId="{DF9EA79B-4008-67B7-60B9-A30EE3168B56}"/>
          </ac:spMkLst>
        </pc:spChg>
        <pc:spChg chg="mod">
          <ac:chgData name="White, Alex" userId="eff6cc8c-37d8-483b-9c6c-6b27e9afa9bc" providerId="ADAL" clId="{BF04C754-5BF4-4E83-9615-DB14FA25AF8A}" dt="2023-10-12T11:38:08.274" v="295"/>
          <ac:spMkLst>
            <pc:docMk/>
            <pc:sldMk cId="2376958513" sldId="260"/>
            <ac:spMk id="4744" creationId="{2210BBFE-3B9B-9926-13A5-89B8A3CB71AB}"/>
          </ac:spMkLst>
        </pc:spChg>
        <pc:spChg chg="mod">
          <ac:chgData name="White, Alex" userId="eff6cc8c-37d8-483b-9c6c-6b27e9afa9bc" providerId="ADAL" clId="{BF04C754-5BF4-4E83-9615-DB14FA25AF8A}" dt="2023-10-12T11:38:08.274" v="295"/>
          <ac:spMkLst>
            <pc:docMk/>
            <pc:sldMk cId="2376958513" sldId="260"/>
            <ac:spMk id="4745" creationId="{D14A4155-DD20-B0EC-A4E9-7A252181F520}"/>
          </ac:spMkLst>
        </pc:spChg>
        <pc:spChg chg="mod">
          <ac:chgData name="White, Alex" userId="eff6cc8c-37d8-483b-9c6c-6b27e9afa9bc" providerId="ADAL" clId="{BF04C754-5BF4-4E83-9615-DB14FA25AF8A}" dt="2023-10-12T11:38:08.274" v="295"/>
          <ac:spMkLst>
            <pc:docMk/>
            <pc:sldMk cId="2376958513" sldId="260"/>
            <ac:spMk id="4746" creationId="{65CBEAA6-43FF-13F3-1839-7B0909E50448}"/>
          </ac:spMkLst>
        </pc:spChg>
        <pc:spChg chg="mod">
          <ac:chgData name="White, Alex" userId="eff6cc8c-37d8-483b-9c6c-6b27e9afa9bc" providerId="ADAL" clId="{BF04C754-5BF4-4E83-9615-DB14FA25AF8A}" dt="2023-10-12T11:38:08.274" v="295"/>
          <ac:spMkLst>
            <pc:docMk/>
            <pc:sldMk cId="2376958513" sldId="260"/>
            <ac:spMk id="4747" creationId="{40873BF4-1EF5-9B78-3CA2-4AA266979ADD}"/>
          </ac:spMkLst>
        </pc:spChg>
        <pc:spChg chg="mod">
          <ac:chgData name="White, Alex" userId="eff6cc8c-37d8-483b-9c6c-6b27e9afa9bc" providerId="ADAL" clId="{BF04C754-5BF4-4E83-9615-DB14FA25AF8A}" dt="2023-10-12T11:38:08.274" v="295"/>
          <ac:spMkLst>
            <pc:docMk/>
            <pc:sldMk cId="2376958513" sldId="260"/>
            <ac:spMk id="4748" creationId="{54A27A76-74F7-723D-DC27-5AE405F7A53E}"/>
          </ac:spMkLst>
        </pc:spChg>
        <pc:spChg chg="mod">
          <ac:chgData name="White, Alex" userId="eff6cc8c-37d8-483b-9c6c-6b27e9afa9bc" providerId="ADAL" clId="{BF04C754-5BF4-4E83-9615-DB14FA25AF8A}" dt="2023-10-12T11:38:08.274" v="295"/>
          <ac:spMkLst>
            <pc:docMk/>
            <pc:sldMk cId="2376958513" sldId="260"/>
            <ac:spMk id="4749" creationId="{12D37026-177B-1C11-B51F-6B520791FC1F}"/>
          </ac:spMkLst>
        </pc:spChg>
        <pc:spChg chg="mod">
          <ac:chgData name="White, Alex" userId="eff6cc8c-37d8-483b-9c6c-6b27e9afa9bc" providerId="ADAL" clId="{BF04C754-5BF4-4E83-9615-DB14FA25AF8A}" dt="2023-10-12T11:38:08.274" v="295"/>
          <ac:spMkLst>
            <pc:docMk/>
            <pc:sldMk cId="2376958513" sldId="260"/>
            <ac:spMk id="4750" creationId="{C695ABF2-A92F-FB82-95E4-6C538517E93D}"/>
          </ac:spMkLst>
        </pc:spChg>
        <pc:spChg chg="mod">
          <ac:chgData name="White, Alex" userId="eff6cc8c-37d8-483b-9c6c-6b27e9afa9bc" providerId="ADAL" clId="{BF04C754-5BF4-4E83-9615-DB14FA25AF8A}" dt="2023-10-12T11:38:08.274" v="295"/>
          <ac:spMkLst>
            <pc:docMk/>
            <pc:sldMk cId="2376958513" sldId="260"/>
            <ac:spMk id="4751" creationId="{FAF13BDE-F65E-A075-0F5A-0AF5DFE9F042}"/>
          </ac:spMkLst>
        </pc:spChg>
        <pc:spChg chg="mod">
          <ac:chgData name="White, Alex" userId="eff6cc8c-37d8-483b-9c6c-6b27e9afa9bc" providerId="ADAL" clId="{BF04C754-5BF4-4E83-9615-DB14FA25AF8A}" dt="2023-10-12T11:38:08.274" v="295"/>
          <ac:spMkLst>
            <pc:docMk/>
            <pc:sldMk cId="2376958513" sldId="260"/>
            <ac:spMk id="4752" creationId="{950C10DA-4BDD-4936-1BAD-F7A2CD80DDFC}"/>
          </ac:spMkLst>
        </pc:spChg>
        <pc:spChg chg="mod">
          <ac:chgData name="White, Alex" userId="eff6cc8c-37d8-483b-9c6c-6b27e9afa9bc" providerId="ADAL" clId="{BF04C754-5BF4-4E83-9615-DB14FA25AF8A}" dt="2023-10-12T11:38:08.274" v="295"/>
          <ac:spMkLst>
            <pc:docMk/>
            <pc:sldMk cId="2376958513" sldId="260"/>
            <ac:spMk id="4753" creationId="{846CE094-08CD-52A8-C3A6-3C22E75328DA}"/>
          </ac:spMkLst>
        </pc:spChg>
        <pc:spChg chg="mod">
          <ac:chgData name="White, Alex" userId="eff6cc8c-37d8-483b-9c6c-6b27e9afa9bc" providerId="ADAL" clId="{BF04C754-5BF4-4E83-9615-DB14FA25AF8A}" dt="2023-10-12T11:38:08.274" v="295"/>
          <ac:spMkLst>
            <pc:docMk/>
            <pc:sldMk cId="2376958513" sldId="260"/>
            <ac:spMk id="4754" creationId="{75296B3E-4D2A-E9F5-CD4C-BD78F51C3B82}"/>
          </ac:spMkLst>
        </pc:spChg>
        <pc:spChg chg="mod">
          <ac:chgData name="White, Alex" userId="eff6cc8c-37d8-483b-9c6c-6b27e9afa9bc" providerId="ADAL" clId="{BF04C754-5BF4-4E83-9615-DB14FA25AF8A}" dt="2023-10-12T11:38:08.274" v="295"/>
          <ac:spMkLst>
            <pc:docMk/>
            <pc:sldMk cId="2376958513" sldId="260"/>
            <ac:spMk id="4755" creationId="{B4CD3C61-3320-19D8-1393-EEFEF116A98D}"/>
          </ac:spMkLst>
        </pc:spChg>
        <pc:spChg chg="mod">
          <ac:chgData name="White, Alex" userId="eff6cc8c-37d8-483b-9c6c-6b27e9afa9bc" providerId="ADAL" clId="{BF04C754-5BF4-4E83-9615-DB14FA25AF8A}" dt="2023-10-12T11:38:08.274" v="295"/>
          <ac:spMkLst>
            <pc:docMk/>
            <pc:sldMk cId="2376958513" sldId="260"/>
            <ac:spMk id="4756" creationId="{FEFB6545-407E-A137-A1E4-1D6793AF0A3E}"/>
          </ac:spMkLst>
        </pc:spChg>
        <pc:spChg chg="mod">
          <ac:chgData name="White, Alex" userId="eff6cc8c-37d8-483b-9c6c-6b27e9afa9bc" providerId="ADAL" clId="{BF04C754-5BF4-4E83-9615-DB14FA25AF8A}" dt="2023-10-12T11:38:08.274" v="295"/>
          <ac:spMkLst>
            <pc:docMk/>
            <pc:sldMk cId="2376958513" sldId="260"/>
            <ac:spMk id="4757" creationId="{ABE442FC-065E-3786-A807-B1F42D5CF09D}"/>
          </ac:spMkLst>
        </pc:spChg>
        <pc:spChg chg="mod">
          <ac:chgData name="White, Alex" userId="eff6cc8c-37d8-483b-9c6c-6b27e9afa9bc" providerId="ADAL" clId="{BF04C754-5BF4-4E83-9615-DB14FA25AF8A}" dt="2023-10-12T11:38:08.274" v="295"/>
          <ac:spMkLst>
            <pc:docMk/>
            <pc:sldMk cId="2376958513" sldId="260"/>
            <ac:spMk id="4758" creationId="{7BBDFDAA-D726-05F3-5644-EA4EA9B33A73}"/>
          </ac:spMkLst>
        </pc:spChg>
        <pc:spChg chg="mod">
          <ac:chgData name="White, Alex" userId="eff6cc8c-37d8-483b-9c6c-6b27e9afa9bc" providerId="ADAL" clId="{BF04C754-5BF4-4E83-9615-DB14FA25AF8A}" dt="2023-10-12T11:38:08.274" v="295"/>
          <ac:spMkLst>
            <pc:docMk/>
            <pc:sldMk cId="2376958513" sldId="260"/>
            <ac:spMk id="4759" creationId="{0E54BD8F-7ED5-5B33-7AE8-834F38498CA6}"/>
          </ac:spMkLst>
        </pc:spChg>
        <pc:spChg chg="mod">
          <ac:chgData name="White, Alex" userId="eff6cc8c-37d8-483b-9c6c-6b27e9afa9bc" providerId="ADAL" clId="{BF04C754-5BF4-4E83-9615-DB14FA25AF8A}" dt="2023-10-12T11:38:08.274" v="295"/>
          <ac:spMkLst>
            <pc:docMk/>
            <pc:sldMk cId="2376958513" sldId="260"/>
            <ac:spMk id="4760" creationId="{55C85EC7-EEC9-6852-09D5-5F1B97FA6093}"/>
          </ac:spMkLst>
        </pc:spChg>
        <pc:spChg chg="mod">
          <ac:chgData name="White, Alex" userId="eff6cc8c-37d8-483b-9c6c-6b27e9afa9bc" providerId="ADAL" clId="{BF04C754-5BF4-4E83-9615-DB14FA25AF8A}" dt="2023-10-12T11:38:08.274" v="295"/>
          <ac:spMkLst>
            <pc:docMk/>
            <pc:sldMk cId="2376958513" sldId="260"/>
            <ac:spMk id="4761" creationId="{92B4BAEC-F7F2-596E-1BCE-E263A936F340}"/>
          </ac:spMkLst>
        </pc:spChg>
        <pc:spChg chg="mod">
          <ac:chgData name="White, Alex" userId="eff6cc8c-37d8-483b-9c6c-6b27e9afa9bc" providerId="ADAL" clId="{BF04C754-5BF4-4E83-9615-DB14FA25AF8A}" dt="2023-10-12T11:38:08.274" v="295"/>
          <ac:spMkLst>
            <pc:docMk/>
            <pc:sldMk cId="2376958513" sldId="260"/>
            <ac:spMk id="4762" creationId="{2A0BF60F-5B38-C041-EFF5-2DB51835EF2E}"/>
          </ac:spMkLst>
        </pc:spChg>
        <pc:spChg chg="mod">
          <ac:chgData name="White, Alex" userId="eff6cc8c-37d8-483b-9c6c-6b27e9afa9bc" providerId="ADAL" clId="{BF04C754-5BF4-4E83-9615-DB14FA25AF8A}" dt="2023-10-12T11:38:08.274" v="295"/>
          <ac:spMkLst>
            <pc:docMk/>
            <pc:sldMk cId="2376958513" sldId="260"/>
            <ac:spMk id="4763" creationId="{3AE0864E-CB24-E72C-FD0E-5517F458191D}"/>
          </ac:spMkLst>
        </pc:spChg>
        <pc:spChg chg="mod">
          <ac:chgData name="White, Alex" userId="eff6cc8c-37d8-483b-9c6c-6b27e9afa9bc" providerId="ADAL" clId="{BF04C754-5BF4-4E83-9615-DB14FA25AF8A}" dt="2023-10-12T11:38:08.274" v="295"/>
          <ac:spMkLst>
            <pc:docMk/>
            <pc:sldMk cId="2376958513" sldId="260"/>
            <ac:spMk id="4764" creationId="{6EEB7C84-1BB1-4CF2-522D-C942E703F377}"/>
          </ac:spMkLst>
        </pc:spChg>
        <pc:spChg chg="mod">
          <ac:chgData name="White, Alex" userId="eff6cc8c-37d8-483b-9c6c-6b27e9afa9bc" providerId="ADAL" clId="{BF04C754-5BF4-4E83-9615-DB14FA25AF8A}" dt="2023-10-12T11:38:08.274" v="295"/>
          <ac:spMkLst>
            <pc:docMk/>
            <pc:sldMk cId="2376958513" sldId="260"/>
            <ac:spMk id="4765" creationId="{24984EE6-0303-EB26-431C-768410D2A949}"/>
          </ac:spMkLst>
        </pc:spChg>
        <pc:spChg chg="mod">
          <ac:chgData name="White, Alex" userId="eff6cc8c-37d8-483b-9c6c-6b27e9afa9bc" providerId="ADAL" clId="{BF04C754-5BF4-4E83-9615-DB14FA25AF8A}" dt="2023-10-12T11:38:08.274" v="295"/>
          <ac:spMkLst>
            <pc:docMk/>
            <pc:sldMk cId="2376958513" sldId="260"/>
            <ac:spMk id="4766" creationId="{C353A4E0-C2C2-0D48-A16B-D2558CDC786B}"/>
          </ac:spMkLst>
        </pc:spChg>
        <pc:spChg chg="mod">
          <ac:chgData name="White, Alex" userId="eff6cc8c-37d8-483b-9c6c-6b27e9afa9bc" providerId="ADAL" clId="{BF04C754-5BF4-4E83-9615-DB14FA25AF8A}" dt="2023-10-12T11:38:08.274" v="295"/>
          <ac:spMkLst>
            <pc:docMk/>
            <pc:sldMk cId="2376958513" sldId="260"/>
            <ac:spMk id="4767" creationId="{C6528CD0-F8CA-261C-C0E5-1DC443D6C049}"/>
          </ac:spMkLst>
        </pc:spChg>
        <pc:spChg chg="mod">
          <ac:chgData name="White, Alex" userId="eff6cc8c-37d8-483b-9c6c-6b27e9afa9bc" providerId="ADAL" clId="{BF04C754-5BF4-4E83-9615-DB14FA25AF8A}" dt="2023-10-12T11:38:08.274" v="295"/>
          <ac:spMkLst>
            <pc:docMk/>
            <pc:sldMk cId="2376958513" sldId="260"/>
            <ac:spMk id="4768" creationId="{F5B924A6-26C8-130F-01AC-3452F11086A9}"/>
          </ac:spMkLst>
        </pc:spChg>
        <pc:spChg chg="mod">
          <ac:chgData name="White, Alex" userId="eff6cc8c-37d8-483b-9c6c-6b27e9afa9bc" providerId="ADAL" clId="{BF04C754-5BF4-4E83-9615-DB14FA25AF8A}" dt="2023-10-12T11:38:08.274" v="295"/>
          <ac:spMkLst>
            <pc:docMk/>
            <pc:sldMk cId="2376958513" sldId="260"/>
            <ac:spMk id="4769" creationId="{2E4F9141-1470-B79F-29AB-4C784908E842}"/>
          </ac:spMkLst>
        </pc:spChg>
        <pc:spChg chg="mod">
          <ac:chgData name="White, Alex" userId="eff6cc8c-37d8-483b-9c6c-6b27e9afa9bc" providerId="ADAL" clId="{BF04C754-5BF4-4E83-9615-DB14FA25AF8A}" dt="2023-10-12T11:38:08.274" v="295"/>
          <ac:spMkLst>
            <pc:docMk/>
            <pc:sldMk cId="2376958513" sldId="260"/>
            <ac:spMk id="4770" creationId="{A2C84B31-4AB3-BC82-EE92-24DE4E52776D}"/>
          </ac:spMkLst>
        </pc:spChg>
        <pc:spChg chg="mod">
          <ac:chgData name="White, Alex" userId="eff6cc8c-37d8-483b-9c6c-6b27e9afa9bc" providerId="ADAL" clId="{BF04C754-5BF4-4E83-9615-DB14FA25AF8A}" dt="2023-10-12T11:38:08.274" v="295"/>
          <ac:spMkLst>
            <pc:docMk/>
            <pc:sldMk cId="2376958513" sldId="260"/>
            <ac:spMk id="4771" creationId="{190C0F04-BF2A-A872-13B6-641335D56A49}"/>
          </ac:spMkLst>
        </pc:spChg>
        <pc:spChg chg="mod">
          <ac:chgData name="White, Alex" userId="eff6cc8c-37d8-483b-9c6c-6b27e9afa9bc" providerId="ADAL" clId="{BF04C754-5BF4-4E83-9615-DB14FA25AF8A}" dt="2023-10-12T11:38:08.274" v="295"/>
          <ac:spMkLst>
            <pc:docMk/>
            <pc:sldMk cId="2376958513" sldId="260"/>
            <ac:spMk id="4772" creationId="{3222448B-D75A-A014-4252-A4A16CBDF363}"/>
          </ac:spMkLst>
        </pc:spChg>
        <pc:spChg chg="mod">
          <ac:chgData name="White, Alex" userId="eff6cc8c-37d8-483b-9c6c-6b27e9afa9bc" providerId="ADAL" clId="{BF04C754-5BF4-4E83-9615-DB14FA25AF8A}" dt="2023-10-12T11:38:08.274" v="295"/>
          <ac:spMkLst>
            <pc:docMk/>
            <pc:sldMk cId="2376958513" sldId="260"/>
            <ac:spMk id="4773" creationId="{6473B27E-26E4-CD60-698D-709CEC1179BB}"/>
          </ac:spMkLst>
        </pc:spChg>
        <pc:spChg chg="mod">
          <ac:chgData name="White, Alex" userId="eff6cc8c-37d8-483b-9c6c-6b27e9afa9bc" providerId="ADAL" clId="{BF04C754-5BF4-4E83-9615-DB14FA25AF8A}" dt="2023-10-12T11:38:08.274" v="295"/>
          <ac:spMkLst>
            <pc:docMk/>
            <pc:sldMk cId="2376958513" sldId="260"/>
            <ac:spMk id="4774" creationId="{9D7C0617-02B8-8048-4A2F-34E6854303E3}"/>
          </ac:spMkLst>
        </pc:spChg>
        <pc:spChg chg="mod">
          <ac:chgData name="White, Alex" userId="eff6cc8c-37d8-483b-9c6c-6b27e9afa9bc" providerId="ADAL" clId="{BF04C754-5BF4-4E83-9615-DB14FA25AF8A}" dt="2023-10-12T11:38:08.274" v="295"/>
          <ac:spMkLst>
            <pc:docMk/>
            <pc:sldMk cId="2376958513" sldId="260"/>
            <ac:spMk id="4775" creationId="{CD5FE8A3-90D7-0E48-4D67-163AE23EBB9F}"/>
          </ac:spMkLst>
        </pc:spChg>
        <pc:spChg chg="mod">
          <ac:chgData name="White, Alex" userId="eff6cc8c-37d8-483b-9c6c-6b27e9afa9bc" providerId="ADAL" clId="{BF04C754-5BF4-4E83-9615-DB14FA25AF8A}" dt="2023-10-12T11:38:08.274" v="295"/>
          <ac:spMkLst>
            <pc:docMk/>
            <pc:sldMk cId="2376958513" sldId="260"/>
            <ac:spMk id="4776" creationId="{6EB1FE7C-A93B-5B3C-25B6-C019B9DD8774}"/>
          </ac:spMkLst>
        </pc:spChg>
        <pc:spChg chg="mod">
          <ac:chgData name="White, Alex" userId="eff6cc8c-37d8-483b-9c6c-6b27e9afa9bc" providerId="ADAL" clId="{BF04C754-5BF4-4E83-9615-DB14FA25AF8A}" dt="2023-10-12T11:38:08.274" v="295"/>
          <ac:spMkLst>
            <pc:docMk/>
            <pc:sldMk cId="2376958513" sldId="260"/>
            <ac:spMk id="4777" creationId="{CED51929-1DA1-293B-380A-28533A8BA043}"/>
          </ac:spMkLst>
        </pc:spChg>
        <pc:spChg chg="mod">
          <ac:chgData name="White, Alex" userId="eff6cc8c-37d8-483b-9c6c-6b27e9afa9bc" providerId="ADAL" clId="{BF04C754-5BF4-4E83-9615-DB14FA25AF8A}" dt="2023-10-12T11:38:08.274" v="295"/>
          <ac:spMkLst>
            <pc:docMk/>
            <pc:sldMk cId="2376958513" sldId="260"/>
            <ac:spMk id="4778" creationId="{DFB75476-F3B6-C99F-35E6-DB6B8E21444A}"/>
          </ac:spMkLst>
        </pc:spChg>
        <pc:spChg chg="mod">
          <ac:chgData name="White, Alex" userId="eff6cc8c-37d8-483b-9c6c-6b27e9afa9bc" providerId="ADAL" clId="{BF04C754-5BF4-4E83-9615-DB14FA25AF8A}" dt="2023-10-12T11:38:08.274" v="295"/>
          <ac:spMkLst>
            <pc:docMk/>
            <pc:sldMk cId="2376958513" sldId="260"/>
            <ac:spMk id="4779" creationId="{2990C6E3-7B7A-1DA2-E832-57DB1C11F350}"/>
          </ac:spMkLst>
        </pc:spChg>
        <pc:spChg chg="mod">
          <ac:chgData name="White, Alex" userId="eff6cc8c-37d8-483b-9c6c-6b27e9afa9bc" providerId="ADAL" clId="{BF04C754-5BF4-4E83-9615-DB14FA25AF8A}" dt="2023-10-12T11:38:08.274" v="295"/>
          <ac:spMkLst>
            <pc:docMk/>
            <pc:sldMk cId="2376958513" sldId="260"/>
            <ac:spMk id="4780" creationId="{6288AD2E-B2A8-C872-306D-EE8C2CD5885A}"/>
          </ac:spMkLst>
        </pc:spChg>
        <pc:spChg chg="mod">
          <ac:chgData name="White, Alex" userId="eff6cc8c-37d8-483b-9c6c-6b27e9afa9bc" providerId="ADAL" clId="{BF04C754-5BF4-4E83-9615-DB14FA25AF8A}" dt="2023-10-12T11:38:08.274" v="295"/>
          <ac:spMkLst>
            <pc:docMk/>
            <pc:sldMk cId="2376958513" sldId="260"/>
            <ac:spMk id="4781" creationId="{233A2E5E-FC0A-B264-1C3E-D736B0DF09C1}"/>
          </ac:spMkLst>
        </pc:spChg>
        <pc:spChg chg="mod">
          <ac:chgData name="White, Alex" userId="eff6cc8c-37d8-483b-9c6c-6b27e9afa9bc" providerId="ADAL" clId="{BF04C754-5BF4-4E83-9615-DB14FA25AF8A}" dt="2023-10-12T11:38:08.274" v="295"/>
          <ac:spMkLst>
            <pc:docMk/>
            <pc:sldMk cId="2376958513" sldId="260"/>
            <ac:spMk id="4782" creationId="{644398CB-D3C5-1935-8BD7-18E591F49FCF}"/>
          </ac:spMkLst>
        </pc:spChg>
        <pc:spChg chg="mod">
          <ac:chgData name="White, Alex" userId="eff6cc8c-37d8-483b-9c6c-6b27e9afa9bc" providerId="ADAL" clId="{BF04C754-5BF4-4E83-9615-DB14FA25AF8A}" dt="2023-10-12T11:38:08.274" v="295"/>
          <ac:spMkLst>
            <pc:docMk/>
            <pc:sldMk cId="2376958513" sldId="260"/>
            <ac:spMk id="4783" creationId="{C58DD91B-1C52-4C24-2141-200E6D2DF11F}"/>
          </ac:spMkLst>
        </pc:spChg>
        <pc:spChg chg="mod">
          <ac:chgData name="White, Alex" userId="eff6cc8c-37d8-483b-9c6c-6b27e9afa9bc" providerId="ADAL" clId="{BF04C754-5BF4-4E83-9615-DB14FA25AF8A}" dt="2023-10-12T11:38:08.274" v="295"/>
          <ac:spMkLst>
            <pc:docMk/>
            <pc:sldMk cId="2376958513" sldId="260"/>
            <ac:spMk id="4784" creationId="{2252E1E4-389E-F3BF-9EA5-DA35C2BCE8D7}"/>
          </ac:spMkLst>
        </pc:spChg>
        <pc:spChg chg="mod">
          <ac:chgData name="White, Alex" userId="eff6cc8c-37d8-483b-9c6c-6b27e9afa9bc" providerId="ADAL" clId="{BF04C754-5BF4-4E83-9615-DB14FA25AF8A}" dt="2023-10-12T11:38:08.274" v="295"/>
          <ac:spMkLst>
            <pc:docMk/>
            <pc:sldMk cId="2376958513" sldId="260"/>
            <ac:spMk id="4785" creationId="{91D74085-8ED2-8B2C-8280-F2E502D7B020}"/>
          </ac:spMkLst>
        </pc:spChg>
        <pc:spChg chg="mod">
          <ac:chgData name="White, Alex" userId="eff6cc8c-37d8-483b-9c6c-6b27e9afa9bc" providerId="ADAL" clId="{BF04C754-5BF4-4E83-9615-DB14FA25AF8A}" dt="2023-10-12T11:38:08.274" v="295"/>
          <ac:spMkLst>
            <pc:docMk/>
            <pc:sldMk cId="2376958513" sldId="260"/>
            <ac:spMk id="4786" creationId="{68F166C4-83FF-6CCD-F6CD-00F259D10049}"/>
          </ac:spMkLst>
        </pc:spChg>
        <pc:spChg chg="mod">
          <ac:chgData name="White, Alex" userId="eff6cc8c-37d8-483b-9c6c-6b27e9afa9bc" providerId="ADAL" clId="{BF04C754-5BF4-4E83-9615-DB14FA25AF8A}" dt="2023-10-12T11:38:08.274" v="295"/>
          <ac:spMkLst>
            <pc:docMk/>
            <pc:sldMk cId="2376958513" sldId="260"/>
            <ac:spMk id="4787" creationId="{51B3D886-17F2-CA3C-B0E8-E05B23AA8F1C}"/>
          </ac:spMkLst>
        </pc:spChg>
        <pc:spChg chg="mod">
          <ac:chgData name="White, Alex" userId="eff6cc8c-37d8-483b-9c6c-6b27e9afa9bc" providerId="ADAL" clId="{BF04C754-5BF4-4E83-9615-DB14FA25AF8A}" dt="2023-10-12T11:38:08.274" v="295"/>
          <ac:spMkLst>
            <pc:docMk/>
            <pc:sldMk cId="2376958513" sldId="260"/>
            <ac:spMk id="4788" creationId="{580748A4-A887-C780-296E-B28B2EF28EF7}"/>
          </ac:spMkLst>
        </pc:spChg>
        <pc:spChg chg="mod">
          <ac:chgData name="White, Alex" userId="eff6cc8c-37d8-483b-9c6c-6b27e9afa9bc" providerId="ADAL" clId="{BF04C754-5BF4-4E83-9615-DB14FA25AF8A}" dt="2023-10-12T11:38:08.274" v="295"/>
          <ac:spMkLst>
            <pc:docMk/>
            <pc:sldMk cId="2376958513" sldId="260"/>
            <ac:spMk id="4789" creationId="{E319B9AA-020F-EE4B-2C42-6B216C598F06}"/>
          </ac:spMkLst>
        </pc:spChg>
        <pc:spChg chg="mod">
          <ac:chgData name="White, Alex" userId="eff6cc8c-37d8-483b-9c6c-6b27e9afa9bc" providerId="ADAL" clId="{BF04C754-5BF4-4E83-9615-DB14FA25AF8A}" dt="2023-10-12T11:38:08.274" v="295"/>
          <ac:spMkLst>
            <pc:docMk/>
            <pc:sldMk cId="2376958513" sldId="260"/>
            <ac:spMk id="4790" creationId="{3648DEA3-3F44-7800-D49E-41975D972028}"/>
          </ac:spMkLst>
        </pc:spChg>
        <pc:spChg chg="mod">
          <ac:chgData name="White, Alex" userId="eff6cc8c-37d8-483b-9c6c-6b27e9afa9bc" providerId="ADAL" clId="{BF04C754-5BF4-4E83-9615-DB14FA25AF8A}" dt="2023-10-12T11:38:08.274" v="295"/>
          <ac:spMkLst>
            <pc:docMk/>
            <pc:sldMk cId="2376958513" sldId="260"/>
            <ac:spMk id="4791" creationId="{B91F722C-DE0E-17FC-2E5A-BA7DD5CEDBC0}"/>
          </ac:spMkLst>
        </pc:spChg>
        <pc:spChg chg="mod">
          <ac:chgData name="White, Alex" userId="eff6cc8c-37d8-483b-9c6c-6b27e9afa9bc" providerId="ADAL" clId="{BF04C754-5BF4-4E83-9615-DB14FA25AF8A}" dt="2023-10-12T11:38:08.274" v="295"/>
          <ac:spMkLst>
            <pc:docMk/>
            <pc:sldMk cId="2376958513" sldId="260"/>
            <ac:spMk id="4792" creationId="{5CA8C233-525E-A7FD-CED0-F73468BEE432}"/>
          </ac:spMkLst>
        </pc:spChg>
        <pc:spChg chg="mod">
          <ac:chgData name="White, Alex" userId="eff6cc8c-37d8-483b-9c6c-6b27e9afa9bc" providerId="ADAL" clId="{BF04C754-5BF4-4E83-9615-DB14FA25AF8A}" dt="2023-10-12T11:38:08.274" v="295"/>
          <ac:spMkLst>
            <pc:docMk/>
            <pc:sldMk cId="2376958513" sldId="260"/>
            <ac:spMk id="4793" creationId="{F1B7538A-100A-BD37-D246-587ECF93E2D7}"/>
          </ac:spMkLst>
        </pc:spChg>
        <pc:spChg chg="mod">
          <ac:chgData name="White, Alex" userId="eff6cc8c-37d8-483b-9c6c-6b27e9afa9bc" providerId="ADAL" clId="{BF04C754-5BF4-4E83-9615-DB14FA25AF8A}" dt="2023-10-12T11:38:08.274" v="295"/>
          <ac:spMkLst>
            <pc:docMk/>
            <pc:sldMk cId="2376958513" sldId="260"/>
            <ac:spMk id="4794" creationId="{E63A5CE0-5E74-A7C2-722C-369691921DAD}"/>
          </ac:spMkLst>
        </pc:spChg>
        <pc:spChg chg="mod">
          <ac:chgData name="White, Alex" userId="eff6cc8c-37d8-483b-9c6c-6b27e9afa9bc" providerId="ADAL" clId="{BF04C754-5BF4-4E83-9615-DB14FA25AF8A}" dt="2023-10-12T11:38:08.274" v="295"/>
          <ac:spMkLst>
            <pc:docMk/>
            <pc:sldMk cId="2376958513" sldId="260"/>
            <ac:spMk id="4795" creationId="{44F33EC0-AAEF-18A6-0A9A-57932D40BAE6}"/>
          </ac:spMkLst>
        </pc:spChg>
        <pc:spChg chg="mod">
          <ac:chgData name="White, Alex" userId="eff6cc8c-37d8-483b-9c6c-6b27e9afa9bc" providerId="ADAL" clId="{BF04C754-5BF4-4E83-9615-DB14FA25AF8A}" dt="2023-10-12T11:38:08.274" v="295"/>
          <ac:spMkLst>
            <pc:docMk/>
            <pc:sldMk cId="2376958513" sldId="260"/>
            <ac:spMk id="4796" creationId="{19E88C0E-4198-923D-A4CA-C3BFEE854A38}"/>
          </ac:spMkLst>
        </pc:spChg>
        <pc:spChg chg="mod">
          <ac:chgData name="White, Alex" userId="eff6cc8c-37d8-483b-9c6c-6b27e9afa9bc" providerId="ADAL" clId="{BF04C754-5BF4-4E83-9615-DB14FA25AF8A}" dt="2023-10-12T11:38:08.274" v="295"/>
          <ac:spMkLst>
            <pc:docMk/>
            <pc:sldMk cId="2376958513" sldId="260"/>
            <ac:spMk id="4797" creationId="{EF6B0F20-A06B-CC74-3638-56D36800FB0F}"/>
          </ac:spMkLst>
        </pc:spChg>
        <pc:spChg chg="mod">
          <ac:chgData name="White, Alex" userId="eff6cc8c-37d8-483b-9c6c-6b27e9afa9bc" providerId="ADAL" clId="{BF04C754-5BF4-4E83-9615-DB14FA25AF8A}" dt="2023-10-12T11:38:08.274" v="295"/>
          <ac:spMkLst>
            <pc:docMk/>
            <pc:sldMk cId="2376958513" sldId="260"/>
            <ac:spMk id="4798" creationId="{20949E1A-2A7F-FB01-73A4-FAF775AC7C29}"/>
          </ac:spMkLst>
        </pc:spChg>
        <pc:spChg chg="mod">
          <ac:chgData name="White, Alex" userId="eff6cc8c-37d8-483b-9c6c-6b27e9afa9bc" providerId="ADAL" clId="{BF04C754-5BF4-4E83-9615-DB14FA25AF8A}" dt="2023-10-12T11:38:08.274" v="295"/>
          <ac:spMkLst>
            <pc:docMk/>
            <pc:sldMk cId="2376958513" sldId="260"/>
            <ac:spMk id="4799" creationId="{8FDB6560-9C27-4E14-9307-871FAC4597F3}"/>
          </ac:spMkLst>
        </pc:spChg>
        <pc:spChg chg="mod">
          <ac:chgData name="White, Alex" userId="eff6cc8c-37d8-483b-9c6c-6b27e9afa9bc" providerId="ADAL" clId="{BF04C754-5BF4-4E83-9615-DB14FA25AF8A}" dt="2023-10-12T11:38:08.274" v="295"/>
          <ac:spMkLst>
            <pc:docMk/>
            <pc:sldMk cId="2376958513" sldId="260"/>
            <ac:spMk id="4800" creationId="{E19E9189-EAF0-B81E-D230-B2AD193C9FE4}"/>
          </ac:spMkLst>
        </pc:spChg>
        <pc:spChg chg="mod">
          <ac:chgData name="White, Alex" userId="eff6cc8c-37d8-483b-9c6c-6b27e9afa9bc" providerId="ADAL" clId="{BF04C754-5BF4-4E83-9615-DB14FA25AF8A}" dt="2023-10-12T11:38:08.274" v="295"/>
          <ac:spMkLst>
            <pc:docMk/>
            <pc:sldMk cId="2376958513" sldId="260"/>
            <ac:spMk id="4801" creationId="{EA799B76-C3C8-079E-8FD5-1555D2531286}"/>
          </ac:spMkLst>
        </pc:spChg>
        <pc:spChg chg="mod">
          <ac:chgData name="White, Alex" userId="eff6cc8c-37d8-483b-9c6c-6b27e9afa9bc" providerId="ADAL" clId="{BF04C754-5BF4-4E83-9615-DB14FA25AF8A}" dt="2023-10-12T11:38:08.274" v="295"/>
          <ac:spMkLst>
            <pc:docMk/>
            <pc:sldMk cId="2376958513" sldId="260"/>
            <ac:spMk id="4802" creationId="{9BDBDFC1-8F93-2CC1-531F-CBCF5AFDCE7E}"/>
          </ac:spMkLst>
        </pc:spChg>
        <pc:spChg chg="mod">
          <ac:chgData name="White, Alex" userId="eff6cc8c-37d8-483b-9c6c-6b27e9afa9bc" providerId="ADAL" clId="{BF04C754-5BF4-4E83-9615-DB14FA25AF8A}" dt="2023-10-12T11:38:08.274" v="295"/>
          <ac:spMkLst>
            <pc:docMk/>
            <pc:sldMk cId="2376958513" sldId="260"/>
            <ac:spMk id="4803" creationId="{6736D998-1ECC-CF54-0F2F-FC5AC8145BBE}"/>
          </ac:spMkLst>
        </pc:spChg>
        <pc:spChg chg="mod">
          <ac:chgData name="White, Alex" userId="eff6cc8c-37d8-483b-9c6c-6b27e9afa9bc" providerId="ADAL" clId="{BF04C754-5BF4-4E83-9615-DB14FA25AF8A}" dt="2023-10-12T11:38:08.274" v="295"/>
          <ac:spMkLst>
            <pc:docMk/>
            <pc:sldMk cId="2376958513" sldId="260"/>
            <ac:spMk id="4804" creationId="{B0056C0F-8429-5BBA-34DF-4729CE7CBE7B}"/>
          </ac:spMkLst>
        </pc:spChg>
        <pc:spChg chg="mod">
          <ac:chgData name="White, Alex" userId="eff6cc8c-37d8-483b-9c6c-6b27e9afa9bc" providerId="ADAL" clId="{BF04C754-5BF4-4E83-9615-DB14FA25AF8A}" dt="2023-10-12T11:38:08.274" v="295"/>
          <ac:spMkLst>
            <pc:docMk/>
            <pc:sldMk cId="2376958513" sldId="260"/>
            <ac:spMk id="4805" creationId="{004489A9-BE94-A5C1-1038-AB82143A1D8C}"/>
          </ac:spMkLst>
        </pc:spChg>
        <pc:spChg chg="mod">
          <ac:chgData name="White, Alex" userId="eff6cc8c-37d8-483b-9c6c-6b27e9afa9bc" providerId="ADAL" clId="{BF04C754-5BF4-4E83-9615-DB14FA25AF8A}" dt="2023-10-12T11:38:08.274" v="295"/>
          <ac:spMkLst>
            <pc:docMk/>
            <pc:sldMk cId="2376958513" sldId="260"/>
            <ac:spMk id="4806" creationId="{EB5D7E78-15D8-F2A4-150D-420A90406EB7}"/>
          </ac:spMkLst>
        </pc:spChg>
        <pc:spChg chg="mod">
          <ac:chgData name="White, Alex" userId="eff6cc8c-37d8-483b-9c6c-6b27e9afa9bc" providerId="ADAL" clId="{BF04C754-5BF4-4E83-9615-DB14FA25AF8A}" dt="2023-10-12T11:38:08.274" v="295"/>
          <ac:spMkLst>
            <pc:docMk/>
            <pc:sldMk cId="2376958513" sldId="260"/>
            <ac:spMk id="4807" creationId="{A66B945F-30B6-AFD2-F5F8-1BC414DF2714}"/>
          </ac:spMkLst>
        </pc:spChg>
        <pc:spChg chg="mod">
          <ac:chgData name="White, Alex" userId="eff6cc8c-37d8-483b-9c6c-6b27e9afa9bc" providerId="ADAL" clId="{BF04C754-5BF4-4E83-9615-DB14FA25AF8A}" dt="2023-10-12T11:38:08.274" v="295"/>
          <ac:spMkLst>
            <pc:docMk/>
            <pc:sldMk cId="2376958513" sldId="260"/>
            <ac:spMk id="4808" creationId="{016217D8-06A7-28B2-BCBC-0EDD9CE2C9C6}"/>
          </ac:spMkLst>
        </pc:spChg>
        <pc:spChg chg="mod">
          <ac:chgData name="White, Alex" userId="eff6cc8c-37d8-483b-9c6c-6b27e9afa9bc" providerId="ADAL" clId="{BF04C754-5BF4-4E83-9615-DB14FA25AF8A}" dt="2023-10-12T11:38:08.274" v="295"/>
          <ac:spMkLst>
            <pc:docMk/>
            <pc:sldMk cId="2376958513" sldId="260"/>
            <ac:spMk id="4809" creationId="{DBAB14C8-4500-6A6C-8AB2-39827338EFE9}"/>
          </ac:spMkLst>
        </pc:spChg>
        <pc:spChg chg="mod">
          <ac:chgData name="White, Alex" userId="eff6cc8c-37d8-483b-9c6c-6b27e9afa9bc" providerId="ADAL" clId="{BF04C754-5BF4-4E83-9615-DB14FA25AF8A}" dt="2023-10-12T11:38:08.274" v="295"/>
          <ac:spMkLst>
            <pc:docMk/>
            <pc:sldMk cId="2376958513" sldId="260"/>
            <ac:spMk id="4810" creationId="{DB63A6FE-4D6C-67A7-BF8A-CF0DEFAD7370}"/>
          </ac:spMkLst>
        </pc:spChg>
        <pc:spChg chg="mod">
          <ac:chgData name="White, Alex" userId="eff6cc8c-37d8-483b-9c6c-6b27e9afa9bc" providerId="ADAL" clId="{BF04C754-5BF4-4E83-9615-DB14FA25AF8A}" dt="2023-10-12T11:38:08.274" v="295"/>
          <ac:spMkLst>
            <pc:docMk/>
            <pc:sldMk cId="2376958513" sldId="260"/>
            <ac:spMk id="4811" creationId="{B0647432-B86E-DA94-3797-781F22B96F92}"/>
          </ac:spMkLst>
        </pc:spChg>
        <pc:spChg chg="mod">
          <ac:chgData name="White, Alex" userId="eff6cc8c-37d8-483b-9c6c-6b27e9afa9bc" providerId="ADAL" clId="{BF04C754-5BF4-4E83-9615-DB14FA25AF8A}" dt="2023-10-12T11:38:08.274" v="295"/>
          <ac:spMkLst>
            <pc:docMk/>
            <pc:sldMk cId="2376958513" sldId="260"/>
            <ac:spMk id="4812" creationId="{25E232D7-0F17-82F1-52DA-143BED85DA1B}"/>
          </ac:spMkLst>
        </pc:spChg>
        <pc:spChg chg="mod">
          <ac:chgData name="White, Alex" userId="eff6cc8c-37d8-483b-9c6c-6b27e9afa9bc" providerId="ADAL" clId="{BF04C754-5BF4-4E83-9615-DB14FA25AF8A}" dt="2023-10-12T11:38:08.274" v="295"/>
          <ac:spMkLst>
            <pc:docMk/>
            <pc:sldMk cId="2376958513" sldId="260"/>
            <ac:spMk id="4813" creationId="{2D610B8D-C0CC-CFC0-EC2E-373723F0E45F}"/>
          </ac:spMkLst>
        </pc:spChg>
        <pc:spChg chg="mod">
          <ac:chgData name="White, Alex" userId="eff6cc8c-37d8-483b-9c6c-6b27e9afa9bc" providerId="ADAL" clId="{BF04C754-5BF4-4E83-9615-DB14FA25AF8A}" dt="2023-10-12T11:38:08.274" v="295"/>
          <ac:spMkLst>
            <pc:docMk/>
            <pc:sldMk cId="2376958513" sldId="260"/>
            <ac:spMk id="4814" creationId="{4E814D19-0D89-D265-0264-142BA3E27928}"/>
          </ac:spMkLst>
        </pc:spChg>
        <pc:spChg chg="mod">
          <ac:chgData name="White, Alex" userId="eff6cc8c-37d8-483b-9c6c-6b27e9afa9bc" providerId="ADAL" clId="{BF04C754-5BF4-4E83-9615-DB14FA25AF8A}" dt="2023-10-12T11:38:08.274" v="295"/>
          <ac:spMkLst>
            <pc:docMk/>
            <pc:sldMk cId="2376958513" sldId="260"/>
            <ac:spMk id="4815" creationId="{1D4A7D3A-A990-53D2-9603-BF3DD7865021}"/>
          </ac:spMkLst>
        </pc:spChg>
        <pc:spChg chg="mod">
          <ac:chgData name="White, Alex" userId="eff6cc8c-37d8-483b-9c6c-6b27e9afa9bc" providerId="ADAL" clId="{BF04C754-5BF4-4E83-9615-DB14FA25AF8A}" dt="2023-10-12T11:38:08.274" v="295"/>
          <ac:spMkLst>
            <pc:docMk/>
            <pc:sldMk cId="2376958513" sldId="260"/>
            <ac:spMk id="4816" creationId="{F0C8EA4C-4AD6-9574-BEFC-4639774364B2}"/>
          </ac:spMkLst>
        </pc:spChg>
        <pc:spChg chg="mod">
          <ac:chgData name="White, Alex" userId="eff6cc8c-37d8-483b-9c6c-6b27e9afa9bc" providerId="ADAL" clId="{BF04C754-5BF4-4E83-9615-DB14FA25AF8A}" dt="2023-10-12T11:38:08.274" v="295"/>
          <ac:spMkLst>
            <pc:docMk/>
            <pc:sldMk cId="2376958513" sldId="260"/>
            <ac:spMk id="4817" creationId="{C877CEED-D57B-A2BC-D622-8FCF7F66788F}"/>
          </ac:spMkLst>
        </pc:spChg>
        <pc:spChg chg="mod">
          <ac:chgData name="White, Alex" userId="eff6cc8c-37d8-483b-9c6c-6b27e9afa9bc" providerId="ADAL" clId="{BF04C754-5BF4-4E83-9615-DB14FA25AF8A}" dt="2023-10-12T11:38:08.274" v="295"/>
          <ac:spMkLst>
            <pc:docMk/>
            <pc:sldMk cId="2376958513" sldId="260"/>
            <ac:spMk id="4818" creationId="{C2E11B82-2A6D-49AC-88C9-3B12F8CE1402}"/>
          </ac:spMkLst>
        </pc:spChg>
        <pc:spChg chg="mod">
          <ac:chgData name="White, Alex" userId="eff6cc8c-37d8-483b-9c6c-6b27e9afa9bc" providerId="ADAL" clId="{BF04C754-5BF4-4E83-9615-DB14FA25AF8A}" dt="2023-10-12T11:38:08.274" v="295"/>
          <ac:spMkLst>
            <pc:docMk/>
            <pc:sldMk cId="2376958513" sldId="260"/>
            <ac:spMk id="4819" creationId="{7BA30812-51E4-D0FB-9DD8-27E347FFF09C}"/>
          </ac:spMkLst>
        </pc:spChg>
        <pc:spChg chg="mod">
          <ac:chgData name="White, Alex" userId="eff6cc8c-37d8-483b-9c6c-6b27e9afa9bc" providerId="ADAL" clId="{BF04C754-5BF4-4E83-9615-DB14FA25AF8A}" dt="2023-10-12T11:38:08.274" v="295"/>
          <ac:spMkLst>
            <pc:docMk/>
            <pc:sldMk cId="2376958513" sldId="260"/>
            <ac:spMk id="4820" creationId="{A17CF849-9810-CD2F-806D-144383D015AE}"/>
          </ac:spMkLst>
        </pc:spChg>
        <pc:spChg chg="mod">
          <ac:chgData name="White, Alex" userId="eff6cc8c-37d8-483b-9c6c-6b27e9afa9bc" providerId="ADAL" clId="{BF04C754-5BF4-4E83-9615-DB14FA25AF8A}" dt="2023-10-12T11:38:08.274" v="295"/>
          <ac:spMkLst>
            <pc:docMk/>
            <pc:sldMk cId="2376958513" sldId="260"/>
            <ac:spMk id="4821" creationId="{6125E137-A157-014A-FBD9-E31B644153E1}"/>
          </ac:spMkLst>
        </pc:spChg>
        <pc:spChg chg="mod">
          <ac:chgData name="White, Alex" userId="eff6cc8c-37d8-483b-9c6c-6b27e9afa9bc" providerId="ADAL" clId="{BF04C754-5BF4-4E83-9615-DB14FA25AF8A}" dt="2023-10-12T11:38:08.274" v="295"/>
          <ac:spMkLst>
            <pc:docMk/>
            <pc:sldMk cId="2376958513" sldId="260"/>
            <ac:spMk id="4822" creationId="{80DE9335-2449-72A0-D692-FA784230AA51}"/>
          </ac:spMkLst>
        </pc:spChg>
        <pc:spChg chg="mod">
          <ac:chgData name="White, Alex" userId="eff6cc8c-37d8-483b-9c6c-6b27e9afa9bc" providerId="ADAL" clId="{BF04C754-5BF4-4E83-9615-DB14FA25AF8A}" dt="2023-10-12T11:38:08.274" v="295"/>
          <ac:spMkLst>
            <pc:docMk/>
            <pc:sldMk cId="2376958513" sldId="260"/>
            <ac:spMk id="4823" creationId="{05264C03-738E-88E2-7FDF-D4519629BE31}"/>
          </ac:spMkLst>
        </pc:spChg>
        <pc:spChg chg="mod">
          <ac:chgData name="White, Alex" userId="eff6cc8c-37d8-483b-9c6c-6b27e9afa9bc" providerId="ADAL" clId="{BF04C754-5BF4-4E83-9615-DB14FA25AF8A}" dt="2023-10-12T11:38:08.274" v="295"/>
          <ac:spMkLst>
            <pc:docMk/>
            <pc:sldMk cId="2376958513" sldId="260"/>
            <ac:spMk id="4824" creationId="{B3CCE39C-5428-7A56-5FF5-AAF75DAA85FE}"/>
          </ac:spMkLst>
        </pc:spChg>
        <pc:spChg chg="mod">
          <ac:chgData name="White, Alex" userId="eff6cc8c-37d8-483b-9c6c-6b27e9afa9bc" providerId="ADAL" clId="{BF04C754-5BF4-4E83-9615-DB14FA25AF8A}" dt="2023-10-12T11:38:08.274" v="295"/>
          <ac:spMkLst>
            <pc:docMk/>
            <pc:sldMk cId="2376958513" sldId="260"/>
            <ac:spMk id="4825" creationId="{404BD976-066A-DB86-0982-13A6F95BBAD2}"/>
          </ac:spMkLst>
        </pc:spChg>
        <pc:spChg chg="mod">
          <ac:chgData name="White, Alex" userId="eff6cc8c-37d8-483b-9c6c-6b27e9afa9bc" providerId="ADAL" clId="{BF04C754-5BF4-4E83-9615-DB14FA25AF8A}" dt="2023-10-12T11:38:08.274" v="295"/>
          <ac:spMkLst>
            <pc:docMk/>
            <pc:sldMk cId="2376958513" sldId="260"/>
            <ac:spMk id="4826" creationId="{C270EF9A-437A-9AA9-FF74-CF92EDD15C2A}"/>
          </ac:spMkLst>
        </pc:spChg>
        <pc:spChg chg="mod">
          <ac:chgData name="White, Alex" userId="eff6cc8c-37d8-483b-9c6c-6b27e9afa9bc" providerId="ADAL" clId="{BF04C754-5BF4-4E83-9615-DB14FA25AF8A}" dt="2023-10-12T11:38:08.274" v="295"/>
          <ac:spMkLst>
            <pc:docMk/>
            <pc:sldMk cId="2376958513" sldId="260"/>
            <ac:spMk id="4827" creationId="{1F5D5CED-3DA2-2F2D-F3C4-4AAD804128BE}"/>
          </ac:spMkLst>
        </pc:spChg>
        <pc:spChg chg="mod">
          <ac:chgData name="White, Alex" userId="eff6cc8c-37d8-483b-9c6c-6b27e9afa9bc" providerId="ADAL" clId="{BF04C754-5BF4-4E83-9615-DB14FA25AF8A}" dt="2023-10-12T11:38:08.274" v="295"/>
          <ac:spMkLst>
            <pc:docMk/>
            <pc:sldMk cId="2376958513" sldId="260"/>
            <ac:spMk id="4828" creationId="{8D67873F-7B2C-3876-B620-093A654963FE}"/>
          </ac:spMkLst>
        </pc:spChg>
        <pc:spChg chg="mod">
          <ac:chgData name="White, Alex" userId="eff6cc8c-37d8-483b-9c6c-6b27e9afa9bc" providerId="ADAL" clId="{BF04C754-5BF4-4E83-9615-DB14FA25AF8A}" dt="2023-10-12T11:38:08.274" v="295"/>
          <ac:spMkLst>
            <pc:docMk/>
            <pc:sldMk cId="2376958513" sldId="260"/>
            <ac:spMk id="4829" creationId="{0D74D398-C7C1-FC16-5D01-DD3FBBD853DF}"/>
          </ac:spMkLst>
        </pc:spChg>
        <pc:spChg chg="mod">
          <ac:chgData name="White, Alex" userId="eff6cc8c-37d8-483b-9c6c-6b27e9afa9bc" providerId="ADAL" clId="{BF04C754-5BF4-4E83-9615-DB14FA25AF8A}" dt="2023-10-12T11:38:08.274" v="295"/>
          <ac:spMkLst>
            <pc:docMk/>
            <pc:sldMk cId="2376958513" sldId="260"/>
            <ac:spMk id="4830" creationId="{70DDAF8E-2484-14DE-1F31-F01958C48353}"/>
          </ac:spMkLst>
        </pc:spChg>
        <pc:spChg chg="mod">
          <ac:chgData name="White, Alex" userId="eff6cc8c-37d8-483b-9c6c-6b27e9afa9bc" providerId="ADAL" clId="{BF04C754-5BF4-4E83-9615-DB14FA25AF8A}" dt="2023-10-12T11:38:08.274" v="295"/>
          <ac:spMkLst>
            <pc:docMk/>
            <pc:sldMk cId="2376958513" sldId="260"/>
            <ac:spMk id="4831" creationId="{FD788FB8-8298-C7E8-1B97-20BCFADB405B}"/>
          </ac:spMkLst>
        </pc:spChg>
        <pc:spChg chg="mod">
          <ac:chgData name="White, Alex" userId="eff6cc8c-37d8-483b-9c6c-6b27e9afa9bc" providerId="ADAL" clId="{BF04C754-5BF4-4E83-9615-DB14FA25AF8A}" dt="2023-10-12T11:38:08.274" v="295"/>
          <ac:spMkLst>
            <pc:docMk/>
            <pc:sldMk cId="2376958513" sldId="260"/>
            <ac:spMk id="4832" creationId="{C3C2A15C-2519-99E5-C863-B9AD9E3FE1EB}"/>
          </ac:spMkLst>
        </pc:spChg>
        <pc:spChg chg="mod">
          <ac:chgData name="White, Alex" userId="eff6cc8c-37d8-483b-9c6c-6b27e9afa9bc" providerId="ADAL" clId="{BF04C754-5BF4-4E83-9615-DB14FA25AF8A}" dt="2023-10-12T11:38:08.274" v="295"/>
          <ac:spMkLst>
            <pc:docMk/>
            <pc:sldMk cId="2376958513" sldId="260"/>
            <ac:spMk id="4833" creationId="{95AF0FD4-E23C-0BC7-8618-6F13653C56EF}"/>
          </ac:spMkLst>
        </pc:spChg>
        <pc:spChg chg="mod">
          <ac:chgData name="White, Alex" userId="eff6cc8c-37d8-483b-9c6c-6b27e9afa9bc" providerId="ADAL" clId="{BF04C754-5BF4-4E83-9615-DB14FA25AF8A}" dt="2023-10-12T11:38:08.274" v="295"/>
          <ac:spMkLst>
            <pc:docMk/>
            <pc:sldMk cId="2376958513" sldId="260"/>
            <ac:spMk id="4834" creationId="{2589BF0E-5FCD-C6DC-471D-8C88EF82B6F8}"/>
          </ac:spMkLst>
        </pc:spChg>
        <pc:spChg chg="mod">
          <ac:chgData name="White, Alex" userId="eff6cc8c-37d8-483b-9c6c-6b27e9afa9bc" providerId="ADAL" clId="{BF04C754-5BF4-4E83-9615-DB14FA25AF8A}" dt="2023-10-12T11:38:08.274" v="295"/>
          <ac:spMkLst>
            <pc:docMk/>
            <pc:sldMk cId="2376958513" sldId="260"/>
            <ac:spMk id="4835" creationId="{F92E511D-4BE1-6C98-F8B3-C8F97E09BDDF}"/>
          </ac:spMkLst>
        </pc:spChg>
        <pc:spChg chg="mod">
          <ac:chgData name="White, Alex" userId="eff6cc8c-37d8-483b-9c6c-6b27e9afa9bc" providerId="ADAL" clId="{BF04C754-5BF4-4E83-9615-DB14FA25AF8A}" dt="2023-10-12T11:38:08.274" v="295"/>
          <ac:spMkLst>
            <pc:docMk/>
            <pc:sldMk cId="2376958513" sldId="260"/>
            <ac:spMk id="4836" creationId="{62C405CF-4B4D-805F-591C-878FD2A7F84A}"/>
          </ac:spMkLst>
        </pc:spChg>
        <pc:spChg chg="mod">
          <ac:chgData name="White, Alex" userId="eff6cc8c-37d8-483b-9c6c-6b27e9afa9bc" providerId="ADAL" clId="{BF04C754-5BF4-4E83-9615-DB14FA25AF8A}" dt="2023-10-12T11:38:08.274" v="295"/>
          <ac:spMkLst>
            <pc:docMk/>
            <pc:sldMk cId="2376958513" sldId="260"/>
            <ac:spMk id="4837" creationId="{BBA4C6BB-157D-74BA-EEA1-D3FDDB9192BE}"/>
          </ac:spMkLst>
        </pc:spChg>
        <pc:spChg chg="mod">
          <ac:chgData name="White, Alex" userId="eff6cc8c-37d8-483b-9c6c-6b27e9afa9bc" providerId="ADAL" clId="{BF04C754-5BF4-4E83-9615-DB14FA25AF8A}" dt="2023-10-12T11:38:08.274" v="295"/>
          <ac:spMkLst>
            <pc:docMk/>
            <pc:sldMk cId="2376958513" sldId="260"/>
            <ac:spMk id="4838" creationId="{040890D8-7F45-0A70-BFA0-4F4DE920AD9A}"/>
          </ac:spMkLst>
        </pc:spChg>
        <pc:spChg chg="mod">
          <ac:chgData name="White, Alex" userId="eff6cc8c-37d8-483b-9c6c-6b27e9afa9bc" providerId="ADAL" clId="{BF04C754-5BF4-4E83-9615-DB14FA25AF8A}" dt="2023-10-12T11:38:08.274" v="295"/>
          <ac:spMkLst>
            <pc:docMk/>
            <pc:sldMk cId="2376958513" sldId="260"/>
            <ac:spMk id="4839" creationId="{4F640CC1-3EBC-2606-35C8-C1FC670BCAE9}"/>
          </ac:spMkLst>
        </pc:spChg>
        <pc:spChg chg="mod">
          <ac:chgData name="White, Alex" userId="eff6cc8c-37d8-483b-9c6c-6b27e9afa9bc" providerId="ADAL" clId="{BF04C754-5BF4-4E83-9615-DB14FA25AF8A}" dt="2023-10-12T11:38:08.274" v="295"/>
          <ac:spMkLst>
            <pc:docMk/>
            <pc:sldMk cId="2376958513" sldId="260"/>
            <ac:spMk id="4840" creationId="{0916012D-851A-800A-9463-957DE2B73596}"/>
          </ac:spMkLst>
        </pc:spChg>
        <pc:spChg chg="mod">
          <ac:chgData name="White, Alex" userId="eff6cc8c-37d8-483b-9c6c-6b27e9afa9bc" providerId="ADAL" clId="{BF04C754-5BF4-4E83-9615-DB14FA25AF8A}" dt="2023-10-12T11:38:08.274" v="295"/>
          <ac:spMkLst>
            <pc:docMk/>
            <pc:sldMk cId="2376958513" sldId="260"/>
            <ac:spMk id="4841" creationId="{1D2D69C9-EDA9-E489-ED69-57944CED1B83}"/>
          </ac:spMkLst>
        </pc:spChg>
        <pc:spChg chg="mod">
          <ac:chgData name="White, Alex" userId="eff6cc8c-37d8-483b-9c6c-6b27e9afa9bc" providerId="ADAL" clId="{BF04C754-5BF4-4E83-9615-DB14FA25AF8A}" dt="2023-10-12T11:38:08.274" v="295"/>
          <ac:spMkLst>
            <pc:docMk/>
            <pc:sldMk cId="2376958513" sldId="260"/>
            <ac:spMk id="4842" creationId="{547D7960-A627-1FB6-B082-5B6719C836F6}"/>
          </ac:spMkLst>
        </pc:spChg>
        <pc:spChg chg="mod">
          <ac:chgData name="White, Alex" userId="eff6cc8c-37d8-483b-9c6c-6b27e9afa9bc" providerId="ADAL" clId="{BF04C754-5BF4-4E83-9615-DB14FA25AF8A}" dt="2023-10-12T11:38:08.274" v="295"/>
          <ac:spMkLst>
            <pc:docMk/>
            <pc:sldMk cId="2376958513" sldId="260"/>
            <ac:spMk id="4843" creationId="{05D0D6BC-D8B7-EC89-3728-038F06D798C1}"/>
          </ac:spMkLst>
        </pc:spChg>
        <pc:spChg chg="mod">
          <ac:chgData name="White, Alex" userId="eff6cc8c-37d8-483b-9c6c-6b27e9afa9bc" providerId="ADAL" clId="{BF04C754-5BF4-4E83-9615-DB14FA25AF8A}" dt="2023-10-12T11:38:08.274" v="295"/>
          <ac:spMkLst>
            <pc:docMk/>
            <pc:sldMk cId="2376958513" sldId="260"/>
            <ac:spMk id="4844" creationId="{2DE67BEF-B076-DA13-D08C-A23CA91EEA44}"/>
          </ac:spMkLst>
        </pc:spChg>
        <pc:spChg chg="mod">
          <ac:chgData name="White, Alex" userId="eff6cc8c-37d8-483b-9c6c-6b27e9afa9bc" providerId="ADAL" clId="{BF04C754-5BF4-4E83-9615-DB14FA25AF8A}" dt="2023-10-12T11:38:08.274" v="295"/>
          <ac:spMkLst>
            <pc:docMk/>
            <pc:sldMk cId="2376958513" sldId="260"/>
            <ac:spMk id="4845" creationId="{CED84A21-7A51-31C7-B0C2-02FC23C0C79B}"/>
          </ac:spMkLst>
        </pc:spChg>
        <pc:spChg chg="mod">
          <ac:chgData name="White, Alex" userId="eff6cc8c-37d8-483b-9c6c-6b27e9afa9bc" providerId="ADAL" clId="{BF04C754-5BF4-4E83-9615-DB14FA25AF8A}" dt="2023-10-12T11:38:08.274" v="295"/>
          <ac:spMkLst>
            <pc:docMk/>
            <pc:sldMk cId="2376958513" sldId="260"/>
            <ac:spMk id="4846" creationId="{AEFC013A-576D-4555-38C9-A502B0941BEF}"/>
          </ac:spMkLst>
        </pc:spChg>
        <pc:spChg chg="mod">
          <ac:chgData name="White, Alex" userId="eff6cc8c-37d8-483b-9c6c-6b27e9afa9bc" providerId="ADAL" clId="{BF04C754-5BF4-4E83-9615-DB14FA25AF8A}" dt="2023-10-12T11:38:08.274" v="295"/>
          <ac:spMkLst>
            <pc:docMk/>
            <pc:sldMk cId="2376958513" sldId="260"/>
            <ac:spMk id="4847" creationId="{11AC9355-D9AA-1000-70C6-C6858717CA24}"/>
          </ac:spMkLst>
        </pc:spChg>
        <pc:spChg chg="mod">
          <ac:chgData name="White, Alex" userId="eff6cc8c-37d8-483b-9c6c-6b27e9afa9bc" providerId="ADAL" clId="{BF04C754-5BF4-4E83-9615-DB14FA25AF8A}" dt="2023-10-12T11:38:08.274" v="295"/>
          <ac:spMkLst>
            <pc:docMk/>
            <pc:sldMk cId="2376958513" sldId="260"/>
            <ac:spMk id="4848" creationId="{999C6F70-014E-F51D-E114-D1D12206C529}"/>
          </ac:spMkLst>
        </pc:spChg>
        <pc:spChg chg="mod">
          <ac:chgData name="White, Alex" userId="eff6cc8c-37d8-483b-9c6c-6b27e9afa9bc" providerId="ADAL" clId="{BF04C754-5BF4-4E83-9615-DB14FA25AF8A}" dt="2023-10-12T11:38:08.274" v="295"/>
          <ac:spMkLst>
            <pc:docMk/>
            <pc:sldMk cId="2376958513" sldId="260"/>
            <ac:spMk id="4849" creationId="{CDBA6999-26B1-EFF0-BBD1-BD5CCBE0D84B}"/>
          </ac:spMkLst>
        </pc:spChg>
        <pc:spChg chg="mod">
          <ac:chgData name="White, Alex" userId="eff6cc8c-37d8-483b-9c6c-6b27e9afa9bc" providerId="ADAL" clId="{BF04C754-5BF4-4E83-9615-DB14FA25AF8A}" dt="2023-10-12T11:38:08.274" v="295"/>
          <ac:spMkLst>
            <pc:docMk/>
            <pc:sldMk cId="2376958513" sldId="260"/>
            <ac:spMk id="4850" creationId="{3FF25846-2F03-4C1B-A6F4-BB0351E75DA5}"/>
          </ac:spMkLst>
        </pc:spChg>
        <pc:spChg chg="mod">
          <ac:chgData name="White, Alex" userId="eff6cc8c-37d8-483b-9c6c-6b27e9afa9bc" providerId="ADAL" clId="{BF04C754-5BF4-4E83-9615-DB14FA25AF8A}" dt="2023-10-12T11:38:08.274" v="295"/>
          <ac:spMkLst>
            <pc:docMk/>
            <pc:sldMk cId="2376958513" sldId="260"/>
            <ac:spMk id="4851" creationId="{77594FDA-5FD9-05AE-6ABF-9B9D0D4BE80D}"/>
          </ac:spMkLst>
        </pc:spChg>
        <pc:spChg chg="mod">
          <ac:chgData name="White, Alex" userId="eff6cc8c-37d8-483b-9c6c-6b27e9afa9bc" providerId="ADAL" clId="{BF04C754-5BF4-4E83-9615-DB14FA25AF8A}" dt="2023-10-12T11:38:08.274" v="295"/>
          <ac:spMkLst>
            <pc:docMk/>
            <pc:sldMk cId="2376958513" sldId="260"/>
            <ac:spMk id="4852" creationId="{549BD9A8-A5B4-2CA4-9A57-7EC5EA6D6AEC}"/>
          </ac:spMkLst>
        </pc:spChg>
        <pc:spChg chg="mod">
          <ac:chgData name="White, Alex" userId="eff6cc8c-37d8-483b-9c6c-6b27e9afa9bc" providerId="ADAL" clId="{BF04C754-5BF4-4E83-9615-DB14FA25AF8A}" dt="2023-10-12T11:38:08.274" v="295"/>
          <ac:spMkLst>
            <pc:docMk/>
            <pc:sldMk cId="2376958513" sldId="260"/>
            <ac:spMk id="4853" creationId="{F3B795D3-9D2C-A463-576A-6BE3ABCCEEFF}"/>
          </ac:spMkLst>
        </pc:spChg>
        <pc:spChg chg="mod">
          <ac:chgData name="White, Alex" userId="eff6cc8c-37d8-483b-9c6c-6b27e9afa9bc" providerId="ADAL" clId="{BF04C754-5BF4-4E83-9615-DB14FA25AF8A}" dt="2023-10-12T11:38:08.274" v="295"/>
          <ac:spMkLst>
            <pc:docMk/>
            <pc:sldMk cId="2376958513" sldId="260"/>
            <ac:spMk id="4854" creationId="{CFB1947B-9DFB-26EB-95E1-45CBA94306D8}"/>
          </ac:spMkLst>
        </pc:spChg>
        <pc:spChg chg="mod">
          <ac:chgData name="White, Alex" userId="eff6cc8c-37d8-483b-9c6c-6b27e9afa9bc" providerId="ADAL" clId="{BF04C754-5BF4-4E83-9615-DB14FA25AF8A}" dt="2023-10-12T11:38:08.274" v="295"/>
          <ac:spMkLst>
            <pc:docMk/>
            <pc:sldMk cId="2376958513" sldId="260"/>
            <ac:spMk id="4855" creationId="{6E5FBD2F-3A42-6C89-F72C-EC19312DB2BE}"/>
          </ac:spMkLst>
        </pc:spChg>
        <pc:spChg chg="mod">
          <ac:chgData name="White, Alex" userId="eff6cc8c-37d8-483b-9c6c-6b27e9afa9bc" providerId="ADAL" clId="{BF04C754-5BF4-4E83-9615-DB14FA25AF8A}" dt="2023-10-12T11:38:08.274" v="295"/>
          <ac:spMkLst>
            <pc:docMk/>
            <pc:sldMk cId="2376958513" sldId="260"/>
            <ac:spMk id="4856" creationId="{73101FFC-720B-DF1D-4F41-41DCC8AC72D8}"/>
          </ac:spMkLst>
        </pc:spChg>
        <pc:spChg chg="mod">
          <ac:chgData name="White, Alex" userId="eff6cc8c-37d8-483b-9c6c-6b27e9afa9bc" providerId="ADAL" clId="{BF04C754-5BF4-4E83-9615-DB14FA25AF8A}" dt="2023-10-12T11:38:08.274" v="295"/>
          <ac:spMkLst>
            <pc:docMk/>
            <pc:sldMk cId="2376958513" sldId="260"/>
            <ac:spMk id="4857" creationId="{F9C6CD8E-7AA0-F89D-EDB6-CAD13DEC3B41}"/>
          </ac:spMkLst>
        </pc:spChg>
        <pc:spChg chg="mod">
          <ac:chgData name="White, Alex" userId="eff6cc8c-37d8-483b-9c6c-6b27e9afa9bc" providerId="ADAL" clId="{BF04C754-5BF4-4E83-9615-DB14FA25AF8A}" dt="2023-10-12T11:38:08.274" v="295"/>
          <ac:spMkLst>
            <pc:docMk/>
            <pc:sldMk cId="2376958513" sldId="260"/>
            <ac:spMk id="4858" creationId="{0F30B683-5BE1-C75B-A55D-C6B0AEB62517}"/>
          </ac:spMkLst>
        </pc:spChg>
        <pc:spChg chg="mod">
          <ac:chgData name="White, Alex" userId="eff6cc8c-37d8-483b-9c6c-6b27e9afa9bc" providerId="ADAL" clId="{BF04C754-5BF4-4E83-9615-DB14FA25AF8A}" dt="2023-10-12T11:38:08.274" v="295"/>
          <ac:spMkLst>
            <pc:docMk/>
            <pc:sldMk cId="2376958513" sldId="260"/>
            <ac:spMk id="4859" creationId="{E8A74E0D-6389-B589-7FE1-504A82CE7D74}"/>
          </ac:spMkLst>
        </pc:spChg>
        <pc:spChg chg="mod">
          <ac:chgData name="White, Alex" userId="eff6cc8c-37d8-483b-9c6c-6b27e9afa9bc" providerId="ADAL" clId="{BF04C754-5BF4-4E83-9615-DB14FA25AF8A}" dt="2023-10-12T11:38:08.274" v="295"/>
          <ac:spMkLst>
            <pc:docMk/>
            <pc:sldMk cId="2376958513" sldId="260"/>
            <ac:spMk id="4860" creationId="{92C637FE-1795-0786-6A2B-F4569572A703}"/>
          </ac:spMkLst>
        </pc:spChg>
        <pc:spChg chg="mod">
          <ac:chgData name="White, Alex" userId="eff6cc8c-37d8-483b-9c6c-6b27e9afa9bc" providerId="ADAL" clId="{BF04C754-5BF4-4E83-9615-DB14FA25AF8A}" dt="2023-10-12T11:38:08.274" v="295"/>
          <ac:spMkLst>
            <pc:docMk/>
            <pc:sldMk cId="2376958513" sldId="260"/>
            <ac:spMk id="4861" creationId="{4BC60EF1-DB9D-C225-78C9-591F704A815D}"/>
          </ac:spMkLst>
        </pc:spChg>
        <pc:spChg chg="mod">
          <ac:chgData name="White, Alex" userId="eff6cc8c-37d8-483b-9c6c-6b27e9afa9bc" providerId="ADAL" clId="{BF04C754-5BF4-4E83-9615-DB14FA25AF8A}" dt="2023-10-12T11:38:08.274" v="295"/>
          <ac:spMkLst>
            <pc:docMk/>
            <pc:sldMk cId="2376958513" sldId="260"/>
            <ac:spMk id="4862" creationId="{ABCC4D6B-2EE8-8F14-AE24-00784FBF06A7}"/>
          </ac:spMkLst>
        </pc:spChg>
        <pc:spChg chg="mod">
          <ac:chgData name="White, Alex" userId="eff6cc8c-37d8-483b-9c6c-6b27e9afa9bc" providerId="ADAL" clId="{BF04C754-5BF4-4E83-9615-DB14FA25AF8A}" dt="2023-10-12T11:38:08.274" v="295"/>
          <ac:spMkLst>
            <pc:docMk/>
            <pc:sldMk cId="2376958513" sldId="260"/>
            <ac:spMk id="4863" creationId="{ACE7DD17-ED31-BDA6-C038-45AFF62320C6}"/>
          </ac:spMkLst>
        </pc:spChg>
        <pc:spChg chg="mod">
          <ac:chgData name="White, Alex" userId="eff6cc8c-37d8-483b-9c6c-6b27e9afa9bc" providerId="ADAL" clId="{BF04C754-5BF4-4E83-9615-DB14FA25AF8A}" dt="2023-10-12T11:38:08.274" v="295"/>
          <ac:spMkLst>
            <pc:docMk/>
            <pc:sldMk cId="2376958513" sldId="260"/>
            <ac:spMk id="4864" creationId="{5216196A-8E8F-20F3-78FB-EBEE4C40C5F2}"/>
          </ac:spMkLst>
        </pc:spChg>
        <pc:spChg chg="mod">
          <ac:chgData name="White, Alex" userId="eff6cc8c-37d8-483b-9c6c-6b27e9afa9bc" providerId="ADAL" clId="{BF04C754-5BF4-4E83-9615-DB14FA25AF8A}" dt="2023-10-12T11:38:08.274" v="295"/>
          <ac:spMkLst>
            <pc:docMk/>
            <pc:sldMk cId="2376958513" sldId="260"/>
            <ac:spMk id="4865" creationId="{B54F0470-84F9-C847-1A86-B21B196D8208}"/>
          </ac:spMkLst>
        </pc:spChg>
        <pc:spChg chg="mod">
          <ac:chgData name="White, Alex" userId="eff6cc8c-37d8-483b-9c6c-6b27e9afa9bc" providerId="ADAL" clId="{BF04C754-5BF4-4E83-9615-DB14FA25AF8A}" dt="2023-10-12T11:38:08.274" v="295"/>
          <ac:spMkLst>
            <pc:docMk/>
            <pc:sldMk cId="2376958513" sldId="260"/>
            <ac:spMk id="4866" creationId="{65A4543E-CF99-A0C0-6570-05E1F26C0B67}"/>
          </ac:spMkLst>
        </pc:spChg>
        <pc:spChg chg="mod">
          <ac:chgData name="White, Alex" userId="eff6cc8c-37d8-483b-9c6c-6b27e9afa9bc" providerId="ADAL" clId="{BF04C754-5BF4-4E83-9615-DB14FA25AF8A}" dt="2023-10-12T11:38:08.274" v="295"/>
          <ac:spMkLst>
            <pc:docMk/>
            <pc:sldMk cId="2376958513" sldId="260"/>
            <ac:spMk id="4867" creationId="{459F4385-F294-2217-7850-9CF8E94F5532}"/>
          </ac:spMkLst>
        </pc:spChg>
        <pc:spChg chg="mod">
          <ac:chgData name="White, Alex" userId="eff6cc8c-37d8-483b-9c6c-6b27e9afa9bc" providerId="ADAL" clId="{BF04C754-5BF4-4E83-9615-DB14FA25AF8A}" dt="2023-10-12T11:38:08.274" v="295"/>
          <ac:spMkLst>
            <pc:docMk/>
            <pc:sldMk cId="2376958513" sldId="260"/>
            <ac:spMk id="4868" creationId="{F77B2873-49C1-631A-0B07-0981DA30E524}"/>
          </ac:spMkLst>
        </pc:spChg>
        <pc:spChg chg="mod">
          <ac:chgData name="White, Alex" userId="eff6cc8c-37d8-483b-9c6c-6b27e9afa9bc" providerId="ADAL" clId="{BF04C754-5BF4-4E83-9615-DB14FA25AF8A}" dt="2023-10-12T11:38:08.274" v="295"/>
          <ac:spMkLst>
            <pc:docMk/>
            <pc:sldMk cId="2376958513" sldId="260"/>
            <ac:spMk id="4869" creationId="{2DA56D78-3D72-F515-98B4-B772AFCBABAF}"/>
          </ac:spMkLst>
        </pc:spChg>
        <pc:spChg chg="mod">
          <ac:chgData name="White, Alex" userId="eff6cc8c-37d8-483b-9c6c-6b27e9afa9bc" providerId="ADAL" clId="{BF04C754-5BF4-4E83-9615-DB14FA25AF8A}" dt="2023-10-12T11:38:08.274" v="295"/>
          <ac:spMkLst>
            <pc:docMk/>
            <pc:sldMk cId="2376958513" sldId="260"/>
            <ac:spMk id="4870" creationId="{E3045432-F7F6-DA23-8A17-34459C384B52}"/>
          </ac:spMkLst>
        </pc:spChg>
        <pc:spChg chg="mod">
          <ac:chgData name="White, Alex" userId="eff6cc8c-37d8-483b-9c6c-6b27e9afa9bc" providerId="ADAL" clId="{BF04C754-5BF4-4E83-9615-DB14FA25AF8A}" dt="2023-10-12T11:38:08.274" v="295"/>
          <ac:spMkLst>
            <pc:docMk/>
            <pc:sldMk cId="2376958513" sldId="260"/>
            <ac:spMk id="4871" creationId="{06B13018-8AB0-7FEC-9FF0-FFC6897381C6}"/>
          </ac:spMkLst>
        </pc:spChg>
        <pc:spChg chg="mod">
          <ac:chgData name="White, Alex" userId="eff6cc8c-37d8-483b-9c6c-6b27e9afa9bc" providerId="ADAL" clId="{BF04C754-5BF4-4E83-9615-DB14FA25AF8A}" dt="2023-10-12T11:38:08.274" v="295"/>
          <ac:spMkLst>
            <pc:docMk/>
            <pc:sldMk cId="2376958513" sldId="260"/>
            <ac:spMk id="4872" creationId="{2B53538E-17EA-3BC3-3E1B-C99500DD8056}"/>
          </ac:spMkLst>
        </pc:spChg>
        <pc:spChg chg="mod">
          <ac:chgData name="White, Alex" userId="eff6cc8c-37d8-483b-9c6c-6b27e9afa9bc" providerId="ADAL" clId="{BF04C754-5BF4-4E83-9615-DB14FA25AF8A}" dt="2023-10-12T11:38:08.274" v="295"/>
          <ac:spMkLst>
            <pc:docMk/>
            <pc:sldMk cId="2376958513" sldId="260"/>
            <ac:spMk id="4873" creationId="{4F0921CC-8544-27E5-F66A-50DC4CB24135}"/>
          </ac:spMkLst>
        </pc:spChg>
        <pc:spChg chg="mod">
          <ac:chgData name="White, Alex" userId="eff6cc8c-37d8-483b-9c6c-6b27e9afa9bc" providerId="ADAL" clId="{BF04C754-5BF4-4E83-9615-DB14FA25AF8A}" dt="2023-10-12T11:38:08.274" v="295"/>
          <ac:spMkLst>
            <pc:docMk/>
            <pc:sldMk cId="2376958513" sldId="260"/>
            <ac:spMk id="4874" creationId="{C970C22C-5B3B-1B20-FD0A-47C8BB68F06C}"/>
          </ac:spMkLst>
        </pc:spChg>
        <pc:spChg chg="mod">
          <ac:chgData name="White, Alex" userId="eff6cc8c-37d8-483b-9c6c-6b27e9afa9bc" providerId="ADAL" clId="{BF04C754-5BF4-4E83-9615-DB14FA25AF8A}" dt="2023-10-12T11:38:08.274" v="295"/>
          <ac:spMkLst>
            <pc:docMk/>
            <pc:sldMk cId="2376958513" sldId="260"/>
            <ac:spMk id="4875" creationId="{CCD0B8F4-476A-53A6-224F-EBF394ACDC42}"/>
          </ac:spMkLst>
        </pc:spChg>
        <pc:spChg chg="mod">
          <ac:chgData name="White, Alex" userId="eff6cc8c-37d8-483b-9c6c-6b27e9afa9bc" providerId="ADAL" clId="{BF04C754-5BF4-4E83-9615-DB14FA25AF8A}" dt="2023-10-12T11:38:08.274" v="295"/>
          <ac:spMkLst>
            <pc:docMk/>
            <pc:sldMk cId="2376958513" sldId="260"/>
            <ac:spMk id="4876" creationId="{95C08714-E906-CEFE-48FD-D154B013CA31}"/>
          </ac:spMkLst>
        </pc:spChg>
        <pc:spChg chg="mod">
          <ac:chgData name="White, Alex" userId="eff6cc8c-37d8-483b-9c6c-6b27e9afa9bc" providerId="ADAL" clId="{BF04C754-5BF4-4E83-9615-DB14FA25AF8A}" dt="2023-10-12T11:38:08.274" v="295"/>
          <ac:spMkLst>
            <pc:docMk/>
            <pc:sldMk cId="2376958513" sldId="260"/>
            <ac:spMk id="4877" creationId="{64ACE105-1A53-2E85-A020-D1DC5D0A6E1E}"/>
          </ac:spMkLst>
        </pc:spChg>
        <pc:spChg chg="mod">
          <ac:chgData name="White, Alex" userId="eff6cc8c-37d8-483b-9c6c-6b27e9afa9bc" providerId="ADAL" clId="{BF04C754-5BF4-4E83-9615-DB14FA25AF8A}" dt="2023-10-12T11:38:08.274" v="295"/>
          <ac:spMkLst>
            <pc:docMk/>
            <pc:sldMk cId="2376958513" sldId="260"/>
            <ac:spMk id="4878" creationId="{19450620-6D68-49BF-E3FB-54B728803048}"/>
          </ac:spMkLst>
        </pc:spChg>
        <pc:spChg chg="mod">
          <ac:chgData name="White, Alex" userId="eff6cc8c-37d8-483b-9c6c-6b27e9afa9bc" providerId="ADAL" clId="{BF04C754-5BF4-4E83-9615-DB14FA25AF8A}" dt="2023-10-12T11:38:08.274" v="295"/>
          <ac:spMkLst>
            <pc:docMk/>
            <pc:sldMk cId="2376958513" sldId="260"/>
            <ac:spMk id="4879" creationId="{0BC2B170-1753-AC35-D680-481751E972F8}"/>
          </ac:spMkLst>
        </pc:spChg>
        <pc:spChg chg="mod">
          <ac:chgData name="White, Alex" userId="eff6cc8c-37d8-483b-9c6c-6b27e9afa9bc" providerId="ADAL" clId="{BF04C754-5BF4-4E83-9615-DB14FA25AF8A}" dt="2023-10-12T11:38:08.274" v="295"/>
          <ac:spMkLst>
            <pc:docMk/>
            <pc:sldMk cId="2376958513" sldId="260"/>
            <ac:spMk id="4880" creationId="{6FB02DFE-47F0-D702-E740-2D3EC83E8EB8}"/>
          </ac:spMkLst>
        </pc:spChg>
        <pc:spChg chg="mod">
          <ac:chgData name="White, Alex" userId="eff6cc8c-37d8-483b-9c6c-6b27e9afa9bc" providerId="ADAL" clId="{BF04C754-5BF4-4E83-9615-DB14FA25AF8A}" dt="2023-10-12T11:38:08.274" v="295"/>
          <ac:spMkLst>
            <pc:docMk/>
            <pc:sldMk cId="2376958513" sldId="260"/>
            <ac:spMk id="4881" creationId="{FFE8EAB8-0F7E-5D46-A04A-F1F2E0AB62AE}"/>
          </ac:spMkLst>
        </pc:spChg>
        <pc:spChg chg="mod">
          <ac:chgData name="White, Alex" userId="eff6cc8c-37d8-483b-9c6c-6b27e9afa9bc" providerId="ADAL" clId="{BF04C754-5BF4-4E83-9615-DB14FA25AF8A}" dt="2023-10-12T11:38:08.274" v="295"/>
          <ac:spMkLst>
            <pc:docMk/>
            <pc:sldMk cId="2376958513" sldId="260"/>
            <ac:spMk id="4882" creationId="{698BA8BB-D09D-9FCB-3C75-2975723CF0D4}"/>
          </ac:spMkLst>
        </pc:spChg>
        <pc:spChg chg="mod">
          <ac:chgData name="White, Alex" userId="eff6cc8c-37d8-483b-9c6c-6b27e9afa9bc" providerId="ADAL" clId="{BF04C754-5BF4-4E83-9615-DB14FA25AF8A}" dt="2023-10-12T11:38:08.274" v="295"/>
          <ac:spMkLst>
            <pc:docMk/>
            <pc:sldMk cId="2376958513" sldId="260"/>
            <ac:spMk id="4883" creationId="{9F116E98-3B8C-6CC2-FBF9-B3754EF9937E}"/>
          </ac:spMkLst>
        </pc:spChg>
        <pc:spChg chg="mod">
          <ac:chgData name="White, Alex" userId="eff6cc8c-37d8-483b-9c6c-6b27e9afa9bc" providerId="ADAL" clId="{BF04C754-5BF4-4E83-9615-DB14FA25AF8A}" dt="2023-10-12T11:38:08.274" v="295"/>
          <ac:spMkLst>
            <pc:docMk/>
            <pc:sldMk cId="2376958513" sldId="260"/>
            <ac:spMk id="4884" creationId="{BEEEF511-6CFA-2FB2-6D76-DE510846BE4E}"/>
          </ac:spMkLst>
        </pc:spChg>
        <pc:spChg chg="mod">
          <ac:chgData name="White, Alex" userId="eff6cc8c-37d8-483b-9c6c-6b27e9afa9bc" providerId="ADAL" clId="{BF04C754-5BF4-4E83-9615-DB14FA25AF8A}" dt="2023-10-12T11:38:08.274" v="295"/>
          <ac:spMkLst>
            <pc:docMk/>
            <pc:sldMk cId="2376958513" sldId="260"/>
            <ac:spMk id="4885" creationId="{9C347E4E-BC56-8E91-A208-943462A1C09D}"/>
          </ac:spMkLst>
        </pc:spChg>
        <pc:spChg chg="mod">
          <ac:chgData name="White, Alex" userId="eff6cc8c-37d8-483b-9c6c-6b27e9afa9bc" providerId="ADAL" clId="{BF04C754-5BF4-4E83-9615-DB14FA25AF8A}" dt="2023-10-12T11:38:08.274" v="295"/>
          <ac:spMkLst>
            <pc:docMk/>
            <pc:sldMk cId="2376958513" sldId="260"/>
            <ac:spMk id="4886" creationId="{31032947-B92C-C830-7406-261A25635AB9}"/>
          </ac:spMkLst>
        </pc:spChg>
        <pc:spChg chg="mod">
          <ac:chgData name="White, Alex" userId="eff6cc8c-37d8-483b-9c6c-6b27e9afa9bc" providerId="ADAL" clId="{BF04C754-5BF4-4E83-9615-DB14FA25AF8A}" dt="2023-10-12T11:38:08.274" v="295"/>
          <ac:spMkLst>
            <pc:docMk/>
            <pc:sldMk cId="2376958513" sldId="260"/>
            <ac:spMk id="4887" creationId="{13F5548D-B100-6B6B-5B30-2B5BCE1B747E}"/>
          </ac:spMkLst>
        </pc:spChg>
        <pc:spChg chg="mod">
          <ac:chgData name="White, Alex" userId="eff6cc8c-37d8-483b-9c6c-6b27e9afa9bc" providerId="ADAL" clId="{BF04C754-5BF4-4E83-9615-DB14FA25AF8A}" dt="2023-10-12T11:38:08.274" v="295"/>
          <ac:spMkLst>
            <pc:docMk/>
            <pc:sldMk cId="2376958513" sldId="260"/>
            <ac:spMk id="4888" creationId="{CB229F40-0C01-F09E-14FA-7329D1B7C8E9}"/>
          </ac:spMkLst>
        </pc:spChg>
        <pc:spChg chg="mod">
          <ac:chgData name="White, Alex" userId="eff6cc8c-37d8-483b-9c6c-6b27e9afa9bc" providerId="ADAL" clId="{BF04C754-5BF4-4E83-9615-DB14FA25AF8A}" dt="2023-10-12T11:38:08.274" v="295"/>
          <ac:spMkLst>
            <pc:docMk/>
            <pc:sldMk cId="2376958513" sldId="260"/>
            <ac:spMk id="4889" creationId="{73C8D4AD-CB37-1CEE-301E-200179EE7942}"/>
          </ac:spMkLst>
        </pc:spChg>
        <pc:spChg chg="mod">
          <ac:chgData name="White, Alex" userId="eff6cc8c-37d8-483b-9c6c-6b27e9afa9bc" providerId="ADAL" clId="{BF04C754-5BF4-4E83-9615-DB14FA25AF8A}" dt="2023-10-12T11:38:08.274" v="295"/>
          <ac:spMkLst>
            <pc:docMk/>
            <pc:sldMk cId="2376958513" sldId="260"/>
            <ac:spMk id="4890" creationId="{A1A8B35A-6309-EB83-D270-3FB7567AC745}"/>
          </ac:spMkLst>
        </pc:spChg>
        <pc:spChg chg="mod">
          <ac:chgData name="White, Alex" userId="eff6cc8c-37d8-483b-9c6c-6b27e9afa9bc" providerId="ADAL" clId="{BF04C754-5BF4-4E83-9615-DB14FA25AF8A}" dt="2023-10-12T11:38:08.274" v="295"/>
          <ac:spMkLst>
            <pc:docMk/>
            <pc:sldMk cId="2376958513" sldId="260"/>
            <ac:spMk id="4891" creationId="{990BABF7-4F9B-58C8-0543-BA476AFE8E71}"/>
          </ac:spMkLst>
        </pc:spChg>
        <pc:spChg chg="mod">
          <ac:chgData name="White, Alex" userId="eff6cc8c-37d8-483b-9c6c-6b27e9afa9bc" providerId="ADAL" clId="{BF04C754-5BF4-4E83-9615-DB14FA25AF8A}" dt="2023-10-12T11:38:08.274" v="295"/>
          <ac:spMkLst>
            <pc:docMk/>
            <pc:sldMk cId="2376958513" sldId="260"/>
            <ac:spMk id="4892" creationId="{A65FCC06-227E-EC77-BB7D-5E867818AA5E}"/>
          </ac:spMkLst>
        </pc:spChg>
        <pc:spChg chg="mod">
          <ac:chgData name="White, Alex" userId="eff6cc8c-37d8-483b-9c6c-6b27e9afa9bc" providerId="ADAL" clId="{BF04C754-5BF4-4E83-9615-DB14FA25AF8A}" dt="2023-10-12T11:38:08.274" v="295"/>
          <ac:spMkLst>
            <pc:docMk/>
            <pc:sldMk cId="2376958513" sldId="260"/>
            <ac:spMk id="4893" creationId="{792AB1EB-DFF8-0E81-6987-E5F3B7B3F537}"/>
          </ac:spMkLst>
        </pc:spChg>
        <pc:spChg chg="mod">
          <ac:chgData name="White, Alex" userId="eff6cc8c-37d8-483b-9c6c-6b27e9afa9bc" providerId="ADAL" clId="{BF04C754-5BF4-4E83-9615-DB14FA25AF8A}" dt="2023-10-12T11:38:08.274" v="295"/>
          <ac:spMkLst>
            <pc:docMk/>
            <pc:sldMk cId="2376958513" sldId="260"/>
            <ac:spMk id="4894" creationId="{FCAEF804-19F6-0187-A5DC-7F683D247D9A}"/>
          </ac:spMkLst>
        </pc:spChg>
        <pc:spChg chg="mod">
          <ac:chgData name="White, Alex" userId="eff6cc8c-37d8-483b-9c6c-6b27e9afa9bc" providerId="ADAL" clId="{BF04C754-5BF4-4E83-9615-DB14FA25AF8A}" dt="2023-10-12T11:38:08.274" v="295"/>
          <ac:spMkLst>
            <pc:docMk/>
            <pc:sldMk cId="2376958513" sldId="260"/>
            <ac:spMk id="4895" creationId="{B87F65E6-9ACA-BFBA-679C-BFC224868276}"/>
          </ac:spMkLst>
        </pc:spChg>
        <pc:spChg chg="mod">
          <ac:chgData name="White, Alex" userId="eff6cc8c-37d8-483b-9c6c-6b27e9afa9bc" providerId="ADAL" clId="{BF04C754-5BF4-4E83-9615-DB14FA25AF8A}" dt="2023-10-12T11:38:08.274" v="295"/>
          <ac:spMkLst>
            <pc:docMk/>
            <pc:sldMk cId="2376958513" sldId="260"/>
            <ac:spMk id="4896" creationId="{8BEC6AF7-EF4C-9A1D-14EE-07FDBEE8FF35}"/>
          </ac:spMkLst>
        </pc:spChg>
        <pc:spChg chg="mod">
          <ac:chgData name="White, Alex" userId="eff6cc8c-37d8-483b-9c6c-6b27e9afa9bc" providerId="ADAL" clId="{BF04C754-5BF4-4E83-9615-DB14FA25AF8A}" dt="2023-10-12T11:38:08.274" v="295"/>
          <ac:spMkLst>
            <pc:docMk/>
            <pc:sldMk cId="2376958513" sldId="260"/>
            <ac:spMk id="4897" creationId="{AEA6F80E-5E94-9464-252A-9F67CF182439}"/>
          </ac:spMkLst>
        </pc:spChg>
        <pc:spChg chg="mod">
          <ac:chgData name="White, Alex" userId="eff6cc8c-37d8-483b-9c6c-6b27e9afa9bc" providerId="ADAL" clId="{BF04C754-5BF4-4E83-9615-DB14FA25AF8A}" dt="2023-10-12T11:38:08.274" v="295"/>
          <ac:spMkLst>
            <pc:docMk/>
            <pc:sldMk cId="2376958513" sldId="260"/>
            <ac:spMk id="4898" creationId="{9F014651-332E-B269-BD78-CECD228D3505}"/>
          </ac:spMkLst>
        </pc:spChg>
        <pc:spChg chg="mod">
          <ac:chgData name="White, Alex" userId="eff6cc8c-37d8-483b-9c6c-6b27e9afa9bc" providerId="ADAL" clId="{BF04C754-5BF4-4E83-9615-DB14FA25AF8A}" dt="2023-10-12T11:38:08.274" v="295"/>
          <ac:spMkLst>
            <pc:docMk/>
            <pc:sldMk cId="2376958513" sldId="260"/>
            <ac:spMk id="4899" creationId="{3EE9225F-EB87-81A1-8803-51E7C8EC8FA0}"/>
          </ac:spMkLst>
        </pc:spChg>
        <pc:spChg chg="mod">
          <ac:chgData name="White, Alex" userId="eff6cc8c-37d8-483b-9c6c-6b27e9afa9bc" providerId="ADAL" clId="{BF04C754-5BF4-4E83-9615-DB14FA25AF8A}" dt="2023-10-12T11:38:08.274" v="295"/>
          <ac:spMkLst>
            <pc:docMk/>
            <pc:sldMk cId="2376958513" sldId="260"/>
            <ac:spMk id="4900" creationId="{15D25E86-E339-122F-E692-3851E734DF9A}"/>
          </ac:spMkLst>
        </pc:spChg>
        <pc:spChg chg="mod">
          <ac:chgData name="White, Alex" userId="eff6cc8c-37d8-483b-9c6c-6b27e9afa9bc" providerId="ADAL" clId="{BF04C754-5BF4-4E83-9615-DB14FA25AF8A}" dt="2023-10-12T11:38:08.274" v="295"/>
          <ac:spMkLst>
            <pc:docMk/>
            <pc:sldMk cId="2376958513" sldId="260"/>
            <ac:spMk id="4901" creationId="{490CAAC7-609F-EF52-4499-3F3A3FABB1C3}"/>
          </ac:spMkLst>
        </pc:spChg>
        <pc:spChg chg="mod">
          <ac:chgData name="White, Alex" userId="eff6cc8c-37d8-483b-9c6c-6b27e9afa9bc" providerId="ADAL" clId="{BF04C754-5BF4-4E83-9615-DB14FA25AF8A}" dt="2023-10-12T11:38:08.274" v="295"/>
          <ac:spMkLst>
            <pc:docMk/>
            <pc:sldMk cId="2376958513" sldId="260"/>
            <ac:spMk id="4902" creationId="{8C7DD549-59CC-E4DF-FB9D-D66CB894ED55}"/>
          </ac:spMkLst>
        </pc:spChg>
        <pc:spChg chg="mod">
          <ac:chgData name="White, Alex" userId="eff6cc8c-37d8-483b-9c6c-6b27e9afa9bc" providerId="ADAL" clId="{BF04C754-5BF4-4E83-9615-DB14FA25AF8A}" dt="2023-10-12T11:38:08.274" v="295"/>
          <ac:spMkLst>
            <pc:docMk/>
            <pc:sldMk cId="2376958513" sldId="260"/>
            <ac:spMk id="4903" creationId="{DAA625D6-3B2F-4475-22F9-AB2BF9316DF5}"/>
          </ac:spMkLst>
        </pc:spChg>
        <pc:spChg chg="mod">
          <ac:chgData name="White, Alex" userId="eff6cc8c-37d8-483b-9c6c-6b27e9afa9bc" providerId="ADAL" clId="{BF04C754-5BF4-4E83-9615-DB14FA25AF8A}" dt="2023-10-12T11:38:08.274" v="295"/>
          <ac:spMkLst>
            <pc:docMk/>
            <pc:sldMk cId="2376958513" sldId="260"/>
            <ac:spMk id="4904" creationId="{CAFB06E4-4F54-5DF1-4C7E-B8CD7320F7F4}"/>
          </ac:spMkLst>
        </pc:spChg>
        <pc:spChg chg="mod">
          <ac:chgData name="White, Alex" userId="eff6cc8c-37d8-483b-9c6c-6b27e9afa9bc" providerId="ADAL" clId="{BF04C754-5BF4-4E83-9615-DB14FA25AF8A}" dt="2023-10-12T11:38:08.274" v="295"/>
          <ac:spMkLst>
            <pc:docMk/>
            <pc:sldMk cId="2376958513" sldId="260"/>
            <ac:spMk id="4905" creationId="{B7C7BE73-DF0D-6C47-5E90-DFDE1C3F32A0}"/>
          </ac:spMkLst>
        </pc:spChg>
        <pc:spChg chg="mod">
          <ac:chgData name="White, Alex" userId="eff6cc8c-37d8-483b-9c6c-6b27e9afa9bc" providerId="ADAL" clId="{BF04C754-5BF4-4E83-9615-DB14FA25AF8A}" dt="2023-10-12T11:38:08.274" v="295"/>
          <ac:spMkLst>
            <pc:docMk/>
            <pc:sldMk cId="2376958513" sldId="260"/>
            <ac:spMk id="4906" creationId="{55C249C1-F951-3F7E-5C9E-D1E26764AFDC}"/>
          </ac:spMkLst>
        </pc:spChg>
        <pc:spChg chg="mod">
          <ac:chgData name="White, Alex" userId="eff6cc8c-37d8-483b-9c6c-6b27e9afa9bc" providerId="ADAL" clId="{BF04C754-5BF4-4E83-9615-DB14FA25AF8A}" dt="2023-10-12T11:38:08.274" v="295"/>
          <ac:spMkLst>
            <pc:docMk/>
            <pc:sldMk cId="2376958513" sldId="260"/>
            <ac:spMk id="4907" creationId="{E98BF429-2196-F1E4-CCBC-CF475D92229F}"/>
          </ac:spMkLst>
        </pc:spChg>
        <pc:spChg chg="mod">
          <ac:chgData name="White, Alex" userId="eff6cc8c-37d8-483b-9c6c-6b27e9afa9bc" providerId="ADAL" clId="{BF04C754-5BF4-4E83-9615-DB14FA25AF8A}" dt="2023-10-12T11:38:08.274" v="295"/>
          <ac:spMkLst>
            <pc:docMk/>
            <pc:sldMk cId="2376958513" sldId="260"/>
            <ac:spMk id="4908" creationId="{EF249F75-D603-BCFE-39E1-35BC09051B96}"/>
          </ac:spMkLst>
        </pc:spChg>
        <pc:spChg chg="mod">
          <ac:chgData name="White, Alex" userId="eff6cc8c-37d8-483b-9c6c-6b27e9afa9bc" providerId="ADAL" clId="{BF04C754-5BF4-4E83-9615-DB14FA25AF8A}" dt="2023-10-12T11:38:08.274" v="295"/>
          <ac:spMkLst>
            <pc:docMk/>
            <pc:sldMk cId="2376958513" sldId="260"/>
            <ac:spMk id="4909" creationId="{5EDE5A94-B86A-8C11-ED91-50EBDF95DBE2}"/>
          </ac:spMkLst>
        </pc:spChg>
        <pc:spChg chg="mod">
          <ac:chgData name="White, Alex" userId="eff6cc8c-37d8-483b-9c6c-6b27e9afa9bc" providerId="ADAL" clId="{BF04C754-5BF4-4E83-9615-DB14FA25AF8A}" dt="2023-10-12T11:38:08.274" v="295"/>
          <ac:spMkLst>
            <pc:docMk/>
            <pc:sldMk cId="2376958513" sldId="260"/>
            <ac:spMk id="4910" creationId="{D4931F8F-71F8-006E-1E75-8D6DF439DA62}"/>
          </ac:spMkLst>
        </pc:spChg>
        <pc:spChg chg="mod">
          <ac:chgData name="White, Alex" userId="eff6cc8c-37d8-483b-9c6c-6b27e9afa9bc" providerId="ADAL" clId="{BF04C754-5BF4-4E83-9615-DB14FA25AF8A}" dt="2023-10-12T11:38:08.274" v="295"/>
          <ac:spMkLst>
            <pc:docMk/>
            <pc:sldMk cId="2376958513" sldId="260"/>
            <ac:spMk id="4911" creationId="{952C43A7-654E-D9EB-3B7C-E43080869A86}"/>
          </ac:spMkLst>
        </pc:spChg>
        <pc:spChg chg="mod">
          <ac:chgData name="White, Alex" userId="eff6cc8c-37d8-483b-9c6c-6b27e9afa9bc" providerId="ADAL" clId="{BF04C754-5BF4-4E83-9615-DB14FA25AF8A}" dt="2023-10-12T11:38:08.274" v="295"/>
          <ac:spMkLst>
            <pc:docMk/>
            <pc:sldMk cId="2376958513" sldId="260"/>
            <ac:spMk id="4912" creationId="{73E1BCDC-2EEA-3D21-59E6-BC6B617B6388}"/>
          </ac:spMkLst>
        </pc:spChg>
        <pc:spChg chg="mod">
          <ac:chgData name="White, Alex" userId="eff6cc8c-37d8-483b-9c6c-6b27e9afa9bc" providerId="ADAL" clId="{BF04C754-5BF4-4E83-9615-DB14FA25AF8A}" dt="2023-10-12T11:38:08.274" v="295"/>
          <ac:spMkLst>
            <pc:docMk/>
            <pc:sldMk cId="2376958513" sldId="260"/>
            <ac:spMk id="4913" creationId="{A9512DAB-8388-28B1-7A7D-6DDAD251C790}"/>
          </ac:spMkLst>
        </pc:spChg>
        <pc:spChg chg="mod">
          <ac:chgData name="White, Alex" userId="eff6cc8c-37d8-483b-9c6c-6b27e9afa9bc" providerId="ADAL" clId="{BF04C754-5BF4-4E83-9615-DB14FA25AF8A}" dt="2023-10-12T11:38:08.274" v="295"/>
          <ac:spMkLst>
            <pc:docMk/>
            <pc:sldMk cId="2376958513" sldId="260"/>
            <ac:spMk id="4914" creationId="{7FAB4FD9-7A46-93F4-3BF8-E5F595961B4A}"/>
          </ac:spMkLst>
        </pc:spChg>
        <pc:spChg chg="mod">
          <ac:chgData name="White, Alex" userId="eff6cc8c-37d8-483b-9c6c-6b27e9afa9bc" providerId="ADAL" clId="{BF04C754-5BF4-4E83-9615-DB14FA25AF8A}" dt="2023-10-12T11:38:08.274" v="295"/>
          <ac:spMkLst>
            <pc:docMk/>
            <pc:sldMk cId="2376958513" sldId="260"/>
            <ac:spMk id="4915" creationId="{BA1EC186-A65D-7AE1-D914-642D1724F8C5}"/>
          </ac:spMkLst>
        </pc:spChg>
        <pc:spChg chg="mod">
          <ac:chgData name="White, Alex" userId="eff6cc8c-37d8-483b-9c6c-6b27e9afa9bc" providerId="ADAL" clId="{BF04C754-5BF4-4E83-9615-DB14FA25AF8A}" dt="2023-10-12T11:38:08.274" v="295"/>
          <ac:spMkLst>
            <pc:docMk/>
            <pc:sldMk cId="2376958513" sldId="260"/>
            <ac:spMk id="4916" creationId="{3AA2A5D2-0143-D9B2-B323-E90EB454523F}"/>
          </ac:spMkLst>
        </pc:spChg>
        <pc:spChg chg="mod">
          <ac:chgData name="White, Alex" userId="eff6cc8c-37d8-483b-9c6c-6b27e9afa9bc" providerId="ADAL" clId="{BF04C754-5BF4-4E83-9615-DB14FA25AF8A}" dt="2023-10-12T11:38:08.274" v="295"/>
          <ac:spMkLst>
            <pc:docMk/>
            <pc:sldMk cId="2376958513" sldId="260"/>
            <ac:spMk id="4917" creationId="{977670D9-4A0F-1C7A-BFDC-64F0034ABEDD}"/>
          </ac:spMkLst>
        </pc:spChg>
        <pc:spChg chg="mod">
          <ac:chgData name="White, Alex" userId="eff6cc8c-37d8-483b-9c6c-6b27e9afa9bc" providerId="ADAL" clId="{BF04C754-5BF4-4E83-9615-DB14FA25AF8A}" dt="2023-10-12T11:38:08.274" v="295"/>
          <ac:spMkLst>
            <pc:docMk/>
            <pc:sldMk cId="2376958513" sldId="260"/>
            <ac:spMk id="4918" creationId="{D606100E-F802-D897-79EE-85A1304C0798}"/>
          </ac:spMkLst>
        </pc:spChg>
        <pc:spChg chg="mod">
          <ac:chgData name="White, Alex" userId="eff6cc8c-37d8-483b-9c6c-6b27e9afa9bc" providerId="ADAL" clId="{BF04C754-5BF4-4E83-9615-DB14FA25AF8A}" dt="2023-10-12T11:38:08.274" v="295"/>
          <ac:spMkLst>
            <pc:docMk/>
            <pc:sldMk cId="2376958513" sldId="260"/>
            <ac:spMk id="4919" creationId="{E231D55F-47E7-2F7D-71EA-CB3AD77BDA9E}"/>
          </ac:spMkLst>
        </pc:spChg>
        <pc:spChg chg="mod">
          <ac:chgData name="White, Alex" userId="eff6cc8c-37d8-483b-9c6c-6b27e9afa9bc" providerId="ADAL" clId="{BF04C754-5BF4-4E83-9615-DB14FA25AF8A}" dt="2023-10-12T11:38:08.274" v="295"/>
          <ac:spMkLst>
            <pc:docMk/>
            <pc:sldMk cId="2376958513" sldId="260"/>
            <ac:spMk id="4920" creationId="{2C8D1501-B091-B62F-84C6-A2493FA96A53}"/>
          </ac:spMkLst>
        </pc:spChg>
        <pc:spChg chg="mod">
          <ac:chgData name="White, Alex" userId="eff6cc8c-37d8-483b-9c6c-6b27e9afa9bc" providerId="ADAL" clId="{BF04C754-5BF4-4E83-9615-DB14FA25AF8A}" dt="2023-10-12T11:38:08.274" v="295"/>
          <ac:spMkLst>
            <pc:docMk/>
            <pc:sldMk cId="2376958513" sldId="260"/>
            <ac:spMk id="4921" creationId="{E4204882-483A-B8D8-277B-BF5CE243EA4D}"/>
          </ac:spMkLst>
        </pc:spChg>
        <pc:spChg chg="mod">
          <ac:chgData name="White, Alex" userId="eff6cc8c-37d8-483b-9c6c-6b27e9afa9bc" providerId="ADAL" clId="{BF04C754-5BF4-4E83-9615-DB14FA25AF8A}" dt="2023-10-12T11:38:08.274" v="295"/>
          <ac:spMkLst>
            <pc:docMk/>
            <pc:sldMk cId="2376958513" sldId="260"/>
            <ac:spMk id="4922" creationId="{814106DC-D56C-EF0D-797A-239271596627}"/>
          </ac:spMkLst>
        </pc:spChg>
        <pc:spChg chg="mod">
          <ac:chgData name="White, Alex" userId="eff6cc8c-37d8-483b-9c6c-6b27e9afa9bc" providerId="ADAL" clId="{BF04C754-5BF4-4E83-9615-DB14FA25AF8A}" dt="2023-10-12T11:38:08.274" v="295"/>
          <ac:spMkLst>
            <pc:docMk/>
            <pc:sldMk cId="2376958513" sldId="260"/>
            <ac:spMk id="4923" creationId="{C0B21259-F51C-6029-7458-EF3BD1AE0C95}"/>
          </ac:spMkLst>
        </pc:spChg>
        <pc:spChg chg="mod">
          <ac:chgData name="White, Alex" userId="eff6cc8c-37d8-483b-9c6c-6b27e9afa9bc" providerId="ADAL" clId="{BF04C754-5BF4-4E83-9615-DB14FA25AF8A}" dt="2023-10-12T11:38:08.274" v="295"/>
          <ac:spMkLst>
            <pc:docMk/>
            <pc:sldMk cId="2376958513" sldId="260"/>
            <ac:spMk id="4924" creationId="{4C43A723-C2F4-BB22-BC03-C4CEBD5DED34}"/>
          </ac:spMkLst>
        </pc:spChg>
        <pc:spChg chg="mod">
          <ac:chgData name="White, Alex" userId="eff6cc8c-37d8-483b-9c6c-6b27e9afa9bc" providerId="ADAL" clId="{BF04C754-5BF4-4E83-9615-DB14FA25AF8A}" dt="2023-10-12T11:38:08.274" v="295"/>
          <ac:spMkLst>
            <pc:docMk/>
            <pc:sldMk cId="2376958513" sldId="260"/>
            <ac:spMk id="4925" creationId="{4F389DC1-3165-7D54-63CE-2115CBB590C8}"/>
          </ac:spMkLst>
        </pc:spChg>
        <pc:spChg chg="mod">
          <ac:chgData name="White, Alex" userId="eff6cc8c-37d8-483b-9c6c-6b27e9afa9bc" providerId="ADAL" clId="{BF04C754-5BF4-4E83-9615-DB14FA25AF8A}" dt="2023-10-12T11:38:08.274" v="295"/>
          <ac:spMkLst>
            <pc:docMk/>
            <pc:sldMk cId="2376958513" sldId="260"/>
            <ac:spMk id="4926" creationId="{B1A8F232-527C-6AE2-DA69-976479DFFF16}"/>
          </ac:spMkLst>
        </pc:spChg>
        <pc:spChg chg="mod">
          <ac:chgData name="White, Alex" userId="eff6cc8c-37d8-483b-9c6c-6b27e9afa9bc" providerId="ADAL" clId="{BF04C754-5BF4-4E83-9615-DB14FA25AF8A}" dt="2023-10-12T11:38:08.274" v="295"/>
          <ac:spMkLst>
            <pc:docMk/>
            <pc:sldMk cId="2376958513" sldId="260"/>
            <ac:spMk id="4927" creationId="{D4BBFDC5-2734-8A18-3A6A-37621ADD553F}"/>
          </ac:spMkLst>
        </pc:spChg>
        <pc:spChg chg="mod">
          <ac:chgData name="White, Alex" userId="eff6cc8c-37d8-483b-9c6c-6b27e9afa9bc" providerId="ADAL" clId="{BF04C754-5BF4-4E83-9615-DB14FA25AF8A}" dt="2023-10-12T11:38:08.274" v="295"/>
          <ac:spMkLst>
            <pc:docMk/>
            <pc:sldMk cId="2376958513" sldId="260"/>
            <ac:spMk id="4928" creationId="{BCF8FC86-BEBC-4FFF-9CE5-F657DF45E509}"/>
          </ac:spMkLst>
        </pc:spChg>
        <pc:spChg chg="mod">
          <ac:chgData name="White, Alex" userId="eff6cc8c-37d8-483b-9c6c-6b27e9afa9bc" providerId="ADAL" clId="{BF04C754-5BF4-4E83-9615-DB14FA25AF8A}" dt="2023-10-12T11:38:08.274" v="295"/>
          <ac:spMkLst>
            <pc:docMk/>
            <pc:sldMk cId="2376958513" sldId="260"/>
            <ac:spMk id="4929" creationId="{521EA973-58C0-A551-6458-1F8C9060D3AF}"/>
          </ac:spMkLst>
        </pc:spChg>
        <pc:spChg chg="mod">
          <ac:chgData name="White, Alex" userId="eff6cc8c-37d8-483b-9c6c-6b27e9afa9bc" providerId="ADAL" clId="{BF04C754-5BF4-4E83-9615-DB14FA25AF8A}" dt="2023-10-12T11:38:08.274" v="295"/>
          <ac:spMkLst>
            <pc:docMk/>
            <pc:sldMk cId="2376958513" sldId="260"/>
            <ac:spMk id="4930" creationId="{6F58D672-E056-B696-1342-99A7C4D8E775}"/>
          </ac:spMkLst>
        </pc:spChg>
        <pc:spChg chg="mod">
          <ac:chgData name="White, Alex" userId="eff6cc8c-37d8-483b-9c6c-6b27e9afa9bc" providerId="ADAL" clId="{BF04C754-5BF4-4E83-9615-DB14FA25AF8A}" dt="2023-10-12T11:38:08.274" v="295"/>
          <ac:spMkLst>
            <pc:docMk/>
            <pc:sldMk cId="2376958513" sldId="260"/>
            <ac:spMk id="4931" creationId="{C54057F7-5272-5CD1-5D44-C2AB4D921C39}"/>
          </ac:spMkLst>
        </pc:spChg>
        <pc:spChg chg="mod">
          <ac:chgData name="White, Alex" userId="eff6cc8c-37d8-483b-9c6c-6b27e9afa9bc" providerId="ADAL" clId="{BF04C754-5BF4-4E83-9615-DB14FA25AF8A}" dt="2023-10-12T11:38:08.274" v="295"/>
          <ac:spMkLst>
            <pc:docMk/>
            <pc:sldMk cId="2376958513" sldId="260"/>
            <ac:spMk id="4932" creationId="{C5D53BBD-A37D-8470-637C-681305683350}"/>
          </ac:spMkLst>
        </pc:spChg>
        <pc:spChg chg="mod">
          <ac:chgData name="White, Alex" userId="eff6cc8c-37d8-483b-9c6c-6b27e9afa9bc" providerId="ADAL" clId="{BF04C754-5BF4-4E83-9615-DB14FA25AF8A}" dt="2023-10-12T11:38:08.274" v="295"/>
          <ac:spMkLst>
            <pc:docMk/>
            <pc:sldMk cId="2376958513" sldId="260"/>
            <ac:spMk id="4933" creationId="{73383F02-2436-52E5-F48E-2F93189B8E6F}"/>
          </ac:spMkLst>
        </pc:spChg>
        <pc:spChg chg="mod">
          <ac:chgData name="White, Alex" userId="eff6cc8c-37d8-483b-9c6c-6b27e9afa9bc" providerId="ADAL" clId="{BF04C754-5BF4-4E83-9615-DB14FA25AF8A}" dt="2023-10-12T11:38:08.274" v="295"/>
          <ac:spMkLst>
            <pc:docMk/>
            <pc:sldMk cId="2376958513" sldId="260"/>
            <ac:spMk id="4934" creationId="{78E66EEF-966F-5201-2424-95EC014A50DC}"/>
          </ac:spMkLst>
        </pc:spChg>
        <pc:spChg chg="mod">
          <ac:chgData name="White, Alex" userId="eff6cc8c-37d8-483b-9c6c-6b27e9afa9bc" providerId="ADAL" clId="{BF04C754-5BF4-4E83-9615-DB14FA25AF8A}" dt="2023-10-12T11:38:08.274" v="295"/>
          <ac:spMkLst>
            <pc:docMk/>
            <pc:sldMk cId="2376958513" sldId="260"/>
            <ac:spMk id="4935" creationId="{360CC479-65B4-2313-0277-F46048CF8C5F}"/>
          </ac:spMkLst>
        </pc:spChg>
        <pc:spChg chg="mod">
          <ac:chgData name="White, Alex" userId="eff6cc8c-37d8-483b-9c6c-6b27e9afa9bc" providerId="ADAL" clId="{BF04C754-5BF4-4E83-9615-DB14FA25AF8A}" dt="2023-10-12T11:38:08.274" v="295"/>
          <ac:spMkLst>
            <pc:docMk/>
            <pc:sldMk cId="2376958513" sldId="260"/>
            <ac:spMk id="4936" creationId="{E20485A9-8150-AA6B-E22C-C73376B981BC}"/>
          </ac:spMkLst>
        </pc:spChg>
        <pc:spChg chg="mod">
          <ac:chgData name="White, Alex" userId="eff6cc8c-37d8-483b-9c6c-6b27e9afa9bc" providerId="ADAL" clId="{BF04C754-5BF4-4E83-9615-DB14FA25AF8A}" dt="2023-10-12T11:38:08.274" v="295"/>
          <ac:spMkLst>
            <pc:docMk/>
            <pc:sldMk cId="2376958513" sldId="260"/>
            <ac:spMk id="4937" creationId="{53A2A56F-B6D2-CA5C-4EBC-C4FA6DFE3996}"/>
          </ac:spMkLst>
        </pc:spChg>
        <pc:spChg chg="mod">
          <ac:chgData name="White, Alex" userId="eff6cc8c-37d8-483b-9c6c-6b27e9afa9bc" providerId="ADAL" clId="{BF04C754-5BF4-4E83-9615-DB14FA25AF8A}" dt="2023-10-12T11:38:08.274" v="295"/>
          <ac:spMkLst>
            <pc:docMk/>
            <pc:sldMk cId="2376958513" sldId="260"/>
            <ac:spMk id="4938" creationId="{4454E6F7-B7A3-0F41-AF16-ED61A4AD8EED}"/>
          </ac:spMkLst>
        </pc:spChg>
        <pc:spChg chg="mod">
          <ac:chgData name="White, Alex" userId="eff6cc8c-37d8-483b-9c6c-6b27e9afa9bc" providerId="ADAL" clId="{BF04C754-5BF4-4E83-9615-DB14FA25AF8A}" dt="2023-10-12T11:38:08.274" v="295"/>
          <ac:spMkLst>
            <pc:docMk/>
            <pc:sldMk cId="2376958513" sldId="260"/>
            <ac:spMk id="4939" creationId="{ECEF60F4-9022-6076-4D86-0C68686E6DDB}"/>
          </ac:spMkLst>
        </pc:spChg>
        <pc:spChg chg="mod">
          <ac:chgData name="White, Alex" userId="eff6cc8c-37d8-483b-9c6c-6b27e9afa9bc" providerId="ADAL" clId="{BF04C754-5BF4-4E83-9615-DB14FA25AF8A}" dt="2023-10-12T11:38:08.274" v="295"/>
          <ac:spMkLst>
            <pc:docMk/>
            <pc:sldMk cId="2376958513" sldId="260"/>
            <ac:spMk id="4940" creationId="{33EBA635-7E89-6221-AF50-619496D501AF}"/>
          </ac:spMkLst>
        </pc:spChg>
        <pc:spChg chg="mod">
          <ac:chgData name="White, Alex" userId="eff6cc8c-37d8-483b-9c6c-6b27e9afa9bc" providerId="ADAL" clId="{BF04C754-5BF4-4E83-9615-DB14FA25AF8A}" dt="2023-10-12T11:38:08.274" v="295"/>
          <ac:spMkLst>
            <pc:docMk/>
            <pc:sldMk cId="2376958513" sldId="260"/>
            <ac:spMk id="4941" creationId="{ED65700E-8346-2B40-4295-E538059C2240}"/>
          </ac:spMkLst>
        </pc:spChg>
        <pc:spChg chg="mod">
          <ac:chgData name="White, Alex" userId="eff6cc8c-37d8-483b-9c6c-6b27e9afa9bc" providerId="ADAL" clId="{BF04C754-5BF4-4E83-9615-DB14FA25AF8A}" dt="2023-10-12T11:38:08.274" v="295"/>
          <ac:spMkLst>
            <pc:docMk/>
            <pc:sldMk cId="2376958513" sldId="260"/>
            <ac:spMk id="4942" creationId="{FF44410A-B647-0716-3B9F-49EC175AD93D}"/>
          </ac:spMkLst>
        </pc:spChg>
        <pc:spChg chg="mod">
          <ac:chgData name="White, Alex" userId="eff6cc8c-37d8-483b-9c6c-6b27e9afa9bc" providerId="ADAL" clId="{BF04C754-5BF4-4E83-9615-DB14FA25AF8A}" dt="2023-10-12T11:38:08.274" v="295"/>
          <ac:spMkLst>
            <pc:docMk/>
            <pc:sldMk cId="2376958513" sldId="260"/>
            <ac:spMk id="4943" creationId="{79ABABAB-C29F-89A6-81E9-9A6EE9AD1801}"/>
          </ac:spMkLst>
        </pc:spChg>
        <pc:spChg chg="mod">
          <ac:chgData name="White, Alex" userId="eff6cc8c-37d8-483b-9c6c-6b27e9afa9bc" providerId="ADAL" clId="{BF04C754-5BF4-4E83-9615-DB14FA25AF8A}" dt="2023-10-12T11:38:08.274" v="295"/>
          <ac:spMkLst>
            <pc:docMk/>
            <pc:sldMk cId="2376958513" sldId="260"/>
            <ac:spMk id="4944" creationId="{94C436B4-226E-78FC-9152-CFA1670CF996}"/>
          </ac:spMkLst>
        </pc:spChg>
        <pc:spChg chg="mod">
          <ac:chgData name="White, Alex" userId="eff6cc8c-37d8-483b-9c6c-6b27e9afa9bc" providerId="ADAL" clId="{BF04C754-5BF4-4E83-9615-DB14FA25AF8A}" dt="2023-10-12T11:38:08.274" v="295"/>
          <ac:spMkLst>
            <pc:docMk/>
            <pc:sldMk cId="2376958513" sldId="260"/>
            <ac:spMk id="4945" creationId="{E2691D1B-642B-9F51-03E9-84AB15D73B86}"/>
          </ac:spMkLst>
        </pc:spChg>
        <pc:spChg chg="mod">
          <ac:chgData name="White, Alex" userId="eff6cc8c-37d8-483b-9c6c-6b27e9afa9bc" providerId="ADAL" clId="{BF04C754-5BF4-4E83-9615-DB14FA25AF8A}" dt="2023-10-12T11:38:08.274" v="295"/>
          <ac:spMkLst>
            <pc:docMk/>
            <pc:sldMk cId="2376958513" sldId="260"/>
            <ac:spMk id="4946" creationId="{889CAA82-E96F-D306-3851-0FC2D876226B}"/>
          </ac:spMkLst>
        </pc:spChg>
        <pc:spChg chg="mod">
          <ac:chgData name="White, Alex" userId="eff6cc8c-37d8-483b-9c6c-6b27e9afa9bc" providerId="ADAL" clId="{BF04C754-5BF4-4E83-9615-DB14FA25AF8A}" dt="2023-10-12T11:38:08.274" v="295"/>
          <ac:spMkLst>
            <pc:docMk/>
            <pc:sldMk cId="2376958513" sldId="260"/>
            <ac:spMk id="4947" creationId="{C01001AA-779C-819F-E37A-7C64D9137566}"/>
          </ac:spMkLst>
        </pc:spChg>
        <pc:spChg chg="mod">
          <ac:chgData name="White, Alex" userId="eff6cc8c-37d8-483b-9c6c-6b27e9afa9bc" providerId="ADAL" clId="{BF04C754-5BF4-4E83-9615-DB14FA25AF8A}" dt="2023-10-12T11:38:08.274" v="295"/>
          <ac:spMkLst>
            <pc:docMk/>
            <pc:sldMk cId="2376958513" sldId="260"/>
            <ac:spMk id="4948" creationId="{AF576E8D-5EC6-E8BE-D92C-F90396179594}"/>
          </ac:spMkLst>
        </pc:spChg>
        <pc:spChg chg="mod">
          <ac:chgData name="White, Alex" userId="eff6cc8c-37d8-483b-9c6c-6b27e9afa9bc" providerId="ADAL" clId="{BF04C754-5BF4-4E83-9615-DB14FA25AF8A}" dt="2023-10-12T11:38:08.274" v="295"/>
          <ac:spMkLst>
            <pc:docMk/>
            <pc:sldMk cId="2376958513" sldId="260"/>
            <ac:spMk id="4949" creationId="{22F76D9E-82CF-D923-D2B3-F5893D8243CE}"/>
          </ac:spMkLst>
        </pc:spChg>
        <pc:spChg chg="mod">
          <ac:chgData name="White, Alex" userId="eff6cc8c-37d8-483b-9c6c-6b27e9afa9bc" providerId="ADAL" clId="{BF04C754-5BF4-4E83-9615-DB14FA25AF8A}" dt="2023-10-12T11:38:08.274" v="295"/>
          <ac:spMkLst>
            <pc:docMk/>
            <pc:sldMk cId="2376958513" sldId="260"/>
            <ac:spMk id="4950" creationId="{D7813F1C-EEFE-054B-8A03-02BA98FFE829}"/>
          </ac:spMkLst>
        </pc:spChg>
        <pc:spChg chg="mod">
          <ac:chgData name="White, Alex" userId="eff6cc8c-37d8-483b-9c6c-6b27e9afa9bc" providerId="ADAL" clId="{BF04C754-5BF4-4E83-9615-DB14FA25AF8A}" dt="2023-10-12T11:38:08.274" v="295"/>
          <ac:spMkLst>
            <pc:docMk/>
            <pc:sldMk cId="2376958513" sldId="260"/>
            <ac:spMk id="4951" creationId="{2EA6583E-63FF-7924-59CC-F77E08DC6BF7}"/>
          </ac:spMkLst>
        </pc:spChg>
        <pc:spChg chg="mod">
          <ac:chgData name="White, Alex" userId="eff6cc8c-37d8-483b-9c6c-6b27e9afa9bc" providerId="ADAL" clId="{BF04C754-5BF4-4E83-9615-DB14FA25AF8A}" dt="2023-10-12T11:38:08.274" v="295"/>
          <ac:spMkLst>
            <pc:docMk/>
            <pc:sldMk cId="2376958513" sldId="260"/>
            <ac:spMk id="4952" creationId="{FA955297-70EE-629C-AA26-C77A36E304D5}"/>
          </ac:spMkLst>
        </pc:spChg>
        <pc:spChg chg="mod">
          <ac:chgData name="White, Alex" userId="eff6cc8c-37d8-483b-9c6c-6b27e9afa9bc" providerId="ADAL" clId="{BF04C754-5BF4-4E83-9615-DB14FA25AF8A}" dt="2023-10-12T11:38:08.274" v="295"/>
          <ac:spMkLst>
            <pc:docMk/>
            <pc:sldMk cId="2376958513" sldId="260"/>
            <ac:spMk id="4953" creationId="{8C45481C-4100-6C77-68C9-C3463B5D53F1}"/>
          </ac:spMkLst>
        </pc:spChg>
        <pc:spChg chg="mod">
          <ac:chgData name="White, Alex" userId="eff6cc8c-37d8-483b-9c6c-6b27e9afa9bc" providerId="ADAL" clId="{BF04C754-5BF4-4E83-9615-DB14FA25AF8A}" dt="2023-10-12T11:38:08.274" v="295"/>
          <ac:spMkLst>
            <pc:docMk/>
            <pc:sldMk cId="2376958513" sldId="260"/>
            <ac:spMk id="4954" creationId="{0E1C0726-D8BF-A578-618C-17FAB669DA17}"/>
          </ac:spMkLst>
        </pc:spChg>
        <pc:spChg chg="mod">
          <ac:chgData name="White, Alex" userId="eff6cc8c-37d8-483b-9c6c-6b27e9afa9bc" providerId="ADAL" clId="{BF04C754-5BF4-4E83-9615-DB14FA25AF8A}" dt="2023-10-12T11:38:08.274" v="295"/>
          <ac:spMkLst>
            <pc:docMk/>
            <pc:sldMk cId="2376958513" sldId="260"/>
            <ac:spMk id="4955" creationId="{B1ED36F8-9799-E914-2F5C-464641F7F9DE}"/>
          </ac:spMkLst>
        </pc:spChg>
        <pc:spChg chg="mod">
          <ac:chgData name="White, Alex" userId="eff6cc8c-37d8-483b-9c6c-6b27e9afa9bc" providerId="ADAL" clId="{BF04C754-5BF4-4E83-9615-DB14FA25AF8A}" dt="2023-10-12T11:38:08.274" v="295"/>
          <ac:spMkLst>
            <pc:docMk/>
            <pc:sldMk cId="2376958513" sldId="260"/>
            <ac:spMk id="4956" creationId="{BB6F365C-DC23-0FD4-D2E4-763FD63851CA}"/>
          </ac:spMkLst>
        </pc:spChg>
        <pc:spChg chg="mod">
          <ac:chgData name="White, Alex" userId="eff6cc8c-37d8-483b-9c6c-6b27e9afa9bc" providerId="ADAL" clId="{BF04C754-5BF4-4E83-9615-DB14FA25AF8A}" dt="2023-10-12T11:38:08.274" v="295"/>
          <ac:spMkLst>
            <pc:docMk/>
            <pc:sldMk cId="2376958513" sldId="260"/>
            <ac:spMk id="4957" creationId="{46964B1C-BA41-452B-BCFC-A2201AB6AD4D}"/>
          </ac:spMkLst>
        </pc:spChg>
        <pc:spChg chg="mod">
          <ac:chgData name="White, Alex" userId="eff6cc8c-37d8-483b-9c6c-6b27e9afa9bc" providerId="ADAL" clId="{BF04C754-5BF4-4E83-9615-DB14FA25AF8A}" dt="2023-10-12T11:38:08.274" v="295"/>
          <ac:spMkLst>
            <pc:docMk/>
            <pc:sldMk cId="2376958513" sldId="260"/>
            <ac:spMk id="4958" creationId="{E756AE39-278A-9E15-7DF7-1AF6125BDAF1}"/>
          </ac:spMkLst>
        </pc:spChg>
        <pc:spChg chg="mod">
          <ac:chgData name="White, Alex" userId="eff6cc8c-37d8-483b-9c6c-6b27e9afa9bc" providerId="ADAL" clId="{BF04C754-5BF4-4E83-9615-DB14FA25AF8A}" dt="2023-10-12T11:38:08.274" v="295"/>
          <ac:spMkLst>
            <pc:docMk/>
            <pc:sldMk cId="2376958513" sldId="260"/>
            <ac:spMk id="4959" creationId="{553C3843-A9E4-A3F3-1E06-7A2F48CBC2FB}"/>
          </ac:spMkLst>
        </pc:spChg>
        <pc:spChg chg="mod">
          <ac:chgData name="White, Alex" userId="eff6cc8c-37d8-483b-9c6c-6b27e9afa9bc" providerId="ADAL" clId="{BF04C754-5BF4-4E83-9615-DB14FA25AF8A}" dt="2023-10-12T11:38:08.274" v="295"/>
          <ac:spMkLst>
            <pc:docMk/>
            <pc:sldMk cId="2376958513" sldId="260"/>
            <ac:spMk id="4960" creationId="{986730EA-58CC-C4A0-AFCF-6B1C29023991}"/>
          </ac:spMkLst>
        </pc:spChg>
        <pc:spChg chg="mod">
          <ac:chgData name="White, Alex" userId="eff6cc8c-37d8-483b-9c6c-6b27e9afa9bc" providerId="ADAL" clId="{BF04C754-5BF4-4E83-9615-DB14FA25AF8A}" dt="2023-10-12T11:38:08.274" v="295"/>
          <ac:spMkLst>
            <pc:docMk/>
            <pc:sldMk cId="2376958513" sldId="260"/>
            <ac:spMk id="4961" creationId="{C217B07E-598E-B8E4-0F66-E1B529F669D6}"/>
          </ac:spMkLst>
        </pc:spChg>
        <pc:spChg chg="mod">
          <ac:chgData name="White, Alex" userId="eff6cc8c-37d8-483b-9c6c-6b27e9afa9bc" providerId="ADAL" clId="{BF04C754-5BF4-4E83-9615-DB14FA25AF8A}" dt="2023-10-12T11:38:08.274" v="295"/>
          <ac:spMkLst>
            <pc:docMk/>
            <pc:sldMk cId="2376958513" sldId="260"/>
            <ac:spMk id="4962" creationId="{D51B1395-4AA1-8105-7F23-15C90293914B}"/>
          </ac:spMkLst>
        </pc:spChg>
        <pc:spChg chg="mod">
          <ac:chgData name="White, Alex" userId="eff6cc8c-37d8-483b-9c6c-6b27e9afa9bc" providerId="ADAL" clId="{BF04C754-5BF4-4E83-9615-DB14FA25AF8A}" dt="2023-10-12T11:38:08.274" v="295"/>
          <ac:spMkLst>
            <pc:docMk/>
            <pc:sldMk cId="2376958513" sldId="260"/>
            <ac:spMk id="4963" creationId="{B20F3D48-57B7-6843-83D6-E853347463E2}"/>
          </ac:spMkLst>
        </pc:spChg>
        <pc:spChg chg="mod">
          <ac:chgData name="White, Alex" userId="eff6cc8c-37d8-483b-9c6c-6b27e9afa9bc" providerId="ADAL" clId="{BF04C754-5BF4-4E83-9615-DB14FA25AF8A}" dt="2023-10-12T11:38:08.274" v="295"/>
          <ac:spMkLst>
            <pc:docMk/>
            <pc:sldMk cId="2376958513" sldId="260"/>
            <ac:spMk id="4964" creationId="{3FF117D8-9DC6-F6E0-74A8-6F595EEB6C58}"/>
          </ac:spMkLst>
        </pc:spChg>
        <pc:spChg chg="mod">
          <ac:chgData name="White, Alex" userId="eff6cc8c-37d8-483b-9c6c-6b27e9afa9bc" providerId="ADAL" clId="{BF04C754-5BF4-4E83-9615-DB14FA25AF8A}" dt="2023-10-12T11:38:08.274" v="295"/>
          <ac:spMkLst>
            <pc:docMk/>
            <pc:sldMk cId="2376958513" sldId="260"/>
            <ac:spMk id="4965" creationId="{B7863CCD-6F76-C855-1599-CC063C572ADB}"/>
          </ac:spMkLst>
        </pc:spChg>
        <pc:spChg chg="mod">
          <ac:chgData name="White, Alex" userId="eff6cc8c-37d8-483b-9c6c-6b27e9afa9bc" providerId="ADAL" clId="{BF04C754-5BF4-4E83-9615-DB14FA25AF8A}" dt="2023-10-12T11:38:08.274" v="295"/>
          <ac:spMkLst>
            <pc:docMk/>
            <pc:sldMk cId="2376958513" sldId="260"/>
            <ac:spMk id="4966" creationId="{08CDF2F0-7B3C-0C17-B5CB-AE1DA844B1DE}"/>
          </ac:spMkLst>
        </pc:spChg>
        <pc:spChg chg="mod">
          <ac:chgData name="White, Alex" userId="eff6cc8c-37d8-483b-9c6c-6b27e9afa9bc" providerId="ADAL" clId="{BF04C754-5BF4-4E83-9615-DB14FA25AF8A}" dt="2023-10-12T11:38:08.274" v="295"/>
          <ac:spMkLst>
            <pc:docMk/>
            <pc:sldMk cId="2376958513" sldId="260"/>
            <ac:spMk id="4967" creationId="{D2C29914-A077-183E-2361-6BF5980636DC}"/>
          </ac:spMkLst>
        </pc:spChg>
        <pc:spChg chg="mod">
          <ac:chgData name="White, Alex" userId="eff6cc8c-37d8-483b-9c6c-6b27e9afa9bc" providerId="ADAL" clId="{BF04C754-5BF4-4E83-9615-DB14FA25AF8A}" dt="2023-10-12T11:38:08.274" v="295"/>
          <ac:spMkLst>
            <pc:docMk/>
            <pc:sldMk cId="2376958513" sldId="260"/>
            <ac:spMk id="4968" creationId="{62C0B3B9-4892-013F-A6C5-ED7E4EC06B58}"/>
          </ac:spMkLst>
        </pc:spChg>
        <pc:spChg chg="mod">
          <ac:chgData name="White, Alex" userId="eff6cc8c-37d8-483b-9c6c-6b27e9afa9bc" providerId="ADAL" clId="{BF04C754-5BF4-4E83-9615-DB14FA25AF8A}" dt="2023-10-12T11:38:08.274" v="295"/>
          <ac:spMkLst>
            <pc:docMk/>
            <pc:sldMk cId="2376958513" sldId="260"/>
            <ac:spMk id="4969" creationId="{67EB9612-4026-D6F6-418F-26E127E5409B}"/>
          </ac:spMkLst>
        </pc:spChg>
        <pc:spChg chg="mod">
          <ac:chgData name="White, Alex" userId="eff6cc8c-37d8-483b-9c6c-6b27e9afa9bc" providerId="ADAL" clId="{BF04C754-5BF4-4E83-9615-DB14FA25AF8A}" dt="2023-10-12T11:38:08.274" v="295"/>
          <ac:spMkLst>
            <pc:docMk/>
            <pc:sldMk cId="2376958513" sldId="260"/>
            <ac:spMk id="4970" creationId="{7B9E59F0-759A-E7A4-26A0-11D566D0FF4F}"/>
          </ac:spMkLst>
        </pc:spChg>
        <pc:spChg chg="mod">
          <ac:chgData name="White, Alex" userId="eff6cc8c-37d8-483b-9c6c-6b27e9afa9bc" providerId="ADAL" clId="{BF04C754-5BF4-4E83-9615-DB14FA25AF8A}" dt="2023-10-12T11:38:08.274" v="295"/>
          <ac:spMkLst>
            <pc:docMk/>
            <pc:sldMk cId="2376958513" sldId="260"/>
            <ac:spMk id="4971" creationId="{C02E05CD-9F95-875D-CF5B-9A1AC41287E7}"/>
          </ac:spMkLst>
        </pc:spChg>
        <pc:spChg chg="mod">
          <ac:chgData name="White, Alex" userId="eff6cc8c-37d8-483b-9c6c-6b27e9afa9bc" providerId="ADAL" clId="{BF04C754-5BF4-4E83-9615-DB14FA25AF8A}" dt="2023-10-12T11:38:08.274" v="295"/>
          <ac:spMkLst>
            <pc:docMk/>
            <pc:sldMk cId="2376958513" sldId="260"/>
            <ac:spMk id="4972" creationId="{7EF31B5B-4BFE-41D5-409E-2CE50CE958AB}"/>
          </ac:spMkLst>
        </pc:spChg>
        <pc:spChg chg="mod">
          <ac:chgData name="White, Alex" userId="eff6cc8c-37d8-483b-9c6c-6b27e9afa9bc" providerId="ADAL" clId="{BF04C754-5BF4-4E83-9615-DB14FA25AF8A}" dt="2023-10-12T11:38:08.274" v="295"/>
          <ac:spMkLst>
            <pc:docMk/>
            <pc:sldMk cId="2376958513" sldId="260"/>
            <ac:spMk id="4973" creationId="{01854D36-04F2-DA38-DFC2-4BD0E5402DA6}"/>
          </ac:spMkLst>
        </pc:spChg>
        <pc:spChg chg="mod">
          <ac:chgData name="White, Alex" userId="eff6cc8c-37d8-483b-9c6c-6b27e9afa9bc" providerId="ADAL" clId="{BF04C754-5BF4-4E83-9615-DB14FA25AF8A}" dt="2023-10-12T11:38:08.274" v="295"/>
          <ac:spMkLst>
            <pc:docMk/>
            <pc:sldMk cId="2376958513" sldId="260"/>
            <ac:spMk id="4974" creationId="{06ACB96E-7902-7374-3F41-C9B9C3813604}"/>
          </ac:spMkLst>
        </pc:spChg>
        <pc:spChg chg="mod">
          <ac:chgData name="White, Alex" userId="eff6cc8c-37d8-483b-9c6c-6b27e9afa9bc" providerId="ADAL" clId="{BF04C754-5BF4-4E83-9615-DB14FA25AF8A}" dt="2023-10-12T11:38:08.274" v="295"/>
          <ac:spMkLst>
            <pc:docMk/>
            <pc:sldMk cId="2376958513" sldId="260"/>
            <ac:spMk id="4975" creationId="{06158076-1C25-38F9-446F-66462B75842B}"/>
          </ac:spMkLst>
        </pc:spChg>
        <pc:spChg chg="mod">
          <ac:chgData name="White, Alex" userId="eff6cc8c-37d8-483b-9c6c-6b27e9afa9bc" providerId="ADAL" clId="{BF04C754-5BF4-4E83-9615-DB14FA25AF8A}" dt="2023-10-12T11:38:08.274" v="295"/>
          <ac:spMkLst>
            <pc:docMk/>
            <pc:sldMk cId="2376958513" sldId="260"/>
            <ac:spMk id="4976" creationId="{7F24DDED-3F5D-2AE8-2BEE-882EDAB478DF}"/>
          </ac:spMkLst>
        </pc:spChg>
        <pc:spChg chg="mod">
          <ac:chgData name="White, Alex" userId="eff6cc8c-37d8-483b-9c6c-6b27e9afa9bc" providerId="ADAL" clId="{BF04C754-5BF4-4E83-9615-DB14FA25AF8A}" dt="2023-10-12T11:38:08.274" v="295"/>
          <ac:spMkLst>
            <pc:docMk/>
            <pc:sldMk cId="2376958513" sldId="260"/>
            <ac:spMk id="4977" creationId="{FBAF324A-4E99-9E96-C37D-A7EDD3DFD17B}"/>
          </ac:spMkLst>
        </pc:spChg>
        <pc:spChg chg="mod">
          <ac:chgData name="White, Alex" userId="eff6cc8c-37d8-483b-9c6c-6b27e9afa9bc" providerId="ADAL" clId="{BF04C754-5BF4-4E83-9615-DB14FA25AF8A}" dt="2023-10-12T11:38:08.274" v="295"/>
          <ac:spMkLst>
            <pc:docMk/>
            <pc:sldMk cId="2376958513" sldId="260"/>
            <ac:spMk id="4978" creationId="{9C371AC1-0906-933F-6D5A-0835963E51E4}"/>
          </ac:spMkLst>
        </pc:spChg>
        <pc:spChg chg="mod">
          <ac:chgData name="White, Alex" userId="eff6cc8c-37d8-483b-9c6c-6b27e9afa9bc" providerId="ADAL" clId="{BF04C754-5BF4-4E83-9615-DB14FA25AF8A}" dt="2023-10-12T11:38:08.274" v="295"/>
          <ac:spMkLst>
            <pc:docMk/>
            <pc:sldMk cId="2376958513" sldId="260"/>
            <ac:spMk id="4979" creationId="{9D4290D4-F0C6-2823-2194-11218415EC23}"/>
          </ac:spMkLst>
        </pc:spChg>
        <pc:spChg chg="mod">
          <ac:chgData name="White, Alex" userId="eff6cc8c-37d8-483b-9c6c-6b27e9afa9bc" providerId="ADAL" clId="{BF04C754-5BF4-4E83-9615-DB14FA25AF8A}" dt="2023-10-12T11:38:08.274" v="295"/>
          <ac:spMkLst>
            <pc:docMk/>
            <pc:sldMk cId="2376958513" sldId="260"/>
            <ac:spMk id="4980" creationId="{EF636CD0-5C45-64B7-2E64-955CB0377FF1}"/>
          </ac:spMkLst>
        </pc:spChg>
        <pc:spChg chg="mod">
          <ac:chgData name="White, Alex" userId="eff6cc8c-37d8-483b-9c6c-6b27e9afa9bc" providerId="ADAL" clId="{BF04C754-5BF4-4E83-9615-DB14FA25AF8A}" dt="2023-10-12T11:38:08.274" v="295"/>
          <ac:spMkLst>
            <pc:docMk/>
            <pc:sldMk cId="2376958513" sldId="260"/>
            <ac:spMk id="4981" creationId="{BD12B10C-EAA5-4962-67EA-94A210D12D55}"/>
          </ac:spMkLst>
        </pc:spChg>
        <pc:spChg chg="mod">
          <ac:chgData name="White, Alex" userId="eff6cc8c-37d8-483b-9c6c-6b27e9afa9bc" providerId="ADAL" clId="{BF04C754-5BF4-4E83-9615-DB14FA25AF8A}" dt="2023-10-12T11:38:08.274" v="295"/>
          <ac:spMkLst>
            <pc:docMk/>
            <pc:sldMk cId="2376958513" sldId="260"/>
            <ac:spMk id="4982" creationId="{B137493F-ECFF-F16B-24A6-188C5B0EA2BF}"/>
          </ac:spMkLst>
        </pc:spChg>
        <pc:spChg chg="mod">
          <ac:chgData name="White, Alex" userId="eff6cc8c-37d8-483b-9c6c-6b27e9afa9bc" providerId="ADAL" clId="{BF04C754-5BF4-4E83-9615-DB14FA25AF8A}" dt="2023-10-12T11:38:08.274" v="295"/>
          <ac:spMkLst>
            <pc:docMk/>
            <pc:sldMk cId="2376958513" sldId="260"/>
            <ac:spMk id="4983" creationId="{2427983E-84C9-6B44-FA80-FE2175B6A9CA}"/>
          </ac:spMkLst>
        </pc:spChg>
        <pc:spChg chg="mod">
          <ac:chgData name="White, Alex" userId="eff6cc8c-37d8-483b-9c6c-6b27e9afa9bc" providerId="ADAL" clId="{BF04C754-5BF4-4E83-9615-DB14FA25AF8A}" dt="2023-10-12T11:38:08.274" v="295"/>
          <ac:spMkLst>
            <pc:docMk/>
            <pc:sldMk cId="2376958513" sldId="260"/>
            <ac:spMk id="4984" creationId="{6B882018-3A38-F857-EE12-FBF1B0E20AE0}"/>
          </ac:spMkLst>
        </pc:spChg>
        <pc:spChg chg="mod">
          <ac:chgData name="White, Alex" userId="eff6cc8c-37d8-483b-9c6c-6b27e9afa9bc" providerId="ADAL" clId="{BF04C754-5BF4-4E83-9615-DB14FA25AF8A}" dt="2023-10-12T11:38:08.274" v="295"/>
          <ac:spMkLst>
            <pc:docMk/>
            <pc:sldMk cId="2376958513" sldId="260"/>
            <ac:spMk id="4985" creationId="{A6CE7749-90C9-01FA-3C18-46A590B31E58}"/>
          </ac:spMkLst>
        </pc:spChg>
        <pc:spChg chg="mod">
          <ac:chgData name="White, Alex" userId="eff6cc8c-37d8-483b-9c6c-6b27e9afa9bc" providerId="ADAL" clId="{BF04C754-5BF4-4E83-9615-DB14FA25AF8A}" dt="2023-10-12T11:38:08.274" v="295"/>
          <ac:spMkLst>
            <pc:docMk/>
            <pc:sldMk cId="2376958513" sldId="260"/>
            <ac:spMk id="4986" creationId="{D9F61861-18CD-FFBC-D8AE-B27CD59F3DD0}"/>
          </ac:spMkLst>
        </pc:spChg>
        <pc:spChg chg="mod">
          <ac:chgData name="White, Alex" userId="eff6cc8c-37d8-483b-9c6c-6b27e9afa9bc" providerId="ADAL" clId="{BF04C754-5BF4-4E83-9615-DB14FA25AF8A}" dt="2023-10-12T11:38:08.274" v="295"/>
          <ac:spMkLst>
            <pc:docMk/>
            <pc:sldMk cId="2376958513" sldId="260"/>
            <ac:spMk id="4987" creationId="{1438AAC6-1CBB-CB47-2835-36A3EB1B51EC}"/>
          </ac:spMkLst>
        </pc:spChg>
        <pc:spChg chg="mod">
          <ac:chgData name="White, Alex" userId="eff6cc8c-37d8-483b-9c6c-6b27e9afa9bc" providerId="ADAL" clId="{BF04C754-5BF4-4E83-9615-DB14FA25AF8A}" dt="2023-10-12T11:38:08.274" v="295"/>
          <ac:spMkLst>
            <pc:docMk/>
            <pc:sldMk cId="2376958513" sldId="260"/>
            <ac:spMk id="4988" creationId="{45653CEA-506E-E2A3-938D-18B802E6313E}"/>
          </ac:spMkLst>
        </pc:spChg>
        <pc:spChg chg="mod">
          <ac:chgData name="White, Alex" userId="eff6cc8c-37d8-483b-9c6c-6b27e9afa9bc" providerId="ADAL" clId="{BF04C754-5BF4-4E83-9615-DB14FA25AF8A}" dt="2023-10-12T11:38:08.274" v="295"/>
          <ac:spMkLst>
            <pc:docMk/>
            <pc:sldMk cId="2376958513" sldId="260"/>
            <ac:spMk id="4989" creationId="{D3E75DAB-C18A-4BE1-7CAD-5DA8C17C5C8C}"/>
          </ac:spMkLst>
        </pc:spChg>
        <pc:spChg chg="mod">
          <ac:chgData name="White, Alex" userId="eff6cc8c-37d8-483b-9c6c-6b27e9afa9bc" providerId="ADAL" clId="{BF04C754-5BF4-4E83-9615-DB14FA25AF8A}" dt="2023-10-12T11:38:08.274" v="295"/>
          <ac:spMkLst>
            <pc:docMk/>
            <pc:sldMk cId="2376958513" sldId="260"/>
            <ac:spMk id="4990" creationId="{5D33BD65-45DE-F734-6C4B-138F7E822E3B}"/>
          </ac:spMkLst>
        </pc:spChg>
        <pc:spChg chg="mod">
          <ac:chgData name="White, Alex" userId="eff6cc8c-37d8-483b-9c6c-6b27e9afa9bc" providerId="ADAL" clId="{BF04C754-5BF4-4E83-9615-DB14FA25AF8A}" dt="2023-10-12T11:38:08.274" v="295"/>
          <ac:spMkLst>
            <pc:docMk/>
            <pc:sldMk cId="2376958513" sldId="260"/>
            <ac:spMk id="4991" creationId="{416D4865-93C2-24B0-9950-5025320F07C7}"/>
          </ac:spMkLst>
        </pc:spChg>
        <pc:spChg chg="mod">
          <ac:chgData name="White, Alex" userId="eff6cc8c-37d8-483b-9c6c-6b27e9afa9bc" providerId="ADAL" clId="{BF04C754-5BF4-4E83-9615-DB14FA25AF8A}" dt="2023-10-12T11:38:08.274" v="295"/>
          <ac:spMkLst>
            <pc:docMk/>
            <pc:sldMk cId="2376958513" sldId="260"/>
            <ac:spMk id="4992" creationId="{2A589F4A-A891-DB5A-3409-1C459BC8BE24}"/>
          </ac:spMkLst>
        </pc:spChg>
        <pc:spChg chg="mod">
          <ac:chgData name="White, Alex" userId="eff6cc8c-37d8-483b-9c6c-6b27e9afa9bc" providerId="ADAL" clId="{BF04C754-5BF4-4E83-9615-DB14FA25AF8A}" dt="2023-10-12T11:38:08.274" v="295"/>
          <ac:spMkLst>
            <pc:docMk/>
            <pc:sldMk cId="2376958513" sldId="260"/>
            <ac:spMk id="4993" creationId="{33684112-6D55-18F3-2C1A-E189BC60BAC5}"/>
          </ac:spMkLst>
        </pc:spChg>
        <pc:spChg chg="mod">
          <ac:chgData name="White, Alex" userId="eff6cc8c-37d8-483b-9c6c-6b27e9afa9bc" providerId="ADAL" clId="{BF04C754-5BF4-4E83-9615-DB14FA25AF8A}" dt="2023-10-12T11:38:08.274" v="295"/>
          <ac:spMkLst>
            <pc:docMk/>
            <pc:sldMk cId="2376958513" sldId="260"/>
            <ac:spMk id="4994" creationId="{3633DCFA-6782-6B5F-E123-3E89002C9522}"/>
          </ac:spMkLst>
        </pc:spChg>
        <pc:spChg chg="mod">
          <ac:chgData name="White, Alex" userId="eff6cc8c-37d8-483b-9c6c-6b27e9afa9bc" providerId="ADAL" clId="{BF04C754-5BF4-4E83-9615-DB14FA25AF8A}" dt="2023-10-12T11:38:08.274" v="295"/>
          <ac:spMkLst>
            <pc:docMk/>
            <pc:sldMk cId="2376958513" sldId="260"/>
            <ac:spMk id="4995" creationId="{BA7CC15D-6C9B-731B-85C7-4440B8C2274A}"/>
          </ac:spMkLst>
        </pc:spChg>
        <pc:spChg chg="mod">
          <ac:chgData name="White, Alex" userId="eff6cc8c-37d8-483b-9c6c-6b27e9afa9bc" providerId="ADAL" clId="{BF04C754-5BF4-4E83-9615-DB14FA25AF8A}" dt="2023-10-12T11:38:08.274" v="295"/>
          <ac:spMkLst>
            <pc:docMk/>
            <pc:sldMk cId="2376958513" sldId="260"/>
            <ac:spMk id="4996" creationId="{157EE6DA-523C-AA35-B0DB-51A86FA8C287}"/>
          </ac:spMkLst>
        </pc:spChg>
        <pc:spChg chg="mod">
          <ac:chgData name="White, Alex" userId="eff6cc8c-37d8-483b-9c6c-6b27e9afa9bc" providerId="ADAL" clId="{BF04C754-5BF4-4E83-9615-DB14FA25AF8A}" dt="2023-10-12T11:38:08.274" v="295"/>
          <ac:spMkLst>
            <pc:docMk/>
            <pc:sldMk cId="2376958513" sldId="260"/>
            <ac:spMk id="4997" creationId="{A2900F7B-79DE-0F82-48C4-81C948266E87}"/>
          </ac:spMkLst>
        </pc:spChg>
        <pc:spChg chg="mod">
          <ac:chgData name="White, Alex" userId="eff6cc8c-37d8-483b-9c6c-6b27e9afa9bc" providerId="ADAL" clId="{BF04C754-5BF4-4E83-9615-DB14FA25AF8A}" dt="2023-10-12T11:38:08.274" v="295"/>
          <ac:spMkLst>
            <pc:docMk/>
            <pc:sldMk cId="2376958513" sldId="260"/>
            <ac:spMk id="4998" creationId="{F0A34175-DCD5-7C4D-83FB-F3905750672B}"/>
          </ac:spMkLst>
        </pc:spChg>
        <pc:spChg chg="mod">
          <ac:chgData name="White, Alex" userId="eff6cc8c-37d8-483b-9c6c-6b27e9afa9bc" providerId="ADAL" clId="{BF04C754-5BF4-4E83-9615-DB14FA25AF8A}" dt="2023-10-12T11:38:08.274" v="295"/>
          <ac:spMkLst>
            <pc:docMk/>
            <pc:sldMk cId="2376958513" sldId="260"/>
            <ac:spMk id="4999" creationId="{9A72C2CA-E0B6-64CF-1E17-75AD596F45D6}"/>
          </ac:spMkLst>
        </pc:spChg>
        <pc:spChg chg="mod">
          <ac:chgData name="White, Alex" userId="eff6cc8c-37d8-483b-9c6c-6b27e9afa9bc" providerId="ADAL" clId="{BF04C754-5BF4-4E83-9615-DB14FA25AF8A}" dt="2023-10-12T11:38:08.274" v="295"/>
          <ac:spMkLst>
            <pc:docMk/>
            <pc:sldMk cId="2376958513" sldId="260"/>
            <ac:spMk id="5000" creationId="{74859E95-5C00-6878-C6FE-4E2BA5413B70}"/>
          </ac:spMkLst>
        </pc:spChg>
        <pc:spChg chg="mod">
          <ac:chgData name="White, Alex" userId="eff6cc8c-37d8-483b-9c6c-6b27e9afa9bc" providerId="ADAL" clId="{BF04C754-5BF4-4E83-9615-DB14FA25AF8A}" dt="2023-10-12T11:38:08.274" v="295"/>
          <ac:spMkLst>
            <pc:docMk/>
            <pc:sldMk cId="2376958513" sldId="260"/>
            <ac:spMk id="5001" creationId="{CC28BD59-0BB0-11BD-1B0D-28E1EEF501D0}"/>
          </ac:spMkLst>
        </pc:spChg>
        <pc:spChg chg="mod">
          <ac:chgData name="White, Alex" userId="eff6cc8c-37d8-483b-9c6c-6b27e9afa9bc" providerId="ADAL" clId="{BF04C754-5BF4-4E83-9615-DB14FA25AF8A}" dt="2023-10-12T11:38:08.274" v="295"/>
          <ac:spMkLst>
            <pc:docMk/>
            <pc:sldMk cId="2376958513" sldId="260"/>
            <ac:spMk id="5002" creationId="{DC07B369-EE67-4D86-E0DC-4CC9C68DEE48}"/>
          </ac:spMkLst>
        </pc:spChg>
        <pc:spChg chg="mod">
          <ac:chgData name="White, Alex" userId="eff6cc8c-37d8-483b-9c6c-6b27e9afa9bc" providerId="ADAL" clId="{BF04C754-5BF4-4E83-9615-DB14FA25AF8A}" dt="2023-10-12T11:38:08.274" v="295"/>
          <ac:spMkLst>
            <pc:docMk/>
            <pc:sldMk cId="2376958513" sldId="260"/>
            <ac:spMk id="5003" creationId="{F0578124-C627-A7D5-62A8-01A2185C6B47}"/>
          </ac:spMkLst>
        </pc:spChg>
        <pc:spChg chg="mod">
          <ac:chgData name="White, Alex" userId="eff6cc8c-37d8-483b-9c6c-6b27e9afa9bc" providerId="ADAL" clId="{BF04C754-5BF4-4E83-9615-DB14FA25AF8A}" dt="2023-10-12T11:38:08.274" v="295"/>
          <ac:spMkLst>
            <pc:docMk/>
            <pc:sldMk cId="2376958513" sldId="260"/>
            <ac:spMk id="5004" creationId="{763EAFBC-BAFE-480A-A9D8-B7575AD0DBA0}"/>
          </ac:spMkLst>
        </pc:spChg>
        <pc:spChg chg="mod">
          <ac:chgData name="White, Alex" userId="eff6cc8c-37d8-483b-9c6c-6b27e9afa9bc" providerId="ADAL" clId="{BF04C754-5BF4-4E83-9615-DB14FA25AF8A}" dt="2023-10-12T11:38:08.274" v="295"/>
          <ac:spMkLst>
            <pc:docMk/>
            <pc:sldMk cId="2376958513" sldId="260"/>
            <ac:spMk id="5005" creationId="{A4454F64-1AC5-060E-CD05-BA722030EB68}"/>
          </ac:spMkLst>
        </pc:spChg>
        <pc:spChg chg="mod">
          <ac:chgData name="White, Alex" userId="eff6cc8c-37d8-483b-9c6c-6b27e9afa9bc" providerId="ADAL" clId="{BF04C754-5BF4-4E83-9615-DB14FA25AF8A}" dt="2023-10-12T11:38:08.274" v="295"/>
          <ac:spMkLst>
            <pc:docMk/>
            <pc:sldMk cId="2376958513" sldId="260"/>
            <ac:spMk id="5006" creationId="{3C73EC88-3E9D-9509-6997-384D639CCB32}"/>
          </ac:spMkLst>
        </pc:spChg>
        <pc:spChg chg="mod">
          <ac:chgData name="White, Alex" userId="eff6cc8c-37d8-483b-9c6c-6b27e9afa9bc" providerId="ADAL" clId="{BF04C754-5BF4-4E83-9615-DB14FA25AF8A}" dt="2023-10-12T11:38:08.274" v="295"/>
          <ac:spMkLst>
            <pc:docMk/>
            <pc:sldMk cId="2376958513" sldId="260"/>
            <ac:spMk id="5007" creationId="{56D9B975-3269-13C4-377E-1592BA59CF29}"/>
          </ac:spMkLst>
        </pc:spChg>
        <pc:spChg chg="mod">
          <ac:chgData name="White, Alex" userId="eff6cc8c-37d8-483b-9c6c-6b27e9afa9bc" providerId="ADAL" clId="{BF04C754-5BF4-4E83-9615-DB14FA25AF8A}" dt="2023-10-12T11:38:08.274" v="295"/>
          <ac:spMkLst>
            <pc:docMk/>
            <pc:sldMk cId="2376958513" sldId="260"/>
            <ac:spMk id="5008" creationId="{0A985462-7C0E-F6BA-19B2-90740228CEF7}"/>
          </ac:spMkLst>
        </pc:spChg>
        <pc:spChg chg="mod">
          <ac:chgData name="White, Alex" userId="eff6cc8c-37d8-483b-9c6c-6b27e9afa9bc" providerId="ADAL" clId="{BF04C754-5BF4-4E83-9615-DB14FA25AF8A}" dt="2023-10-12T11:38:08.274" v="295"/>
          <ac:spMkLst>
            <pc:docMk/>
            <pc:sldMk cId="2376958513" sldId="260"/>
            <ac:spMk id="5009" creationId="{7BC23044-6B55-94C5-D693-690AFCB8D1C3}"/>
          </ac:spMkLst>
        </pc:spChg>
        <pc:spChg chg="mod">
          <ac:chgData name="White, Alex" userId="eff6cc8c-37d8-483b-9c6c-6b27e9afa9bc" providerId="ADAL" clId="{BF04C754-5BF4-4E83-9615-DB14FA25AF8A}" dt="2023-10-12T11:38:08.274" v="295"/>
          <ac:spMkLst>
            <pc:docMk/>
            <pc:sldMk cId="2376958513" sldId="260"/>
            <ac:spMk id="5010" creationId="{85DBE34C-1FCA-12B9-E943-FC7555272B50}"/>
          </ac:spMkLst>
        </pc:spChg>
        <pc:spChg chg="mod">
          <ac:chgData name="White, Alex" userId="eff6cc8c-37d8-483b-9c6c-6b27e9afa9bc" providerId="ADAL" clId="{BF04C754-5BF4-4E83-9615-DB14FA25AF8A}" dt="2023-10-12T11:38:08.274" v="295"/>
          <ac:spMkLst>
            <pc:docMk/>
            <pc:sldMk cId="2376958513" sldId="260"/>
            <ac:spMk id="5011" creationId="{FFD2C1B1-D4E0-FD08-4FE4-3125AFB4C7E2}"/>
          </ac:spMkLst>
        </pc:spChg>
        <pc:spChg chg="mod">
          <ac:chgData name="White, Alex" userId="eff6cc8c-37d8-483b-9c6c-6b27e9afa9bc" providerId="ADAL" clId="{BF04C754-5BF4-4E83-9615-DB14FA25AF8A}" dt="2023-10-12T11:38:08.274" v="295"/>
          <ac:spMkLst>
            <pc:docMk/>
            <pc:sldMk cId="2376958513" sldId="260"/>
            <ac:spMk id="5012" creationId="{0BA9DE59-D4DF-ED5A-B153-F8703412C85E}"/>
          </ac:spMkLst>
        </pc:spChg>
        <pc:spChg chg="mod">
          <ac:chgData name="White, Alex" userId="eff6cc8c-37d8-483b-9c6c-6b27e9afa9bc" providerId="ADAL" clId="{BF04C754-5BF4-4E83-9615-DB14FA25AF8A}" dt="2023-10-12T11:38:08.274" v="295"/>
          <ac:spMkLst>
            <pc:docMk/>
            <pc:sldMk cId="2376958513" sldId="260"/>
            <ac:spMk id="5013" creationId="{E86E9874-540B-6568-FD27-ECD66E19DDBD}"/>
          </ac:spMkLst>
        </pc:spChg>
        <pc:spChg chg="mod">
          <ac:chgData name="White, Alex" userId="eff6cc8c-37d8-483b-9c6c-6b27e9afa9bc" providerId="ADAL" clId="{BF04C754-5BF4-4E83-9615-DB14FA25AF8A}" dt="2023-10-12T11:38:08.274" v="295"/>
          <ac:spMkLst>
            <pc:docMk/>
            <pc:sldMk cId="2376958513" sldId="260"/>
            <ac:spMk id="5014" creationId="{2A957BF6-0CA7-0336-7E9E-661B642D3734}"/>
          </ac:spMkLst>
        </pc:spChg>
        <pc:spChg chg="mod">
          <ac:chgData name="White, Alex" userId="eff6cc8c-37d8-483b-9c6c-6b27e9afa9bc" providerId="ADAL" clId="{BF04C754-5BF4-4E83-9615-DB14FA25AF8A}" dt="2023-10-12T11:38:08.274" v="295"/>
          <ac:spMkLst>
            <pc:docMk/>
            <pc:sldMk cId="2376958513" sldId="260"/>
            <ac:spMk id="5015" creationId="{F6FA1980-1E48-203C-1C06-9D3C0F3D1B19}"/>
          </ac:spMkLst>
        </pc:spChg>
        <pc:spChg chg="mod">
          <ac:chgData name="White, Alex" userId="eff6cc8c-37d8-483b-9c6c-6b27e9afa9bc" providerId="ADAL" clId="{BF04C754-5BF4-4E83-9615-DB14FA25AF8A}" dt="2023-10-12T11:38:08.274" v="295"/>
          <ac:spMkLst>
            <pc:docMk/>
            <pc:sldMk cId="2376958513" sldId="260"/>
            <ac:spMk id="5016" creationId="{DEEA47A4-D006-FA19-A75D-4A8D55D8304D}"/>
          </ac:spMkLst>
        </pc:spChg>
        <pc:spChg chg="mod">
          <ac:chgData name="White, Alex" userId="eff6cc8c-37d8-483b-9c6c-6b27e9afa9bc" providerId="ADAL" clId="{BF04C754-5BF4-4E83-9615-DB14FA25AF8A}" dt="2023-10-12T11:38:08.274" v="295"/>
          <ac:spMkLst>
            <pc:docMk/>
            <pc:sldMk cId="2376958513" sldId="260"/>
            <ac:spMk id="5017" creationId="{90CB1CFA-4994-3A23-60EC-BA3A9D8E128B}"/>
          </ac:spMkLst>
        </pc:spChg>
        <pc:spChg chg="mod">
          <ac:chgData name="White, Alex" userId="eff6cc8c-37d8-483b-9c6c-6b27e9afa9bc" providerId="ADAL" clId="{BF04C754-5BF4-4E83-9615-DB14FA25AF8A}" dt="2023-10-12T11:38:08.274" v="295"/>
          <ac:spMkLst>
            <pc:docMk/>
            <pc:sldMk cId="2376958513" sldId="260"/>
            <ac:spMk id="5018" creationId="{5F56B52A-5B45-DD88-B70C-2D0796E22823}"/>
          </ac:spMkLst>
        </pc:spChg>
        <pc:spChg chg="mod">
          <ac:chgData name="White, Alex" userId="eff6cc8c-37d8-483b-9c6c-6b27e9afa9bc" providerId="ADAL" clId="{BF04C754-5BF4-4E83-9615-DB14FA25AF8A}" dt="2023-10-12T11:38:08.274" v="295"/>
          <ac:spMkLst>
            <pc:docMk/>
            <pc:sldMk cId="2376958513" sldId="260"/>
            <ac:spMk id="5019" creationId="{464D94ED-A6F0-1FC2-3F4B-2959F0D949E3}"/>
          </ac:spMkLst>
        </pc:spChg>
        <pc:spChg chg="mod">
          <ac:chgData name="White, Alex" userId="eff6cc8c-37d8-483b-9c6c-6b27e9afa9bc" providerId="ADAL" clId="{BF04C754-5BF4-4E83-9615-DB14FA25AF8A}" dt="2023-10-12T11:38:08.274" v="295"/>
          <ac:spMkLst>
            <pc:docMk/>
            <pc:sldMk cId="2376958513" sldId="260"/>
            <ac:spMk id="5020" creationId="{1BA2B924-F56A-FEA3-5976-966369259993}"/>
          </ac:spMkLst>
        </pc:spChg>
        <pc:spChg chg="mod">
          <ac:chgData name="White, Alex" userId="eff6cc8c-37d8-483b-9c6c-6b27e9afa9bc" providerId="ADAL" clId="{BF04C754-5BF4-4E83-9615-DB14FA25AF8A}" dt="2023-10-12T11:38:08.274" v="295"/>
          <ac:spMkLst>
            <pc:docMk/>
            <pc:sldMk cId="2376958513" sldId="260"/>
            <ac:spMk id="5021" creationId="{09B1CEDE-AFC2-96F5-A2CC-E44953D6E617}"/>
          </ac:spMkLst>
        </pc:spChg>
        <pc:spChg chg="mod">
          <ac:chgData name="White, Alex" userId="eff6cc8c-37d8-483b-9c6c-6b27e9afa9bc" providerId="ADAL" clId="{BF04C754-5BF4-4E83-9615-DB14FA25AF8A}" dt="2023-10-12T11:38:08.274" v="295"/>
          <ac:spMkLst>
            <pc:docMk/>
            <pc:sldMk cId="2376958513" sldId="260"/>
            <ac:spMk id="5022" creationId="{0971D59A-79FB-4072-29D0-5CE88AA70C98}"/>
          </ac:spMkLst>
        </pc:spChg>
        <pc:spChg chg="mod">
          <ac:chgData name="White, Alex" userId="eff6cc8c-37d8-483b-9c6c-6b27e9afa9bc" providerId="ADAL" clId="{BF04C754-5BF4-4E83-9615-DB14FA25AF8A}" dt="2023-10-12T11:38:08.274" v="295"/>
          <ac:spMkLst>
            <pc:docMk/>
            <pc:sldMk cId="2376958513" sldId="260"/>
            <ac:spMk id="5023" creationId="{3D699E00-0E30-91FD-4277-DF4A720EEB3B}"/>
          </ac:spMkLst>
        </pc:spChg>
        <pc:spChg chg="mod">
          <ac:chgData name="White, Alex" userId="eff6cc8c-37d8-483b-9c6c-6b27e9afa9bc" providerId="ADAL" clId="{BF04C754-5BF4-4E83-9615-DB14FA25AF8A}" dt="2023-10-12T11:38:08.274" v="295"/>
          <ac:spMkLst>
            <pc:docMk/>
            <pc:sldMk cId="2376958513" sldId="260"/>
            <ac:spMk id="5024" creationId="{6B9F0092-096B-E437-AAE5-E1C34B30FB10}"/>
          </ac:spMkLst>
        </pc:spChg>
        <pc:spChg chg="mod">
          <ac:chgData name="White, Alex" userId="eff6cc8c-37d8-483b-9c6c-6b27e9afa9bc" providerId="ADAL" clId="{BF04C754-5BF4-4E83-9615-DB14FA25AF8A}" dt="2023-10-12T11:38:08.274" v="295"/>
          <ac:spMkLst>
            <pc:docMk/>
            <pc:sldMk cId="2376958513" sldId="260"/>
            <ac:spMk id="5025" creationId="{51C96CCD-9D37-02B5-780A-452108D9C33B}"/>
          </ac:spMkLst>
        </pc:spChg>
        <pc:spChg chg="mod">
          <ac:chgData name="White, Alex" userId="eff6cc8c-37d8-483b-9c6c-6b27e9afa9bc" providerId="ADAL" clId="{BF04C754-5BF4-4E83-9615-DB14FA25AF8A}" dt="2023-10-12T11:38:08.274" v="295"/>
          <ac:spMkLst>
            <pc:docMk/>
            <pc:sldMk cId="2376958513" sldId="260"/>
            <ac:spMk id="5026" creationId="{0041A2CE-CABD-C6C6-1B04-816CC2E97AB1}"/>
          </ac:spMkLst>
        </pc:spChg>
        <pc:spChg chg="mod">
          <ac:chgData name="White, Alex" userId="eff6cc8c-37d8-483b-9c6c-6b27e9afa9bc" providerId="ADAL" clId="{BF04C754-5BF4-4E83-9615-DB14FA25AF8A}" dt="2023-10-12T11:38:08.274" v="295"/>
          <ac:spMkLst>
            <pc:docMk/>
            <pc:sldMk cId="2376958513" sldId="260"/>
            <ac:spMk id="5027" creationId="{FD3099EE-DE85-BA6A-8154-F440DB902569}"/>
          </ac:spMkLst>
        </pc:spChg>
        <pc:spChg chg="mod">
          <ac:chgData name="White, Alex" userId="eff6cc8c-37d8-483b-9c6c-6b27e9afa9bc" providerId="ADAL" clId="{BF04C754-5BF4-4E83-9615-DB14FA25AF8A}" dt="2023-10-12T11:38:08.274" v="295"/>
          <ac:spMkLst>
            <pc:docMk/>
            <pc:sldMk cId="2376958513" sldId="260"/>
            <ac:spMk id="5028" creationId="{80255F2F-D7BC-23C7-DD54-93C86EC6F136}"/>
          </ac:spMkLst>
        </pc:spChg>
        <pc:spChg chg="mod">
          <ac:chgData name="White, Alex" userId="eff6cc8c-37d8-483b-9c6c-6b27e9afa9bc" providerId="ADAL" clId="{BF04C754-5BF4-4E83-9615-DB14FA25AF8A}" dt="2023-10-12T11:38:08.274" v="295"/>
          <ac:spMkLst>
            <pc:docMk/>
            <pc:sldMk cId="2376958513" sldId="260"/>
            <ac:spMk id="5029" creationId="{FAF07D80-30B3-EC83-1F4A-45DA1F7D7F0E}"/>
          </ac:spMkLst>
        </pc:spChg>
        <pc:spChg chg="mod">
          <ac:chgData name="White, Alex" userId="eff6cc8c-37d8-483b-9c6c-6b27e9afa9bc" providerId="ADAL" clId="{BF04C754-5BF4-4E83-9615-DB14FA25AF8A}" dt="2023-10-12T11:38:08.274" v="295"/>
          <ac:spMkLst>
            <pc:docMk/>
            <pc:sldMk cId="2376958513" sldId="260"/>
            <ac:spMk id="5030" creationId="{470C604E-7DEB-8209-6A45-AAC964C6B1DC}"/>
          </ac:spMkLst>
        </pc:spChg>
        <pc:spChg chg="mod">
          <ac:chgData name="White, Alex" userId="eff6cc8c-37d8-483b-9c6c-6b27e9afa9bc" providerId="ADAL" clId="{BF04C754-5BF4-4E83-9615-DB14FA25AF8A}" dt="2023-10-12T11:38:08.274" v="295"/>
          <ac:spMkLst>
            <pc:docMk/>
            <pc:sldMk cId="2376958513" sldId="260"/>
            <ac:spMk id="5031" creationId="{C502E343-D752-2199-6A7E-AB4A3A9B54B1}"/>
          </ac:spMkLst>
        </pc:spChg>
        <pc:spChg chg="mod">
          <ac:chgData name="White, Alex" userId="eff6cc8c-37d8-483b-9c6c-6b27e9afa9bc" providerId="ADAL" clId="{BF04C754-5BF4-4E83-9615-DB14FA25AF8A}" dt="2023-10-12T11:38:08.274" v="295"/>
          <ac:spMkLst>
            <pc:docMk/>
            <pc:sldMk cId="2376958513" sldId="260"/>
            <ac:spMk id="5032" creationId="{AAFA5F43-B405-BC95-3EC3-63E371E2261B}"/>
          </ac:spMkLst>
        </pc:spChg>
        <pc:spChg chg="mod">
          <ac:chgData name="White, Alex" userId="eff6cc8c-37d8-483b-9c6c-6b27e9afa9bc" providerId="ADAL" clId="{BF04C754-5BF4-4E83-9615-DB14FA25AF8A}" dt="2023-10-12T11:38:08.274" v="295"/>
          <ac:spMkLst>
            <pc:docMk/>
            <pc:sldMk cId="2376958513" sldId="260"/>
            <ac:spMk id="5033" creationId="{DC34C701-7573-C08E-435C-3DB06C509084}"/>
          </ac:spMkLst>
        </pc:spChg>
        <pc:spChg chg="mod">
          <ac:chgData name="White, Alex" userId="eff6cc8c-37d8-483b-9c6c-6b27e9afa9bc" providerId="ADAL" clId="{BF04C754-5BF4-4E83-9615-DB14FA25AF8A}" dt="2023-10-12T11:38:08.274" v="295"/>
          <ac:spMkLst>
            <pc:docMk/>
            <pc:sldMk cId="2376958513" sldId="260"/>
            <ac:spMk id="5034" creationId="{AC6E9524-7E8D-EABD-04FB-FEE1634C066B}"/>
          </ac:spMkLst>
        </pc:spChg>
        <pc:spChg chg="mod">
          <ac:chgData name="White, Alex" userId="eff6cc8c-37d8-483b-9c6c-6b27e9afa9bc" providerId="ADAL" clId="{BF04C754-5BF4-4E83-9615-DB14FA25AF8A}" dt="2023-10-12T11:38:08.274" v="295"/>
          <ac:spMkLst>
            <pc:docMk/>
            <pc:sldMk cId="2376958513" sldId="260"/>
            <ac:spMk id="5035" creationId="{EE032856-4A5A-F542-6DD8-5215E7D8235D}"/>
          </ac:spMkLst>
        </pc:spChg>
        <pc:spChg chg="mod">
          <ac:chgData name="White, Alex" userId="eff6cc8c-37d8-483b-9c6c-6b27e9afa9bc" providerId="ADAL" clId="{BF04C754-5BF4-4E83-9615-DB14FA25AF8A}" dt="2023-10-12T11:38:08.274" v="295"/>
          <ac:spMkLst>
            <pc:docMk/>
            <pc:sldMk cId="2376958513" sldId="260"/>
            <ac:spMk id="5036" creationId="{A325436F-6201-0C64-431F-F63572CA4334}"/>
          </ac:spMkLst>
        </pc:spChg>
        <pc:spChg chg="mod">
          <ac:chgData name="White, Alex" userId="eff6cc8c-37d8-483b-9c6c-6b27e9afa9bc" providerId="ADAL" clId="{BF04C754-5BF4-4E83-9615-DB14FA25AF8A}" dt="2023-10-12T11:38:08.274" v="295"/>
          <ac:spMkLst>
            <pc:docMk/>
            <pc:sldMk cId="2376958513" sldId="260"/>
            <ac:spMk id="5037" creationId="{BAA3CAD8-53D6-6DA7-5BA1-DD7DED0C5333}"/>
          </ac:spMkLst>
        </pc:spChg>
        <pc:spChg chg="mod">
          <ac:chgData name="White, Alex" userId="eff6cc8c-37d8-483b-9c6c-6b27e9afa9bc" providerId="ADAL" clId="{BF04C754-5BF4-4E83-9615-DB14FA25AF8A}" dt="2023-10-12T11:38:08.274" v="295"/>
          <ac:spMkLst>
            <pc:docMk/>
            <pc:sldMk cId="2376958513" sldId="260"/>
            <ac:spMk id="5038" creationId="{2A6A4176-A91B-5332-55D5-50FAA6B4112D}"/>
          </ac:spMkLst>
        </pc:spChg>
        <pc:spChg chg="mod">
          <ac:chgData name="White, Alex" userId="eff6cc8c-37d8-483b-9c6c-6b27e9afa9bc" providerId="ADAL" clId="{BF04C754-5BF4-4E83-9615-DB14FA25AF8A}" dt="2023-10-12T11:38:08.274" v="295"/>
          <ac:spMkLst>
            <pc:docMk/>
            <pc:sldMk cId="2376958513" sldId="260"/>
            <ac:spMk id="5039" creationId="{42A78D43-79BD-F233-0CA3-3DB351227F69}"/>
          </ac:spMkLst>
        </pc:spChg>
        <pc:spChg chg="mod">
          <ac:chgData name="White, Alex" userId="eff6cc8c-37d8-483b-9c6c-6b27e9afa9bc" providerId="ADAL" clId="{BF04C754-5BF4-4E83-9615-DB14FA25AF8A}" dt="2023-10-12T11:38:08.274" v="295"/>
          <ac:spMkLst>
            <pc:docMk/>
            <pc:sldMk cId="2376958513" sldId="260"/>
            <ac:spMk id="5040" creationId="{BAE2ADD3-084A-A935-6BAF-51360233227F}"/>
          </ac:spMkLst>
        </pc:spChg>
        <pc:spChg chg="mod">
          <ac:chgData name="White, Alex" userId="eff6cc8c-37d8-483b-9c6c-6b27e9afa9bc" providerId="ADAL" clId="{BF04C754-5BF4-4E83-9615-DB14FA25AF8A}" dt="2023-10-12T11:38:08.274" v="295"/>
          <ac:spMkLst>
            <pc:docMk/>
            <pc:sldMk cId="2376958513" sldId="260"/>
            <ac:spMk id="5041" creationId="{1BC7A09D-0B36-55C3-B3A7-A27A667B3AF1}"/>
          </ac:spMkLst>
        </pc:spChg>
        <pc:spChg chg="mod">
          <ac:chgData name="White, Alex" userId="eff6cc8c-37d8-483b-9c6c-6b27e9afa9bc" providerId="ADAL" clId="{BF04C754-5BF4-4E83-9615-DB14FA25AF8A}" dt="2023-10-12T11:38:08.274" v="295"/>
          <ac:spMkLst>
            <pc:docMk/>
            <pc:sldMk cId="2376958513" sldId="260"/>
            <ac:spMk id="5042" creationId="{257E35B7-4E63-EAFF-3A87-4F3F37FFC77B}"/>
          </ac:spMkLst>
        </pc:spChg>
        <pc:spChg chg="mod">
          <ac:chgData name="White, Alex" userId="eff6cc8c-37d8-483b-9c6c-6b27e9afa9bc" providerId="ADAL" clId="{BF04C754-5BF4-4E83-9615-DB14FA25AF8A}" dt="2023-10-12T11:38:08.274" v="295"/>
          <ac:spMkLst>
            <pc:docMk/>
            <pc:sldMk cId="2376958513" sldId="260"/>
            <ac:spMk id="5043" creationId="{8789E6A2-FC18-D507-70CA-1C9BAFD6AB0F}"/>
          </ac:spMkLst>
        </pc:spChg>
        <pc:spChg chg="mod">
          <ac:chgData name="White, Alex" userId="eff6cc8c-37d8-483b-9c6c-6b27e9afa9bc" providerId="ADAL" clId="{BF04C754-5BF4-4E83-9615-DB14FA25AF8A}" dt="2023-10-12T11:38:08.274" v="295"/>
          <ac:spMkLst>
            <pc:docMk/>
            <pc:sldMk cId="2376958513" sldId="260"/>
            <ac:spMk id="5044" creationId="{EBC9D052-4393-9CA4-0BFB-C4198B44BE1B}"/>
          </ac:spMkLst>
        </pc:spChg>
        <pc:spChg chg="mod">
          <ac:chgData name="White, Alex" userId="eff6cc8c-37d8-483b-9c6c-6b27e9afa9bc" providerId="ADAL" clId="{BF04C754-5BF4-4E83-9615-DB14FA25AF8A}" dt="2023-10-12T11:38:08.274" v="295"/>
          <ac:spMkLst>
            <pc:docMk/>
            <pc:sldMk cId="2376958513" sldId="260"/>
            <ac:spMk id="5045" creationId="{3A2E4915-BC33-D8C5-991D-46BEDEB155E5}"/>
          </ac:spMkLst>
        </pc:spChg>
        <pc:spChg chg="mod">
          <ac:chgData name="White, Alex" userId="eff6cc8c-37d8-483b-9c6c-6b27e9afa9bc" providerId="ADAL" clId="{BF04C754-5BF4-4E83-9615-DB14FA25AF8A}" dt="2023-10-12T11:38:08.274" v="295"/>
          <ac:spMkLst>
            <pc:docMk/>
            <pc:sldMk cId="2376958513" sldId="260"/>
            <ac:spMk id="5046" creationId="{F57BF8DE-0E33-4FC6-E7DE-4AD6522E92C0}"/>
          </ac:spMkLst>
        </pc:spChg>
        <pc:spChg chg="mod">
          <ac:chgData name="White, Alex" userId="eff6cc8c-37d8-483b-9c6c-6b27e9afa9bc" providerId="ADAL" clId="{BF04C754-5BF4-4E83-9615-DB14FA25AF8A}" dt="2023-10-12T11:38:08.274" v="295"/>
          <ac:spMkLst>
            <pc:docMk/>
            <pc:sldMk cId="2376958513" sldId="260"/>
            <ac:spMk id="5047" creationId="{A8A2CB9D-9D12-C9A4-75CE-67A5CA3492EC}"/>
          </ac:spMkLst>
        </pc:spChg>
        <pc:spChg chg="mod">
          <ac:chgData name="White, Alex" userId="eff6cc8c-37d8-483b-9c6c-6b27e9afa9bc" providerId="ADAL" clId="{BF04C754-5BF4-4E83-9615-DB14FA25AF8A}" dt="2023-10-12T11:38:08.274" v="295"/>
          <ac:spMkLst>
            <pc:docMk/>
            <pc:sldMk cId="2376958513" sldId="260"/>
            <ac:spMk id="5048" creationId="{D2944329-236F-1AED-3E72-3674B3CF2C73}"/>
          </ac:spMkLst>
        </pc:spChg>
        <pc:spChg chg="mod">
          <ac:chgData name="White, Alex" userId="eff6cc8c-37d8-483b-9c6c-6b27e9afa9bc" providerId="ADAL" clId="{BF04C754-5BF4-4E83-9615-DB14FA25AF8A}" dt="2023-10-12T11:38:08.274" v="295"/>
          <ac:spMkLst>
            <pc:docMk/>
            <pc:sldMk cId="2376958513" sldId="260"/>
            <ac:spMk id="5049" creationId="{A1E93CE6-E62A-C524-D01D-CFA3F94432A6}"/>
          </ac:spMkLst>
        </pc:spChg>
        <pc:spChg chg="mod">
          <ac:chgData name="White, Alex" userId="eff6cc8c-37d8-483b-9c6c-6b27e9afa9bc" providerId="ADAL" clId="{BF04C754-5BF4-4E83-9615-DB14FA25AF8A}" dt="2023-10-12T11:38:08.274" v="295"/>
          <ac:spMkLst>
            <pc:docMk/>
            <pc:sldMk cId="2376958513" sldId="260"/>
            <ac:spMk id="5050" creationId="{CA9C1433-C66E-D274-1B8A-804BD31BFFF6}"/>
          </ac:spMkLst>
        </pc:spChg>
        <pc:spChg chg="mod">
          <ac:chgData name="White, Alex" userId="eff6cc8c-37d8-483b-9c6c-6b27e9afa9bc" providerId="ADAL" clId="{BF04C754-5BF4-4E83-9615-DB14FA25AF8A}" dt="2023-10-12T11:38:08.274" v="295"/>
          <ac:spMkLst>
            <pc:docMk/>
            <pc:sldMk cId="2376958513" sldId="260"/>
            <ac:spMk id="5051" creationId="{18DB36F4-2DA4-432C-DABD-E66D603B43EF}"/>
          </ac:spMkLst>
        </pc:spChg>
        <pc:spChg chg="mod">
          <ac:chgData name="White, Alex" userId="eff6cc8c-37d8-483b-9c6c-6b27e9afa9bc" providerId="ADAL" clId="{BF04C754-5BF4-4E83-9615-DB14FA25AF8A}" dt="2023-10-12T11:38:08.274" v="295"/>
          <ac:spMkLst>
            <pc:docMk/>
            <pc:sldMk cId="2376958513" sldId="260"/>
            <ac:spMk id="5052" creationId="{1EA0224E-F724-2A79-4EE8-4FEA773D024F}"/>
          </ac:spMkLst>
        </pc:spChg>
        <pc:spChg chg="mod">
          <ac:chgData name="White, Alex" userId="eff6cc8c-37d8-483b-9c6c-6b27e9afa9bc" providerId="ADAL" clId="{BF04C754-5BF4-4E83-9615-DB14FA25AF8A}" dt="2023-10-12T11:38:08.274" v="295"/>
          <ac:spMkLst>
            <pc:docMk/>
            <pc:sldMk cId="2376958513" sldId="260"/>
            <ac:spMk id="5053" creationId="{74082365-22E4-A1EB-C2FE-3DBC4E6CD76C}"/>
          </ac:spMkLst>
        </pc:spChg>
        <pc:spChg chg="mod">
          <ac:chgData name="White, Alex" userId="eff6cc8c-37d8-483b-9c6c-6b27e9afa9bc" providerId="ADAL" clId="{BF04C754-5BF4-4E83-9615-DB14FA25AF8A}" dt="2023-10-12T11:38:08.274" v="295"/>
          <ac:spMkLst>
            <pc:docMk/>
            <pc:sldMk cId="2376958513" sldId="260"/>
            <ac:spMk id="5054" creationId="{1153DD79-3B4E-03AC-B1F5-A0BEA76C483A}"/>
          </ac:spMkLst>
        </pc:spChg>
        <pc:spChg chg="mod">
          <ac:chgData name="White, Alex" userId="eff6cc8c-37d8-483b-9c6c-6b27e9afa9bc" providerId="ADAL" clId="{BF04C754-5BF4-4E83-9615-DB14FA25AF8A}" dt="2023-10-12T11:38:08.274" v="295"/>
          <ac:spMkLst>
            <pc:docMk/>
            <pc:sldMk cId="2376958513" sldId="260"/>
            <ac:spMk id="5055" creationId="{306EF939-30E3-1516-0159-8804608A92E7}"/>
          </ac:spMkLst>
        </pc:spChg>
        <pc:spChg chg="mod">
          <ac:chgData name="White, Alex" userId="eff6cc8c-37d8-483b-9c6c-6b27e9afa9bc" providerId="ADAL" clId="{BF04C754-5BF4-4E83-9615-DB14FA25AF8A}" dt="2023-10-12T11:38:08.274" v="295"/>
          <ac:spMkLst>
            <pc:docMk/>
            <pc:sldMk cId="2376958513" sldId="260"/>
            <ac:spMk id="5056" creationId="{83B75180-39F7-99D1-4A17-73FD159F5B55}"/>
          </ac:spMkLst>
        </pc:spChg>
        <pc:spChg chg="mod">
          <ac:chgData name="White, Alex" userId="eff6cc8c-37d8-483b-9c6c-6b27e9afa9bc" providerId="ADAL" clId="{BF04C754-5BF4-4E83-9615-DB14FA25AF8A}" dt="2023-10-12T11:38:08.274" v="295"/>
          <ac:spMkLst>
            <pc:docMk/>
            <pc:sldMk cId="2376958513" sldId="260"/>
            <ac:spMk id="5057" creationId="{00BDCF9A-A1E1-32A9-B879-D5B0DF4996EB}"/>
          </ac:spMkLst>
        </pc:spChg>
        <pc:spChg chg="mod">
          <ac:chgData name="White, Alex" userId="eff6cc8c-37d8-483b-9c6c-6b27e9afa9bc" providerId="ADAL" clId="{BF04C754-5BF4-4E83-9615-DB14FA25AF8A}" dt="2023-10-12T11:38:08.274" v="295"/>
          <ac:spMkLst>
            <pc:docMk/>
            <pc:sldMk cId="2376958513" sldId="260"/>
            <ac:spMk id="5058" creationId="{427336E9-D19B-24FD-334E-D9371BE028AA}"/>
          </ac:spMkLst>
        </pc:spChg>
        <pc:spChg chg="mod">
          <ac:chgData name="White, Alex" userId="eff6cc8c-37d8-483b-9c6c-6b27e9afa9bc" providerId="ADAL" clId="{BF04C754-5BF4-4E83-9615-DB14FA25AF8A}" dt="2023-10-12T11:38:08.274" v="295"/>
          <ac:spMkLst>
            <pc:docMk/>
            <pc:sldMk cId="2376958513" sldId="260"/>
            <ac:spMk id="5059" creationId="{8A1EF141-9F95-4F75-273B-AD4AEC042332}"/>
          </ac:spMkLst>
        </pc:spChg>
        <pc:spChg chg="mod">
          <ac:chgData name="White, Alex" userId="eff6cc8c-37d8-483b-9c6c-6b27e9afa9bc" providerId="ADAL" clId="{BF04C754-5BF4-4E83-9615-DB14FA25AF8A}" dt="2023-10-12T11:38:08.274" v="295"/>
          <ac:spMkLst>
            <pc:docMk/>
            <pc:sldMk cId="2376958513" sldId="260"/>
            <ac:spMk id="5060" creationId="{A2076E59-1388-E1AE-B019-FFAA0C23759B}"/>
          </ac:spMkLst>
        </pc:spChg>
        <pc:spChg chg="mod">
          <ac:chgData name="White, Alex" userId="eff6cc8c-37d8-483b-9c6c-6b27e9afa9bc" providerId="ADAL" clId="{BF04C754-5BF4-4E83-9615-DB14FA25AF8A}" dt="2023-10-12T11:38:08.274" v="295"/>
          <ac:spMkLst>
            <pc:docMk/>
            <pc:sldMk cId="2376958513" sldId="260"/>
            <ac:spMk id="5061" creationId="{56C9B974-1A62-0D86-E004-D1D28247309C}"/>
          </ac:spMkLst>
        </pc:spChg>
        <pc:spChg chg="mod">
          <ac:chgData name="White, Alex" userId="eff6cc8c-37d8-483b-9c6c-6b27e9afa9bc" providerId="ADAL" clId="{BF04C754-5BF4-4E83-9615-DB14FA25AF8A}" dt="2023-10-12T11:38:08.274" v="295"/>
          <ac:spMkLst>
            <pc:docMk/>
            <pc:sldMk cId="2376958513" sldId="260"/>
            <ac:spMk id="5062" creationId="{A2015937-DC3D-7DA9-CFDC-D0078F8A9E33}"/>
          </ac:spMkLst>
        </pc:spChg>
        <pc:spChg chg="mod">
          <ac:chgData name="White, Alex" userId="eff6cc8c-37d8-483b-9c6c-6b27e9afa9bc" providerId="ADAL" clId="{BF04C754-5BF4-4E83-9615-DB14FA25AF8A}" dt="2023-10-12T11:38:08.274" v="295"/>
          <ac:spMkLst>
            <pc:docMk/>
            <pc:sldMk cId="2376958513" sldId="260"/>
            <ac:spMk id="5063" creationId="{4DE58AF5-8575-EC04-6C51-D5E8915D64D6}"/>
          </ac:spMkLst>
        </pc:spChg>
        <pc:spChg chg="mod">
          <ac:chgData name="White, Alex" userId="eff6cc8c-37d8-483b-9c6c-6b27e9afa9bc" providerId="ADAL" clId="{BF04C754-5BF4-4E83-9615-DB14FA25AF8A}" dt="2023-10-12T11:38:08.274" v="295"/>
          <ac:spMkLst>
            <pc:docMk/>
            <pc:sldMk cId="2376958513" sldId="260"/>
            <ac:spMk id="5064" creationId="{31C51E84-017A-A91B-336E-D45224408D6B}"/>
          </ac:spMkLst>
        </pc:spChg>
        <pc:spChg chg="mod">
          <ac:chgData name="White, Alex" userId="eff6cc8c-37d8-483b-9c6c-6b27e9afa9bc" providerId="ADAL" clId="{BF04C754-5BF4-4E83-9615-DB14FA25AF8A}" dt="2023-10-12T11:38:08.274" v="295"/>
          <ac:spMkLst>
            <pc:docMk/>
            <pc:sldMk cId="2376958513" sldId="260"/>
            <ac:spMk id="5065" creationId="{5DF525AC-3E52-3BFD-DC14-500A737CB204}"/>
          </ac:spMkLst>
        </pc:spChg>
        <pc:spChg chg="mod">
          <ac:chgData name="White, Alex" userId="eff6cc8c-37d8-483b-9c6c-6b27e9afa9bc" providerId="ADAL" clId="{BF04C754-5BF4-4E83-9615-DB14FA25AF8A}" dt="2023-10-12T11:38:08.274" v="295"/>
          <ac:spMkLst>
            <pc:docMk/>
            <pc:sldMk cId="2376958513" sldId="260"/>
            <ac:spMk id="5066" creationId="{67468B40-3B88-97B6-EA05-38C53AB96E4F}"/>
          </ac:spMkLst>
        </pc:spChg>
        <pc:spChg chg="mod">
          <ac:chgData name="White, Alex" userId="eff6cc8c-37d8-483b-9c6c-6b27e9afa9bc" providerId="ADAL" clId="{BF04C754-5BF4-4E83-9615-DB14FA25AF8A}" dt="2023-10-12T11:38:08.274" v="295"/>
          <ac:spMkLst>
            <pc:docMk/>
            <pc:sldMk cId="2376958513" sldId="260"/>
            <ac:spMk id="5067" creationId="{60460AB8-A472-6023-37F2-FA57B03E7FE8}"/>
          </ac:spMkLst>
        </pc:spChg>
        <pc:spChg chg="mod">
          <ac:chgData name="White, Alex" userId="eff6cc8c-37d8-483b-9c6c-6b27e9afa9bc" providerId="ADAL" clId="{BF04C754-5BF4-4E83-9615-DB14FA25AF8A}" dt="2023-10-12T11:38:08.274" v="295"/>
          <ac:spMkLst>
            <pc:docMk/>
            <pc:sldMk cId="2376958513" sldId="260"/>
            <ac:spMk id="5068" creationId="{ABC60316-A0E3-3FA2-1349-37073703C683}"/>
          </ac:spMkLst>
        </pc:spChg>
        <pc:spChg chg="mod">
          <ac:chgData name="White, Alex" userId="eff6cc8c-37d8-483b-9c6c-6b27e9afa9bc" providerId="ADAL" clId="{BF04C754-5BF4-4E83-9615-DB14FA25AF8A}" dt="2023-10-12T11:38:08.274" v="295"/>
          <ac:spMkLst>
            <pc:docMk/>
            <pc:sldMk cId="2376958513" sldId="260"/>
            <ac:spMk id="5069" creationId="{DE17C3ED-B855-FBA1-0F83-00F95F7C42DB}"/>
          </ac:spMkLst>
        </pc:spChg>
        <pc:spChg chg="mod">
          <ac:chgData name="White, Alex" userId="eff6cc8c-37d8-483b-9c6c-6b27e9afa9bc" providerId="ADAL" clId="{BF04C754-5BF4-4E83-9615-DB14FA25AF8A}" dt="2023-10-12T11:38:08.274" v="295"/>
          <ac:spMkLst>
            <pc:docMk/>
            <pc:sldMk cId="2376958513" sldId="260"/>
            <ac:spMk id="5070" creationId="{E66B059E-2FE3-E66F-ACDF-5A00FF8A8BCF}"/>
          </ac:spMkLst>
        </pc:spChg>
        <pc:spChg chg="mod">
          <ac:chgData name="White, Alex" userId="eff6cc8c-37d8-483b-9c6c-6b27e9afa9bc" providerId="ADAL" clId="{BF04C754-5BF4-4E83-9615-DB14FA25AF8A}" dt="2023-10-12T11:38:08.274" v="295"/>
          <ac:spMkLst>
            <pc:docMk/>
            <pc:sldMk cId="2376958513" sldId="260"/>
            <ac:spMk id="5071" creationId="{0A98F85F-9F0E-F1CA-5136-61729E5F20D0}"/>
          </ac:spMkLst>
        </pc:spChg>
        <pc:spChg chg="mod">
          <ac:chgData name="White, Alex" userId="eff6cc8c-37d8-483b-9c6c-6b27e9afa9bc" providerId="ADAL" clId="{BF04C754-5BF4-4E83-9615-DB14FA25AF8A}" dt="2023-10-12T11:38:08.274" v="295"/>
          <ac:spMkLst>
            <pc:docMk/>
            <pc:sldMk cId="2376958513" sldId="260"/>
            <ac:spMk id="5072" creationId="{7C45C7CF-E0E5-064A-5F22-68840E99D43E}"/>
          </ac:spMkLst>
        </pc:spChg>
        <pc:spChg chg="mod">
          <ac:chgData name="White, Alex" userId="eff6cc8c-37d8-483b-9c6c-6b27e9afa9bc" providerId="ADAL" clId="{BF04C754-5BF4-4E83-9615-DB14FA25AF8A}" dt="2023-10-12T11:38:08.274" v="295"/>
          <ac:spMkLst>
            <pc:docMk/>
            <pc:sldMk cId="2376958513" sldId="260"/>
            <ac:spMk id="5073" creationId="{2B9374FF-03FA-A8BC-DF77-1D1EA71DE5F5}"/>
          </ac:spMkLst>
        </pc:spChg>
        <pc:spChg chg="mod">
          <ac:chgData name="White, Alex" userId="eff6cc8c-37d8-483b-9c6c-6b27e9afa9bc" providerId="ADAL" clId="{BF04C754-5BF4-4E83-9615-DB14FA25AF8A}" dt="2023-10-12T11:38:08.274" v="295"/>
          <ac:spMkLst>
            <pc:docMk/>
            <pc:sldMk cId="2376958513" sldId="260"/>
            <ac:spMk id="5074" creationId="{B85A5830-22E2-F341-E264-5C6D2227D053}"/>
          </ac:spMkLst>
        </pc:spChg>
        <pc:spChg chg="mod">
          <ac:chgData name="White, Alex" userId="eff6cc8c-37d8-483b-9c6c-6b27e9afa9bc" providerId="ADAL" clId="{BF04C754-5BF4-4E83-9615-DB14FA25AF8A}" dt="2023-10-12T11:38:08.274" v="295"/>
          <ac:spMkLst>
            <pc:docMk/>
            <pc:sldMk cId="2376958513" sldId="260"/>
            <ac:spMk id="5075" creationId="{6ABB357B-6AF2-15AC-D731-1ADB28C2B2F7}"/>
          </ac:spMkLst>
        </pc:spChg>
        <pc:spChg chg="mod">
          <ac:chgData name="White, Alex" userId="eff6cc8c-37d8-483b-9c6c-6b27e9afa9bc" providerId="ADAL" clId="{BF04C754-5BF4-4E83-9615-DB14FA25AF8A}" dt="2023-10-12T11:38:08.274" v="295"/>
          <ac:spMkLst>
            <pc:docMk/>
            <pc:sldMk cId="2376958513" sldId="260"/>
            <ac:spMk id="5076" creationId="{229FE374-3DA7-7D4E-4745-91F787AFD97F}"/>
          </ac:spMkLst>
        </pc:spChg>
        <pc:spChg chg="mod">
          <ac:chgData name="White, Alex" userId="eff6cc8c-37d8-483b-9c6c-6b27e9afa9bc" providerId="ADAL" clId="{BF04C754-5BF4-4E83-9615-DB14FA25AF8A}" dt="2023-10-12T11:38:08.274" v="295"/>
          <ac:spMkLst>
            <pc:docMk/>
            <pc:sldMk cId="2376958513" sldId="260"/>
            <ac:spMk id="5077" creationId="{91C0D539-1350-8C2F-3320-D17A7AC62989}"/>
          </ac:spMkLst>
        </pc:spChg>
        <pc:spChg chg="mod">
          <ac:chgData name="White, Alex" userId="eff6cc8c-37d8-483b-9c6c-6b27e9afa9bc" providerId="ADAL" clId="{BF04C754-5BF4-4E83-9615-DB14FA25AF8A}" dt="2023-10-12T11:38:08.274" v="295"/>
          <ac:spMkLst>
            <pc:docMk/>
            <pc:sldMk cId="2376958513" sldId="260"/>
            <ac:spMk id="5078" creationId="{877E0A0C-7348-A62F-7D4B-B7FFC09F19B2}"/>
          </ac:spMkLst>
        </pc:spChg>
        <pc:spChg chg="mod">
          <ac:chgData name="White, Alex" userId="eff6cc8c-37d8-483b-9c6c-6b27e9afa9bc" providerId="ADAL" clId="{BF04C754-5BF4-4E83-9615-DB14FA25AF8A}" dt="2023-10-12T11:38:08.274" v="295"/>
          <ac:spMkLst>
            <pc:docMk/>
            <pc:sldMk cId="2376958513" sldId="260"/>
            <ac:spMk id="5079" creationId="{77DB5071-9C98-DCBB-CD1F-4AB934E90C79}"/>
          </ac:spMkLst>
        </pc:spChg>
        <pc:spChg chg="mod">
          <ac:chgData name="White, Alex" userId="eff6cc8c-37d8-483b-9c6c-6b27e9afa9bc" providerId="ADAL" clId="{BF04C754-5BF4-4E83-9615-DB14FA25AF8A}" dt="2023-10-12T11:38:08.274" v="295"/>
          <ac:spMkLst>
            <pc:docMk/>
            <pc:sldMk cId="2376958513" sldId="260"/>
            <ac:spMk id="5080" creationId="{50683F71-09F7-598F-2FF8-D4D577634C60}"/>
          </ac:spMkLst>
        </pc:spChg>
        <pc:spChg chg="mod">
          <ac:chgData name="White, Alex" userId="eff6cc8c-37d8-483b-9c6c-6b27e9afa9bc" providerId="ADAL" clId="{BF04C754-5BF4-4E83-9615-DB14FA25AF8A}" dt="2023-10-12T11:38:08.274" v="295"/>
          <ac:spMkLst>
            <pc:docMk/>
            <pc:sldMk cId="2376958513" sldId="260"/>
            <ac:spMk id="5081" creationId="{B6EF19AC-3C82-1D8A-CF21-68CA81E48D0A}"/>
          </ac:spMkLst>
        </pc:spChg>
        <pc:spChg chg="mod">
          <ac:chgData name="White, Alex" userId="eff6cc8c-37d8-483b-9c6c-6b27e9afa9bc" providerId="ADAL" clId="{BF04C754-5BF4-4E83-9615-DB14FA25AF8A}" dt="2023-10-12T11:38:08.274" v="295"/>
          <ac:spMkLst>
            <pc:docMk/>
            <pc:sldMk cId="2376958513" sldId="260"/>
            <ac:spMk id="5082" creationId="{4034ADC0-78A5-BC46-93B3-313C80E82351}"/>
          </ac:spMkLst>
        </pc:spChg>
        <pc:spChg chg="mod">
          <ac:chgData name="White, Alex" userId="eff6cc8c-37d8-483b-9c6c-6b27e9afa9bc" providerId="ADAL" clId="{BF04C754-5BF4-4E83-9615-DB14FA25AF8A}" dt="2023-10-12T11:38:08.274" v="295"/>
          <ac:spMkLst>
            <pc:docMk/>
            <pc:sldMk cId="2376958513" sldId="260"/>
            <ac:spMk id="5083" creationId="{7062C328-AA8A-D456-8038-63B130705B0E}"/>
          </ac:spMkLst>
        </pc:spChg>
        <pc:spChg chg="mod">
          <ac:chgData name="White, Alex" userId="eff6cc8c-37d8-483b-9c6c-6b27e9afa9bc" providerId="ADAL" clId="{BF04C754-5BF4-4E83-9615-DB14FA25AF8A}" dt="2023-10-12T11:38:08.274" v="295"/>
          <ac:spMkLst>
            <pc:docMk/>
            <pc:sldMk cId="2376958513" sldId="260"/>
            <ac:spMk id="5084" creationId="{18A5A0E5-971D-887C-AEDE-BA7DB1CAAC83}"/>
          </ac:spMkLst>
        </pc:spChg>
        <pc:spChg chg="mod">
          <ac:chgData name="White, Alex" userId="eff6cc8c-37d8-483b-9c6c-6b27e9afa9bc" providerId="ADAL" clId="{BF04C754-5BF4-4E83-9615-DB14FA25AF8A}" dt="2023-10-12T11:38:08.274" v="295"/>
          <ac:spMkLst>
            <pc:docMk/>
            <pc:sldMk cId="2376958513" sldId="260"/>
            <ac:spMk id="5085" creationId="{D76FCC75-FD9C-0E8F-8AAD-23A1E1047DE1}"/>
          </ac:spMkLst>
        </pc:spChg>
        <pc:spChg chg="mod">
          <ac:chgData name="White, Alex" userId="eff6cc8c-37d8-483b-9c6c-6b27e9afa9bc" providerId="ADAL" clId="{BF04C754-5BF4-4E83-9615-DB14FA25AF8A}" dt="2023-10-12T11:38:08.274" v="295"/>
          <ac:spMkLst>
            <pc:docMk/>
            <pc:sldMk cId="2376958513" sldId="260"/>
            <ac:spMk id="5086" creationId="{977D4036-2438-F794-098E-84A19F9B740E}"/>
          </ac:spMkLst>
        </pc:spChg>
        <pc:spChg chg="mod">
          <ac:chgData name="White, Alex" userId="eff6cc8c-37d8-483b-9c6c-6b27e9afa9bc" providerId="ADAL" clId="{BF04C754-5BF4-4E83-9615-DB14FA25AF8A}" dt="2023-10-12T11:38:08.274" v="295"/>
          <ac:spMkLst>
            <pc:docMk/>
            <pc:sldMk cId="2376958513" sldId="260"/>
            <ac:spMk id="5087" creationId="{9466942B-7973-14D0-8697-1CC2BA7496F2}"/>
          </ac:spMkLst>
        </pc:spChg>
        <pc:spChg chg="mod">
          <ac:chgData name="White, Alex" userId="eff6cc8c-37d8-483b-9c6c-6b27e9afa9bc" providerId="ADAL" clId="{BF04C754-5BF4-4E83-9615-DB14FA25AF8A}" dt="2023-10-12T11:38:08.274" v="295"/>
          <ac:spMkLst>
            <pc:docMk/>
            <pc:sldMk cId="2376958513" sldId="260"/>
            <ac:spMk id="5088" creationId="{062B74B0-4BA7-8925-1DAF-75BC3D5EACC2}"/>
          </ac:spMkLst>
        </pc:spChg>
        <pc:spChg chg="mod">
          <ac:chgData name="White, Alex" userId="eff6cc8c-37d8-483b-9c6c-6b27e9afa9bc" providerId="ADAL" clId="{BF04C754-5BF4-4E83-9615-DB14FA25AF8A}" dt="2023-10-12T11:38:08.274" v="295"/>
          <ac:spMkLst>
            <pc:docMk/>
            <pc:sldMk cId="2376958513" sldId="260"/>
            <ac:spMk id="5089" creationId="{B032614F-DF2D-3166-5665-A0254AD8C2C1}"/>
          </ac:spMkLst>
        </pc:spChg>
        <pc:spChg chg="mod">
          <ac:chgData name="White, Alex" userId="eff6cc8c-37d8-483b-9c6c-6b27e9afa9bc" providerId="ADAL" clId="{BF04C754-5BF4-4E83-9615-DB14FA25AF8A}" dt="2023-10-12T11:38:08.274" v="295"/>
          <ac:spMkLst>
            <pc:docMk/>
            <pc:sldMk cId="2376958513" sldId="260"/>
            <ac:spMk id="5090" creationId="{6BD23334-F3F4-2FE8-9DDF-0FA649D20621}"/>
          </ac:spMkLst>
        </pc:spChg>
        <pc:spChg chg="mod">
          <ac:chgData name="White, Alex" userId="eff6cc8c-37d8-483b-9c6c-6b27e9afa9bc" providerId="ADAL" clId="{BF04C754-5BF4-4E83-9615-DB14FA25AF8A}" dt="2023-10-12T11:38:08.274" v="295"/>
          <ac:spMkLst>
            <pc:docMk/>
            <pc:sldMk cId="2376958513" sldId="260"/>
            <ac:spMk id="5091" creationId="{96499868-73AC-C3D7-0F71-6CD1D18EF0D9}"/>
          </ac:spMkLst>
        </pc:spChg>
        <pc:spChg chg="mod">
          <ac:chgData name="White, Alex" userId="eff6cc8c-37d8-483b-9c6c-6b27e9afa9bc" providerId="ADAL" clId="{BF04C754-5BF4-4E83-9615-DB14FA25AF8A}" dt="2023-10-12T11:38:08.274" v="295"/>
          <ac:spMkLst>
            <pc:docMk/>
            <pc:sldMk cId="2376958513" sldId="260"/>
            <ac:spMk id="5092" creationId="{2097B250-FD52-C5E7-FC0B-F4A104E7C8EA}"/>
          </ac:spMkLst>
        </pc:spChg>
        <pc:spChg chg="mod">
          <ac:chgData name="White, Alex" userId="eff6cc8c-37d8-483b-9c6c-6b27e9afa9bc" providerId="ADAL" clId="{BF04C754-5BF4-4E83-9615-DB14FA25AF8A}" dt="2023-10-12T11:38:08.274" v="295"/>
          <ac:spMkLst>
            <pc:docMk/>
            <pc:sldMk cId="2376958513" sldId="260"/>
            <ac:spMk id="5093" creationId="{58DB73A8-5B37-0B02-D804-CB0F0A2CDF16}"/>
          </ac:spMkLst>
        </pc:spChg>
        <pc:spChg chg="mod">
          <ac:chgData name="White, Alex" userId="eff6cc8c-37d8-483b-9c6c-6b27e9afa9bc" providerId="ADAL" clId="{BF04C754-5BF4-4E83-9615-DB14FA25AF8A}" dt="2023-10-12T11:38:08.274" v="295"/>
          <ac:spMkLst>
            <pc:docMk/>
            <pc:sldMk cId="2376958513" sldId="260"/>
            <ac:spMk id="5094" creationId="{6E217D6B-3AE7-9BB5-6107-420F9A614CCB}"/>
          </ac:spMkLst>
        </pc:spChg>
        <pc:spChg chg="mod">
          <ac:chgData name="White, Alex" userId="eff6cc8c-37d8-483b-9c6c-6b27e9afa9bc" providerId="ADAL" clId="{BF04C754-5BF4-4E83-9615-DB14FA25AF8A}" dt="2023-10-12T11:38:08.274" v="295"/>
          <ac:spMkLst>
            <pc:docMk/>
            <pc:sldMk cId="2376958513" sldId="260"/>
            <ac:spMk id="5095" creationId="{90810EDF-90BE-D2FD-C9C1-FAAB201EE432}"/>
          </ac:spMkLst>
        </pc:spChg>
        <pc:spChg chg="mod">
          <ac:chgData name="White, Alex" userId="eff6cc8c-37d8-483b-9c6c-6b27e9afa9bc" providerId="ADAL" clId="{BF04C754-5BF4-4E83-9615-DB14FA25AF8A}" dt="2023-10-12T11:38:08.274" v="295"/>
          <ac:spMkLst>
            <pc:docMk/>
            <pc:sldMk cId="2376958513" sldId="260"/>
            <ac:spMk id="5096" creationId="{1683F787-8DCE-E21B-8883-B7AEEADD1E88}"/>
          </ac:spMkLst>
        </pc:spChg>
        <pc:spChg chg="mod">
          <ac:chgData name="White, Alex" userId="eff6cc8c-37d8-483b-9c6c-6b27e9afa9bc" providerId="ADAL" clId="{BF04C754-5BF4-4E83-9615-DB14FA25AF8A}" dt="2023-10-12T11:38:08.274" v="295"/>
          <ac:spMkLst>
            <pc:docMk/>
            <pc:sldMk cId="2376958513" sldId="260"/>
            <ac:spMk id="5097" creationId="{3D99A2B7-C392-0AB9-3614-69775947C6CF}"/>
          </ac:spMkLst>
        </pc:spChg>
        <pc:spChg chg="mod">
          <ac:chgData name="White, Alex" userId="eff6cc8c-37d8-483b-9c6c-6b27e9afa9bc" providerId="ADAL" clId="{BF04C754-5BF4-4E83-9615-DB14FA25AF8A}" dt="2023-10-12T11:38:08.274" v="295"/>
          <ac:spMkLst>
            <pc:docMk/>
            <pc:sldMk cId="2376958513" sldId="260"/>
            <ac:spMk id="5098" creationId="{824345C5-3C9F-FB4D-F3D2-0B22D234E095}"/>
          </ac:spMkLst>
        </pc:spChg>
        <pc:spChg chg="mod">
          <ac:chgData name="White, Alex" userId="eff6cc8c-37d8-483b-9c6c-6b27e9afa9bc" providerId="ADAL" clId="{BF04C754-5BF4-4E83-9615-DB14FA25AF8A}" dt="2023-10-12T11:38:08.274" v="295"/>
          <ac:spMkLst>
            <pc:docMk/>
            <pc:sldMk cId="2376958513" sldId="260"/>
            <ac:spMk id="5099" creationId="{6B217565-6740-03CD-DC54-4F659859D3D8}"/>
          </ac:spMkLst>
        </pc:spChg>
        <pc:spChg chg="mod">
          <ac:chgData name="White, Alex" userId="eff6cc8c-37d8-483b-9c6c-6b27e9afa9bc" providerId="ADAL" clId="{BF04C754-5BF4-4E83-9615-DB14FA25AF8A}" dt="2023-10-12T11:38:08.274" v="295"/>
          <ac:spMkLst>
            <pc:docMk/>
            <pc:sldMk cId="2376958513" sldId="260"/>
            <ac:spMk id="5100" creationId="{82E72EAC-2B73-C6E8-F44A-1338AC150C2B}"/>
          </ac:spMkLst>
        </pc:spChg>
        <pc:spChg chg="mod">
          <ac:chgData name="White, Alex" userId="eff6cc8c-37d8-483b-9c6c-6b27e9afa9bc" providerId="ADAL" clId="{BF04C754-5BF4-4E83-9615-DB14FA25AF8A}" dt="2023-10-12T11:38:08.274" v="295"/>
          <ac:spMkLst>
            <pc:docMk/>
            <pc:sldMk cId="2376958513" sldId="260"/>
            <ac:spMk id="5101" creationId="{860E0062-D083-7F79-257F-958324C37170}"/>
          </ac:spMkLst>
        </pc:spChg>
        <pc:spChg chg="mod">
          <ac:chgData name="White, Alex" userId="eff6cc8c-37d8-483b-9c6c-6b27e9afa9bc" providerId="ADAL" clId="{BF04C754-5BF4-4E83-9615-DB14FA25AF8A}" dt="2023-10-12T11:38:08.274" v="295"/>
          <ac:spMkLst>
            <pc:docMk/>
            <pc:sldMk cId="2376958513" sldId="260"/>
            <ac:spMk id="5102" creationId="{5D421BBF-0B11-486F-3949-40E99576EAC1}"/>
          </ac:spMkLst>
        </pc:spChg>
        <pc:spChg chg="mod">
          <ac:chgData name="White, Alex" userId="eff6cc8c-37d8-483b-9c6c-6b27e9afa9bc" providerId="ADAL" clId="{BF04C754-5BF4-4E83-9615-DB14FA25AF8A}" dt="2023-10-12T11:38:08.274" v="295"/>
          <ac:spMkLst>
            <pc:docMk/>
            <pc:sldMk cId="2376958513" sldId="260"/>
            <ac:spMk id="5103" creationId="{CF0E8D1E-DF88-E459-9912-4F7D9BA35B65}"/>
          </ac:spMkLst>
        </pc:spChg>
        <pc:spChg chg="mod">
          <ac:chgData name="White, Alex" userId="eff6cc8c-37d8-483b-9c6c-6b27e9afa9bc" providerId="ADAL" clId="{BF04C754-5BF4-4E83-9615-DB14FA25AF8A}" dt="2023-10-12T11:38:08.274" v="295"/>
          <ac:spMkLst>
            <pc:docMk/>
            <pc:sldMk cId="2376958513" sldId="260"/>
            <ac:spMk id="5104" creationId="{2BAE6837-05EB-53FE-1EC7-B16E7CF1E86D}"/>
          </ac:spMkLst>
        </pc:spChg>
        <pc:spChg chg="mod">
          <ac:chgData name="White, Alex" userId="eff6cc8c-37d8-483b-9c6c-6b27e9afa9bc" providerId="ADAL" clId="{BF04C754-5BF4-4E83-9615-DB14FA25AF8A}" dt="2023-10-12T11:38:08.274" v="295"/>
          <ac:spMkLst>
            <pc:docMk/>
            <pc:sldMk cId="2376958513" sldId="260"/>
            <ac:spMk id="5105" creationId="{87CA3090-9C4A-2595-B8D6-B23FF7B78CA8}"/>
          </ac:spMkLst>
        </pc:spChg>
        <pc:spChg chg="mod">
          <ac:chgData name="White, Alex" userId="eff6cc8c-37d8-483b-9c6c-6b27e9afa9bc" providerId="ADAL" clId="{BF04C754-5BF4-4E83-9615-DB14FA25AF8A}" dt="2023-10-12T11:38:08.274" v="295"/>
          <ac:spMkLst>
            <pc:docMk/>
            <pc:sldMk cId="2376958513" sldId="260"/>
            <ac:spMk id="5106" creationId="{2389E657-E864-39E4-C5A8-262F87D08627}"/>
          </ac:spMkLst>
        </pc:spChg>
        <pc:spChg chg="mod">
          <ac:chgData name="White, Alex" userId="eff6cc8c-37d8-483b-9c6c-6b27e9afa9bc" providerId="ADAL" clId="{BF04C754-5BF4-4E83-9615-DB14FA25AF8A}" dt="2023-10-12T11:38:08.274" v="295"/>
          <ac:spMkLst>
            <pc:docMk/>
            <pc:sldMk cId="2376958513" sldId="260"/>
            <ac:spMk id="5107" creationId="{EA1755BC-294E-0D97-F161-D43D62978DA2}"/>
          </ac:spMkLst>
        </pc:spChg>
        <pc:spChg chg="mod">
          <ac:chgData name="White, Alex" userId="eff6cc8c-37d8-483b-9c6c-6b27e9afa9bc" providerId="ADAL" clId="{BF04C754-5BF4-4E83-9615-DB14FA25AF8A}" dt="2023-10-12T11:38:08.274" v="295"/>
          <ac:spMkLst>
            <pc:docMk/>
            <pc:sldMk cId="2376958513" sldId="260"/>
            <ac:spMk id="5108" creationId="{0397636C-81C0-091A-9509-9E35A2653C0A}"/>
          </ac:spMkLst>
        </pc:spChg>
        <pc:spChg chg="mod">
          <ac:chgData name="White, Alex" userId="eff6cc8c-37d8-483b-9c6c-6b27e9afa9bc" providerId="ADAL" clId="{BF04C754-5BF4-4E83-9615-DB14FA25AF8A}" dt="2023-10-12T11:38:08.274" v="295"/>
          <ac:spMkLst>
            <pc:docMk/>
            <pc:sldMk cId="2376958513" sldId="260"/>
            <ac:spMk id="5109" creationId="{A6356A5E-841E-958A-CC78-9BBEADE15F94}"/>
          </ac:spMkLst>
        </pc:spChg>
        <pc:spChg chg="mod">
          <ac:chgData name="White, Alex" userId="eff6cc8c-37d8-483b-9c6c-6b27e9afa9bc" providerId="ADAL" clId="{BF04C754-5BF4-4E83-9615-DB14FA25AF8A}" dt="2023-10-12T11:38:08.274" v="295"/>
          <ac:spMkLst>
            <pc:docMk/>
            <pc:sldMk cId="2376958513" sldId="260"/>
            <ac:spMk id="5110" creationId="{EF9EC3DA-7680-CC89-BC97-77EC21BCCC49}"/>
          </ac:spMkLst>
        </pc:spChg>
        <pc:spChg chg="mod">
          <ac:chgData name="White, Alex" userId="eff6cc8c-37d8-483b-9c6c-6b27e9afa9bc" providerId="ADAL" clId="{BF04C754-5BF4-4E83-9615-DB14FA25AF8A}" dt="2023-10-12T11:38:08.274" v="295"/>
          <ac:spMkLst>
            <pc:docMk/>
            <pc:sldMk cId="2376958513" sldId="260"/>
            <ac:spMk id="5111" creationId="{8E686CFD-CBCA-7415-21AF-E562EEDD53E1}"/>
          </ac:spMkLst>
        </pc:spChg>
        <pc:spChg chg="mod">
          <ac:chgData name="White, Alex" userId="eff6cc8c-37d8-483b-9c6c-6b27e9afa9bc" providerId="ADAL" clId="{BF04C754-5BF4-4E83-9615-DB14FA25AF8A}" dt="2023-10-12T11:38:08.274" v="295"/>
          <ac:spMkLst>
            <pc:docMk/>
            <pc:sldMk cId="2376958513" sldId="260"/>
            <ac:spMk id="5112" creationId="{0CA7BA41-1D4A-F98A-F9BA-F5A643E404D0}"/>
          </ac:spMkLst>
        </pc:spChg>
        <pc:spChg chg="mod">
          <ac:chgData name="White, Alex" userId="eff6cc8c-37d8-483b-9c6c-6b27e9afa9bc" providerId="ADAL" clId="{BF04C754-5BF4-4E83-9615-DB14FA25AF8A}" dt="2023-10-12T11:38:08.274" v="295"/>
          <ac:spMkLst>
            <pc:docMk/>
            <pc:sldMk cId="2376958513" sldId="260"/>
            <ac:spMk id="5113" creationId="{D88513C2-11D6-27DA-71DF-1ABC9A18822B}"/>
          </ac:spMkLst>
        </pc:spChg>
        <pc:spChg chg="mod">
          <ac:chgData name="White, Alex" userId="eff6cc8c-37d8-483b-9c6c-6b27e9afa9bc" providerId="ADAL" clId="{BF04C754-5BF4-4E83-9615-DB14FA25AF8A}" dt="2023-10-12T11:38:08.274" v="295"/>
          <ac:spMkLst>
            <pc:docMk/>
            <pc:sldMk cId="2376958513" sldId="260"/>
            <ac:spMk id="5114" creationId="{2065BCB4-E5A5-DF4A-0FD1-8599BCEC51EA}"/>
          </ac:spMkLst>
        </pc:spChg>
        <pc:spChg chg="mod">
          <ac:chgData name="White, Alex" userId="eff6cc8c-37d8-483b-9c6c-6b27e9afa9bc" providerId="ADAL" clId="{BF04C754-5BF4-4E83-9615-DB14FA25AF8A}" dt="2023-10-12T11:38:08.274" v="295"/>
          <ac:spMkLst>
            <pc:docMk/>
            <pc:sldMk cId="2376958513" sldId="260"/>
            <ac:spMk id="5115" creationId="{EACF672D-7E42-350E-D1DD-0DBE891F5A5E}"/>
          </ac:spMkLst>
        </pc:spChg>
        <pc:spChg chg="mod">
          <ac:chgData name="White, Alex" userId="eff6cc8c-37d8-483b-9c6c-6b27e9afa9bc" providerId="ADAL" clId="{BF04C754-5BF4-4E83-9615-DB14FA25AF8A}" dt="2023-10-12T11:38:08.274" v="295"/>
          <ac:spMkLst>
            <pc:docMk/>
            <pc:sldMk cId="2376958513" sldId="260"/>
            <ac:spMk id="5116" creationId="{E42D4EC3-28D7-F229-72E3-142040AEDBE3}"/>
          </ac:spMkLst>
        </pc:spChg>
        <pc:spChg chg="mod">
          <ac:chgData name="White, Alex" userId="eff6cc8c-37d8-483b-9c6c-6b27e9afa9bc" providerId="ADAL" clId="{BF04C754-5BF4-4E83-9615-DB14FA25AF8A}" dt="2023-10-12T11:38:08.274" v="295"/>
          <ac:spMkLst>
            <pc:docMk/>
            <pc:sldMk cId="2376958513" sldId="260"/>
            <ac:spMk id="5117" creationId="{A0BE9A8F-B07F-1FB2-B11A-2452C2224829}"/>
          </ac:spMkLst>
        </pc:spChg>
        <pc:spChg chg="mod">
          <ac:chgData name="White, Alex" userId="eff6cc8c-37d8-483b-9c6c-6b27e9afa9bc" providerId="ADAL" clId="{BF04C754-5BF4-4E83-9615-DB14FA25AF8A}" dt="2023-10-12T11:38:08.274" v="295"/>
          <ac:spMkLst>
            <pc:docMk/>
            <pc:sldMk cId="2376958513" sldId="260"/>
            <ac:spMk id="5118" creationId="{706D66A4-5E80-1579-E175-230206F2D927}"/>
          </ac:spMkLst>
        </pc:spChg>
        <pc:spChg chg="mod">
          <ac:chgData name="White, Alex" userId="eff6cc8c-37d8-483b-9c6c-6b27e9afa9bc" providerId="ADAL" clId="{BF04C754-5BF4-4E83-9615-DB14FA25AF8A}" dt="2023-10-12T11:38:08.274" v="295"/>
          <ac:spMkLst>
            <pc:docMk/>
            <pc:sldMk cId="2376958513" sldId="260"/>
            <ac:spMk id="5119" creationId="{2B6A7BAC-FC4C-7012-E8EA-CE9B87E68AB2}"/>
          </ac:spMkLst>
        </pc:spChg>
        <pc:spChg chg="mod">
          <ac:chgData name="White, Alex" userId="eff6cc8c-37d8-483b-9c6c-6b27e9afa9bc" providerId="ADAL" clId="{BF04C754-5BF4-4E83-9615-DB14FA25AF8A}" dt="2023-10-12T11:38:08.274" v="295"/>
          <ac:spMkLst>
            <pc:docMk/>
            <pc:sldMk cId="2376958513" sldId="260"/>
            <ac:spMk id="5120" creationId="{72554AC9-A611-3095-1FDC-5D11528C1221}"/>
          </ac:spMkLst>
        </pc:spChg>
        <pc:spChg chg="mod">
          <ac:chgData name="White, Alex" userId="eff6cc8c-37d8-483b-9c6c-6b27e9afa9bc" providerId="ADAL" clId="{BF04C754-5BF4-4E83-9615-DB14FA25AF8A}" dt="2023-10-12T11:38:08.274" v="295"/>
          <ac:spMkLst>
            <pc:docMk/>
            <pc:sldMk cId="2376958513" sldId="260"/>
            <ac:spMk id="5121" creationId="{93A2CE6B-AE6F-9D47-3121-71CC7F5A8391}"/>
          </ac:spMkLst>
        </pc:spChg>
        <pc:spChg chg="mod">
          <ac:chgData name="White, Alex" userId="eff6cc8c-37d8-483b-9c6c-6b27e9afa9bc" providerId="ADAL" clId="{BF04C754-5BF4-4E83-9615-DB14FA25AF8A}" dt="2023-10-12T11:38:08.274" v="295"/>
          <ac:spMkLst>
            <pc:docMk/>
            <pc:sldMk cId="2376958513" sldId="260"/>
            <ac:spMk id="5122" creationId="{9AA88BF0-D8ED-0C3C-B82A-A973A34285B1}"/>
          </ac:spMkLst>
        </pc:spChg>
        <pc:spChg chg="mod">
          <ac:chgData name="White, Alex" userId="eff6cc8c-37d8-483b-9c6c-6b27e9afa9bc" providerId="ADAL" clId="{BF04C754-5BF4-4E83-9615-DB14FA25AF8A}" dt="2023-10-12T11:38:08.274" v="295"/>
          <ac:spMkLst>
            <pc:docMk/>
            <pc:sldMk cId="2376958513" sldId="260"/>
            <ac:spMk id="5123" creationId="{2343CBD5-43BC-2A9C-9DA8-7EB2D372E783}"/>
          </ac:spMkLst>
        </pc:spChg>
        <pc:spChg chg="mod">
          <ac:chgData name="White, Alex" userId="eff6cc8c-37d8-483b-9c6c-6b27e9afa9bc" providerId="ADAL" clId="{BF04C754-5BF4-4E83-9615-DB14FA25AF8A}" dt="2023-10-12T11:38:08.274" v="295"/>
          <ac:spMkLst>
            <pc:docMk/>
            <pc:sldMk cId="2376958513" sldId="260"/>
            <ac:spMk id="5124" creationId="{D94CDE0F-3A06-B114-CCE2-B598F628A9FA}"/>
          </ac:spMkLst>
        </pc:spChg>
        <pc:spChg chg="mod">
          <ac:chgData name="White, Alex" userId="eff6cc8c-37d8-483b-9c6c-6b27e9afa9bc" providerId="ADAL" clId="{BF04C754-5BF4-4E83-9615-DB14FA25AF8A}" dt="2023-10-12T11:38:08.274" v="295"/>
          <ac:spMkLst>
            <pc:docMk/>
            <pc:sldMk cId="2376958513" sldId="260"/>
            <ac:spMk id="5125" creationId="{D471957A-17A5-8D76-1B4D-87BFFF813140}"/>
          </ac:spMkLst>
        </pc:spChg>
        <pc:spChg chg="mod">
          <ac:chgData name="White, Alex" userId="eff6cc8c-37d8-483b-9c6c-6b27e9afa9bc" providerId="ADAL" clId="{BF04C754-5BF4-4E83-9615-DB14FA25AF8A}" dt="2023-10-12T11:38:08.274" v="295"/>
          <ac:spMkLst>
            <pc:docMk/>
            <pc:sldMk cId="2376958513" sldId="260"/>
            <ac:spMk id="5126" creationId="{B113ACA4-BE5F-E083-2537-828C171E0C9A}"/>
          </ac:spMkLst>
        </pc:spChg>
        <pc:spChg chg="mod">
          <ac:chgData name="White, Alex" userId="eff6cc8c-37d8-483b-9c6c-6b27e9afa9bc" providerId="ADAL" clId="{BF04C754-5BF4-4E83-9615-DB14FA25AF8A}" dt="2023-10-12T11:38:08.274" v="295"/>
          <ac:spMkLst>
            <pc:docMk/>
            <pc:sldMk cId="2376958513" sldId="260"/>
            <ac:spMk id="5127" creationId="{07BB28E4-042E-AD4E-1C08-96784452CE1C}"/>
          </ac:spMkLst>
        </pc:spChg>
        <pc:spChg chg="mod">
          <ac:chgData name="White, Alex" userId="eff6cc8c-37d8-483b-9c6c-6b27e9afa9bc" providerId="ADAL" clId="{BF04C754-5BF4-4E83-9615-DB14FA25AF8A}" dt="2023-10-12T11:38:08.274" v="295"/>
          <ac:spMkLst>
            <pc:docMk/>
            <pc:sldMk cId="2376958513" sldId="260"/>
            <ac:spMk id="5128" creationId="{C170C52A-2692-A4F5-988B-58A527AEE921}"/>
          </ac:spMkLst>
        </pc:spChg>
        <pc:spChg chg="mod">
          <ac:chgData name="White, Alex" userId="eff6cc8c-37d8-483b-9c6c-6b27e9afa9bc" providerId="ADAL" clId="{BF04C754-5BF4-4E83-9615-DB14FA25AF8A}" dt="2023-10-12T11:38:08.274" v="295"/>
          <ac:spMkLst>
            <pc:docMk/>
            <pc:sldMk cId="2376958513" sldId="260"/>
            <ac:spMk id="5129" creationId="{C02B7B3A-C523-BA58-192D-A82B04AE4099}"/>
          </ac:spMkLst>
        </pc:spChg>
        <pc:spChg chg="mod">
          <ac:chgData name="White, Alex" userId="eff6cc8c-37d8-483b-9c6c-6b27e9afa9bc" providerId="ADAL" clId="{BF04C754-5BF4-4E83-9615-DB14FA25AF8A}" dt="2023-10-12T11:38:08.274" v="295"/>
          <ac:spMkLst>
            <pc:docMk/>
            <pc:sldMk cId="2376958513" sldId="260"/>
            <ac:spMk id="5130" creationId="{BF46AC51-B605-93AB-ABC0-DAF4AF352976}"/>
          </ac:spMkLst>
        </pc:spChg>
        <pc:spChg chg="mod">
          <ac:chgData name="White, Alex" userId="eff6cc8c-37d8-483b-9c6c-6b27e9afa9bc" providerId="ADAL" clId="{BF04C754-5BF4-4E83-9615-DB14FA25AF8A}" dt="2023-10-12T11:38:08.274" v="295"/>
          <ac:spMkLst>
            <pc:docMk/>
            <pc:sldMk cId="2376958513" sldId="260"/>
            <ac:spMk id="5131" creationId="{BF6B01A6-E272-D8FF-1395-81088B02F872}"/>
          </ac:spMkLst>
        </pc:spChg>
        <pc:spChg chg="mod">
          <ac:chgData name="White, Alex" userId="eff6cc8c-37d8-483b-9c6c-6b27e9afa9bc" providerId="ADAL" clId="{BF04C754-5BF4-4E83-9615-DB14FA25AF8A}" dt="2023-10-12T11:38:08.274" v="295"/>
          <ac:spMkLst>
            <pc:docMk/>
            <pc:sldMk cId="2376958513" sldId="260"/>
            <ac:spMk id="5132" creationId="{3CF910EB-FE2D-3888-70EC-B6520ECD2296}"/>
          </ac:spMkLst>
        </pc:spChg>
        <pc:spChg chg="mod">
          <ac:chgData name="White, Alex" userId="eff6cc8c-37d8-483b-9c6c-6b27e9afa9bc" providerId="ADAL" clId="{BF04C754-5BF4-4E83-9615-DB14FA25AF8A}" dt="2023-10-12T11:38:08.274" v="295"/>
          <ac:spMkLst>
            <pc:docMk/>
            <pc:sldMk cId="2376958513" sldId="260"/>
            <ac:spMk id="5133" creationId="{56617B25-4301-8E01-4935-FF2302BB6889}"/>
          </ac:spMkLst>
        </pc:spChg>
        <pc:spChg chg="mod">
          <ac:chgData name="White, Alex" userId="eff6cc8c-37d8-483b-9c6c-6b27e9afa9bc" providerId="ADAL" clId="{BF04C754-5BF4-4E83-9615-DB14FA25AF8A}" dt="2023-10-12T11:38:08.274" v="295"/>
          <ac:spMkLst>
            <pc:docMk/>
            <pc:sldMk cId="2376958513" sldId="260"/>
            <ac:spMk id="5134" creationId="{0F4F1DB2-9BD5-3B80-4000-5D13CEEC01C8}"/>
          </ac:spMkLst>
        </pc:spChg>
        <pc:spChg chg="mod">
          <ac:chgData name="White, Alex" userId="eff6cc8c-37d8-483b-9c6c-6b27e9afa9bc" providerId="ADAL" clId="{BF04C754-5BF4-4E83-9615-DB14FA25AF8A}" dt="2023-10-12T11:38:08.274" v="295"/>
          <ac:spMkLst>
            <pc:docMk/>
            <pc:sldMk cId="2376958513" sldId="260"/>
            <ac:spMk id="5135" creationId="{BD1F5E09-B46A-B8D6-5B42-3ED74A5CA978}"/>
          </ac:spMkLst>
        </pc:spChg>
        <pc:spChg chg="mod">
          <ac:chgData name="White, Alex" userId="eff6cc8c-37d8-483b-9c6c-6b27e9afa9bc" providerId="ADAL" clId="{BF04C754-5BF4-4E83-9615-DB14FA25AF8A}" dt="2023-10-12T11:38:08.274" v="295"/>
          <ac:spMkLst>
            <pc:docMk/>
            <pc:sldMk cId="2376958513" sldId="260"/>
            <ac:spMk id="5136" creationId="{FEB71B72-811E-6B78-5736-62150F38E392}"/>
          </ac:spMkLst>
        </pc:spChg>
        <pc:spChg chg="mod">
          <ac:chgData name="White, Alex" userId="eff6cc8c-37d8-483b-9c6c-6b27e9afa9bc" providerId="ADAL" clId="{BF04C754-5BF4-4E83-9615-DB14FA25AF8A}" dt="2023-10-12T11:38:08.274" v="295"/>
          <ac:spMkLst>
            <pc:docMk/>
            <pc:sldMk cId="2376958513" sldId="260"/>
            <ac:spMk id="5137" creationId="{DDAA3A78-A784-258D-0DF5-BDF7BC7652F1}"/>
          </ac:spMkLst>
        </pc:spChg>
        <pc:spChg chg="mod">
          <ac:chgData name="White, Alex" userId="eff6cc8c-37d8-483b-9c6c-6b27e9afa9bc" providerId="ADAL" clId="{BF04C754-5BF4-4E83-9615-DB14FA25AF8A}" dt="2023-10-12T11:38:08.274" v="295"/>
          <ac:spMkLst>
            <pc:docMk/>
            <pc:sldMk cId="2376958513" sldId="260"/>
            <ac:spMk id="5138" creationId="{6F641DEF-C020-CC61-5938-A925992FC7DF}"/>
          </ac:spMkLst>
        </pc:spChg>
        <pc:spChg chg="mod">
          <ac:chgData name="White, Alex" userId="eff6cc8c-37d8-483b-9c6c-6b27e9afa9bc" providerId="ADAL" clId="{BF04C754-5BF4-4E83-9615-DB14FA25AF8A}" dt="2023-10-12T11:38:08.274" v="295"/>
          <ac:spMkLst>
            <pc:docMk/>
            <pc:sldMk cId="2376958513" sldId="260"/>
            <ac:spMk id="5139" creationId="{F2A4673B-1C83-565E-7ABC-C2EF2C5DADF6}"/>
          </ac:spMkLst>
        </pc:spChg>
        <pc:spChg chg="mod">
          <ac:chgData name="White, Alex" userId="eff6cc8c-37d8-483b-9c6c-6b27e9afa9bc" providerId="ADAL" clId="{BF04C754-5BF4-4E83-9615-DB14FA25AF8A}" dt="2023-10-12T11:38:08.274" v="295"/>
          <ac:spMkLst>
            <pc:docMk/>
            <pc:sldMk cId="2376958513" sldId="260"/>
            <ac:spMk id="5140" creationId="{6EB79058-DADB-F2D1-5B93-385A0C7DB9B9}"/>
          </ac:spMkLst>
        </pc:spChg>
        <pc:spChg chg="mod">
          <ac:chgData name="White, Alex" userId="eff6cc8c-37d8-483b-9c6c-6b27e9afa9bc" providerId="ADAL" clId="{BF04C754-5BF4-4E83-9615-DB14FA25AF8A}" dt="2023-10-12T11:38:08.274" v="295"/>
          <ac:spMkLst>
            <pc:docMk/>
            <pc:sldMk cId="2376958513" sldId="260"/>
            <ac:spMk id="5141" creationId="{209F4F0C-9F46-A308-2D5C-88FF8BC1320E}"/>
          </ac:spMkLst>
        </pc:spChg>
        <pc:spChg chg="mod">
          <ac:chgData name="White, Alex" userId="eff6cc8c-37d8-483b-9c6c-6b27e9afa9bc" providerId="ADAL" clId="{BF04C754-5BF4-4E83-9615-DB14FA25AF8A}" dt="2023-10-12T11:38:08.274" v="295"/>
          <ac:spMkLst>
            <pc:docMk/>
            <pc:sldMk cId="2376958513" sldId="260"/>
            <ac:spMk id="5142" creationId="{25638933-E484-24D9-3945-C2038BF8BEEB}"/>
          </ac:spMkLst>
        </pc:spChg>
        <pc:spChg chg="mod">
          <ac:chgData name="White, Alex" userId="eff6cc8c-37d8-483b-9c6c-6b27e9afa9bc" providerId="ADAL" clId="{BF04C754-5BF4-4E83-9615-DB14FA25AF8A}" dt="2023-10-12T11:38:08.274" v="295"/>
          <ac:spMkLst>
            <pc:docMk/>
            <pc:sldMk cId="2376958513" sldId="260"/>
            <ac:spMk id="5143" creationId="{13991C32-5654-1189-6E9C-7584A190D399}"/>
          </ac:spMkLst>
        </pc:spChg>
        <pc:spChg chg="mod">
          <ac:chgData name="White, Alex" userId="eff6cc8c-37d8-483b-9c6c-6b27e9afa9bc" providerId="ADAL" clId="{BF04C754-5BF4-4E83-9615-DB14FA25AF8A}" dt="2023-10-12T11:38:08.274" v="295"/>
          <ac:spMkLst>
            <pc:docMk/>
            <pc:sldMk cId="2376958513" sldId="260"/>
            <ac:spMk id="5144" creationId="{C2756CB5-AF95-3FFB-11D7-2886843D834B}"/>
          </ac:spMkLst>
        </pc:spChg>
        <pc:spChg chg="mod">
          <ac:chgData name="White, Alex" userId="eff6cc8c-37d8-483b-9c6c-6b27e9afa9bc" providerId="ADAL" clId="{BF04C754-5BF4-4E83-9615-DB14FA25AF8A}" dt="2023-10-12T11:38:08.274" v="295"/>
          <ac:spMkLst>
            <pc:docMk/>
            <pc:sldMk cId="2376958513" sldId="260"/>
            <ac:spMk id="5145" creationId="{60946C10-CDA2-64C9-EDFF-4A76E01173A0}"/>
          </ac:spMkLst>
        </pc:spChg>
        <pc:spChg chg="mod">
          <ac:chgData name="White, Alex" userId="eff6cc8c-37d8-483b-9c6c-6b27e9afa9bc" providerId="ADAL" clId="{BF04C754-5BF4-4E83-9615-DB14FA25AF8A}" dt="2023-10-12T11:38:08.274" v="295"/>
          <ac:spMkLst>
            <pc:docMk/>
            <pc:sldMk cId="2376958513" sldId="260"/>
            <ac:spMk id="5146" creationId="{FC03C949-F022-038E-A3CA-20F285C9F4FB}"/>
          </ac:spMkLst>
        </pc:spChg>
        <pc:spChg chg="mod">
          <ac:chgData name="White, Alex" userId="eff6cc8c-37d8-483b-9c6c-6b27e9afa9bc" providerId="ADAL" clId="{BF04C754-5BF4-4E83-9615-DB14FA25AF8A}" dt="2023-10-12T11:38:08.274" v="295"/>
          <ac:spMkLst>
            <pc:docMk/>
            <pc:sldMk cId="2376958513" sldId="260"/>
            <ac:spMk id="5147" creationId="{05608F0F-CFEE-3FAE-FFD5-B92BB83402EC}"/>
          </ac:spMkLst>
        </pc:spChg>
        <pc:spChg chg="mod">
          <ac:chgData name="White, Alex" userId="eff6cc8c-37d8-483b-9c6c-6b27e9afa9bc" providerId="ADAL" clId="{BF04C754-5BF4-4E83-9615-DB14FA25AF8A}" dt="2023-10-12T11:38:08.274" v="295"/>
          <ac:spMkLst>
            <pc:docMk/>
            <pc:sldMk cId="2376958513" sldId="260"/>
            <ac:spMk id="5148" creationId="{4FA4F0E7-746E-AE81-776D-D813AE1B644C}"/>
          </ac:spMkLst>
        </pc:spChg>
        <pc:spChg chg="mod">
          <ac:chgData name="White, Alex" userId="eff6cc8c-37d8-483b-9c6c-6b27e9afa9bc" providerId="ADAL" clId="{BF04C754-5BF4-4E83-9615-DB14FA25AF8A}" dt="2023-10-12T11:38:08.274" v="295"/>
          <ac:spMkLst>
            <pc:docMk/>
            <pc:sldMk cId="2376958513" sldId="260"/>
            <ac:spMk id="5149" creationId="{59DE8D6B-3C8A-DA3C-D9B8-C519768EF763}"/>
          </ac:spMkLst>
        </pc:spChg>
        <pc:spChg chg="mod">
          <ac:chgData name="White, Alex" userId="eff6cc8c-37d8-483b-9c6c-6b27e9afa9bc" providerId="ADAL" clId="{BF04C754-5BF4-4E83-9615-DB14FA25AF8A}" dt="2023-10-12T11:38:08.274" v="295"/>
          <ac:spMkLst>
            <pc:docMk/>
            <pc:sldMk cId="2376958513" sldId="260"/>
            <ac:spMk id="5150" creationId="{4DA85E9F-71D7-87F4-FA9D-724CEDE8DE15}"/>
          </ac:spMkLst>
        </pc:spChg>
        <pc:spChg chg="mod">
          <ac:chgData name="White, Alex" userId="eff6cc8c-37d8-483b-9c6c-6b27e9afa9bc" providerId="ADAL" clId="{BF04C754-5BF4-4E83-9615-DB14FA25AF8A}" dt="2023-10-12T11:38:08.274" v="295"/>
          <ac:spMkLst>
            <pc:docMk/>
            <pc:sldMk cId="2376958513" sldId="260"/>
            <ac:spMk id="5151" creationId="{4D6D73BE-8D9D-001E-86A2-0342E76D3821}"/>
          </ac:spMkLst>
        </pc:spChg>
        <pc:spChg chg="mod">
          <ac:chgData name="White, Alex" userId="eff6cc8c-37d8-483b-9c6c-6b27e9afa9bc" providerId="ADAL" clId="{BF04C754-5BF4-4E83-9615-DB14FA25AF8A}" dt="2023-10-12T11:38:08.274" v="295"/>
          <ac:spMkLst>
            <pc:docMk/>
            <pc:sldMk cId="2376958513" sldId="260"/>
            <ac:spMk id="5152" creationId="{37D20416-7316-A4AA-F967-AD53AC7DD421}"/>
          </ac:spMkLst>
        </pc:spChg>
        <pc:spChg chg="mod">
          <ac:chgData name="White, Alex" userId="eff6cc8c-37d8-483b-9c6c-6b27e9afa9bc" providerId="ADAL" clId="{BF04C754-5BF4-4E83-9615-DB14FA25AF8A}" dt="2023-10-12T11:38:08.274" v="295"/>
          <ac:spMkLst>
            <pc:docMk/>
            <pc:sldMk cId="2376958513" sldId="260"/>
            <ac:spMk id="5153" creationId="{FC0EC291-6110-D0C6-1981-26E9044C5E26}"/>
          </ac:spMkLst>
        </pc:spChg>
        <pc:spChg chg="mod">
          <ac:chgData name="White, Alex" userId="eff6cc8c-37d8-483b-9c6c-6b27e9afa9bc" providerId="ADAL" clId="{BF04C754-5BF4-4E83-9615-DB14FA25AF8A}" dt="2023-10-12T11:38:08.274" v="295"/>
          <ac:spMkLst>
            <pc:docMk/>
            <pc:sldMk cId="2376958513" sldId="260"/>
            <ac:spMk id="5154" creationId="{3576B61E-8AB8-0256-7252-7F40A47E63A0}"/>
          </ac:spMkLst>
        </pc:spChg>
        <pc:spChg chg="mod">
          <ac:chgData name="White, Alex" userId="eff6cc8c-37d8-483b-9c6c-6b27e9afa9bc" providerId="ADAL" clId="{BF04C754-5BF4-4E83-9615-DB14FA25AF8A}" dt="2023-10-12T11:38:08.274" v="295"/>
          <ac:spMkLst>
            <pc:docMk/>
            <pc:sldMk cId="2376958513" sldId="260"/>
            <ac:spMk id="5155" creationId="{8536D834-4C65-D60E-99CC-C7BF9F2732C6}"/>
          </ac:spMkLst>
        </pc:spChg>
        <pc:spChg chg="mod">
          <ac:chgData name="White, Alex" userId="eff6cc8c-37d8-483b-9c6c-6b27e9afa9bc" providerId="ADAL" clId="{BF04C754-5BF4-4E83-9615-DB14FA25AF8A}" dt="2023-10-12T11:38:08.274" v="295"/>
          <ac:spMkLst>
            <pc:docMk/>
            <pc:sldMk cId="2376958513" sldId="260"/>
            <ac:spMk id="5156" creationId="{CD3F6EE6-34F1-F589-78AD-5BEAB12A6DCA}"/>
          </ac:spMkLst>
        </pc:spChg>
        <pc:spChg chg="mod">
          <ac:chgData name="White, Alex" userId="eff6cc8c-37d8-483b-9c6c-6b27e9afa9bc" providerId="ADAL" clId="{BF04C754-5BF4-4E83-9615-DB14FA25AF8A}" dt="2023-10-12T11:38:08.274" v="295"/>
          <ac:spMkLst>
            <pc:docMk/>
            <pc:sldMk cId="2376958513" sldId="260"/>
            <ac:spMk id="5157" creationId="{501C1340-003E-4C69-2C0B-04A33A90EC89}"/>
          </ac:spMkLst>
        </pc:spChg>
        <pc:spChg chg="mod">
          <ac:chgData name="White, Alex" userId="eff6cc8c-37d8-483b-9c6c-6b27e9afa9bc" providerId="ADAL" clId="{BF04C754-5BF4-4E83-9615-DB14FA25AF8A}" dt="2023-10-12T11:38:08.274" v="295"/>
          <ac:spMkLst>
            <pc:docMk/>
            <pc:sldMk cId="2376958513" sldId="260"/>
            <ac:spMk id="5158" creationId="{61E6D6AE-DAF4-D61B-4399-3676BF67D83B}"/>
          </ac:spMkLst>
        </pc:spChg>
        <pc:spChg chg="mod">
          <ac:chgData name="White, Alex" userId="eff6cc8c-37d8-483b-9c6c-6b27e9afa9bc" providerId="ADAL" clId="{BF04C754-5BF4-4E83-9615-DB14FA25AF8A}" dt="2023-10-12T11:38:08.274" v="295"/>
          <ac:spMkLst>
            <pc:docMk/>
            <pc:sldMk cId="2376958513" sldId="260"/>
            <ac:spMk id="5159" creationId="{F88EEDE0-D2B5-16B3-353E-00C2AA647BE7}"/>
          </ac:spMkLst>
        </pc:spChg>
        <pc:spChg chg="mod">
          <ac:chgData name="White, Alex" userId="eff6cc8c-37d8-483b-9c6c-6b27e9afa9bc" providerId="ADAL" clId="{BF04C754-5BF4-4E83-9615-DB14FA25AF8A}" dt="2023-10-12T11:38:08.274" v="295"/>
          <ac:spMkLst>
            <pc:docMk/>
            <pc:sldMk cId="2376958513" sldId="260"/>
            <ac:spMk id="5160" creationId="{1CB79FAC-3818-F978-4560-EEDC0CFB8129}"/>
          </ac:spMkLst>
        </pc:spChg>
        <pc:spChg chg="mod">
          <ac:chgData name="White, Alex" userId="eff6cc8c-37d8-483b-9c6c-6b27e9afa9bc" providerId="ADAL" clId="{BF04C754-5BF4-4E83-9615-DB14FA25AF8A}" dt="2023-10-12T11:38:08.274" v="295"/>
          <ac:spMkLst>
            <pc:docMk/>
            <pc:sldMk cId="2376958513" sldId="260"/>
            <ac:spMk id="5161" creationId="{7C4C6D9D-D1F6-92BD-E5E0-4056B9F826F1}"/>
          </ac:spMkLst>
        </pc:spChg>
        <pc:spChg chg="mod">
          <ac:chgData name="White, Alex" userId="eff6cc8c-37d8-483b-9c6c-6b27e9afa9bc" providerId="ADAL" clId="{BF04C754-5BF4-4E83-9615-DB14FA25AF8A}" dt="2023-10-12T11:38:08.274" v="295"/>
          <ac:spMkLst>
            <pc:docMk/>
            <pc:sldMk cId="2376958513" sldId="260"/>
            <ac:spMk id="5162" creationId="{F4350133-DD0E-2A33-38E3-6AAD75ABA38F}"/>
          </ac:spMkLst>
        </pc:spChg>
        <pc:spChg chg="mod">
          <ac:chgData name="White, Alex" userId="eff6cc8c-37d8-483b-9c6c-6b27e9afa9bc" providerId="ADAL" clId="{BF04C754-5BF4-4E83-9615-DB14FA25AF8A}" dt="2023-10-12T11:38:08.274" v="295"/>
          <ac:spMkLst>
            <pc:docMk/>
            <pc:sldMk cId="2376958513" sldId="260"/>
            <ac:spMk id="5163" creationId="{F0D76BFB-BC39-5FEB-F641-0AC8AE84F637}"/>
          </ac:spMkLst>
        </pc:spChg>
        <pc:spChg chg="mod">
          <ac:chgData name="White, Alex" userId="eff6cc8c-37d8-483b-9c6c-6b27e9afa9bc" providerId="ADAL" clId="{BF04C754-5BF4-4E83-9615-DB14FA25AF8A}" dt="2023-10-12T11:38:08.274" v="295"/>
          <ac:spMkLst>
            <pc:docMk/>
            <pc:sldMk cId="2376958513" sldId="260"/>
            <ac:spMk id="5164" creationId="{A8E7EC4C-ED58-064F-1904-59201C140798}"/>
          </ac:spMkLst>
        </pc:spChg>
        <pc:spChg chg="mod">
          <ac:chgData name="White, Alex" userId="eff6cc8c-37d8-483b-9c6c-6b27e9afa9bc" providerId="ADAL" clId="{BF04C754-5BF4-4E83-9615-DB14FA25AF8A}" dt="2023-10-12T11:38:08.274" v="295"/>
          <ac:spMkLst>
            <pc:docMk/>
            <pc:sldMk cId="2376958513" sldId="260"/>
            <ac:spMk id="5165" creationId="{AE1B9E04-3C51-E951-5A09-D1FE9B942AD9}"/>
          </ac:spMkLst>
        </pc:spChg>
        <pc:spChg chg="mod">
          <ac:chgData name="White, Alex" userId="eff6cc8c-37d8-483b-9c6c-6b27e9afa9bc" providerId="ADAL" clId="{BF04C754-5BF4-4E83-9615-DB14FA25AF8A}" dt="2023-10-12T11:38:08.274" v="295"/>
          <ac:spMkLst>
            <pc:docMk/>
            <pc:sldMk cId="2376958513" sldId="260"/>
            <ac:spMk id="5166" creationId="{9B8BDDD3-7B32-C7F5-928A-F9216B78D600}"/>
          </ac:spMkLst>
        </pc:spChg>
        <pc:spChg chg="mod">
          <ac:chgData name="White, Alex" userId="eff6cc8c-37d8-483b-9c6c-6b27e9afa9bc" providerId="ADAL" clId="{BF04C754-5BF4-4E83-9615-DB14FA25AF8A}" dt="2023-10-12T11:38:08.274" v="295"/>
          <ac:spMkLst>
            <pc:docMk/>
            <pc:sldMk cId="2376958513" sldId="260"/>
            <ac:spMk id="5167" creationId="{3B195878-BC37-4C99-CE28-922DB5D3ABB4}"/>
          </ac:spMkLst>
        </pc:spChg>
        <pc:spChg chg="mod">
          <ac:chgData name="White, Alex" userId="eff6cc8c-37d8-483b-9c6c-6b27e9afa9bc" providerId="ADAL" clId="{BF04C754-5BF4-4E83-9615-DB14FA25AF8A}" dt="2023-10-12T11:38:08.274" v="295"/>
          <ac:spMkLst>
            <pc:docMk/>
            <pc:sldMk cId="2376958513" sldId="260"/>
            <ac:spMk id="5168" creationId="{D97BE478-A243-E076-C584-5CF8D4E84AE4}"/>
          </ac:spMkLst>
        </pc:spChg>
        <pc:spChg chg="mod">
          <ac:chgData name="White, Alex" userId="eff6cc8c-37d8-483b-9c6c-6b27e9afa9bc" providerId="ADAL" clId="{BF04C754-5BF4-4E83-9615-DB14FA25AF8A}" dt="2023-10-12T11:38:08.274" v="295"/>
          <ac:spMkLst>
            <pc:docMk/>
            <pc:sldMk cId="2376958513" sldId="260"/>
            <ac:spMk id="5169" creationId="{C8D949E6-91F0-9445-0BDF-E1E8EEE22B7D}"/>
          </ac:spMkLst>
        </pc:spChg>
        <pc:spChg chg="mod">
          <ac:chgData name="White, Alex" userId="eff6cc8c-37d8-483b-9c6c-6b27e9afa9bc" providerId="ADAL" clId="{BF04C754-5BF4-4E83-9615-DB14FA25AF8A}" dt="2023-10-12T11:38:08.274" v="295"/>
          <ac:spMkLst>
            <pc:docMk/>
            <pc:sldMk cId="2376958513" sldId="260"/>
            <ac:spMk id="5170" creationId="{2012E6AD-42FE-121B-38AC-39AD7A8BF609}"/>
          </ac:spMkLst>
        </pc:spChg>
        <pc:spChg chg="mod">
          <ac:chgData name="White, Alex" userId="eff6cc8c-37d8-483b-9c6c-6b27e9afa9bc" providerId="ADAL" clId="{BF04C754-5BF4-4E83-9615-DB14FA25AF8A}" dt="2023-10-12T11:38:08.274" v="295"/>
          <ac:spMkLst>
            <pc:docMk/>
            <pc:sldMk cId="2376958513" sldId="260"/>
            <ac:spMk id="5171" creationId="{BB66E289-9565-CE63-021C-067E8DBCB2AD}"/>
          </ac:spMkLst>
        </pc:spChg>
        <pc:spChg chg="mod">
          <ac:chgData name="White, Alex" userId="eff6cc8c-37d8-483b-9c6c-6b27e9afa9bc" providerId="ADAL" clId="{BF04C754-5BF4-4E83-9615-DB14FA25AF8A}" dt="2023-10-12T11:38:08.274" v="295"/>
          <ac:spMkLst>
            <pc:docMk/>
            <pc:sldMk cId="2376958513" sldId="260"/>
            <ac:spMk id="5172" creationId="{27CE1302-C724-D74D-DD7E-5ECD4D6E29E4}"/>
          </ac:spMkLst>
        </pc:spChg>
        <pc:spChg chg="mod">
          <ac:chgData name="White, Alex" userId="eff6cc8c-37d8-483b-9c6c-6b27e9afa9bc" providerId="ADAL" clId="{BF04C754-5BF4-4E83-9615-DB14FA25AF8A}" dt="2023-10-12T11:38:08.274" v="295"/>
          <ac:spMkLst>
            <pc:docMk/>
            <pc:sldMk cId="2376958513" sldId="260"/>
            <ac:spMk id="5173" creationId="{B1A3C2E3-1FC9-C085-9130-9BB9626067B0}"/>
          </ac:spMkLst>
        </pc:spChg>
        <pc:spChg chg="mod">
          <ac:chgData name="White, Alex" userId="eff6cc8c-37d8-483b-9c6c-6b27e9afa9bc" providerId="ADAL" clId="{BF04C754-5BF4-4E83-9615-DB14FA25AF8A}" dt="2023-10-12T11:38:08.274" v="295"/>
          <ac:spMkLst>
            <pc:docMk/>
            <pc:sldMk cId="2376958513" sldId="260"/>
            <ac:spMk id="5174" creationId="{CAFFC477-2C78-3506-4E99-3FBD63DF6594}"/>
          </ac:spMkLst>
        </pc:spChg>
        <pc:spChg chg="mod">
          <ac:chgData name="White, Alex" userId="eff6cc8c-37d8-483b-9c6c-6b27e9afa9bc" providerId="ADAL" clId="{BF04C754-5BF4-4E83-9615-DB14FA25AF8A}" dt="2023-10-12T11:38:08.274" v="295"/>
          <ac:spMkLst>
            <pc:docMk/>
            <pc:sldMk cId="2376958513" sldId="260"/>
            <ac:spMk id="5175" creationId="{FBFF7C4B-5BDE-4BA8-A9FE-C3358E79F48A}"/>
          </ac:spMkLst>
        </pc:spChg>
        <pc:spChg chg="mod">
          <ac:chgData name="White, Alex" userId="eff6cc8c-37d8-483b-9c6c-6b27e9afa9bc" providerId="ADAL" clId="{BF04C754-5BF4-4E83-9615-DB14FA25AF8A}" dt="2023-10-12T11:38:08.274" v="295"/>
          <ac:spMkLst>
            <pc:docMk/>
            <pc:sldMk cId="2376958513" sldId="260"/>
            <ac:spMk id="5176" creationId="{C91D36EC-35A9-A1C4-9AC1-189B724585A8}"/>
          </ac:spMkLst>
        </pc:spChg>
        <pc:spChg chg="mod">
          <ac:chgData name="White, Alex" userId="eff6cc8c-37d8-483b-9c6c-6b27e9afa9bc" providerId="ADAL" clId="{BF04C754-5BF4-4E83-9615-DB14FA25AF8A}" dt="2023-10-12T11:38:08.274" v="295"/>
          <ac:spMkLst>
            <pc:docMk/>
            <pc:sldMk cId="2376958513" sldId="260"/>
            <ac:spMk id="5177" creationId="{27FAB5C3-7025-F651-0C1E-746CD2BFD285}"/>
          </ac:spMkLst>
        </pc:spChg>
        <pc:spChg chg="mod">
          <ac:chgData name="White, Alex" userId="eff6cc8c-37d8-483b-9c6c-6b27e9afa9bc" providerId="ADAL" clId="{BF04C754-5BF4-4E83-9615-DB14FA25AF8A}" dt="2023-10-12T11:38:08.274" v="295"/>
          <ac:spMkLst>
            <pc:docMk/>
            <pc:sldMk cId="2376958513" sldId="260"/>
            <ac:spMk id="5178" creationId="{025C6AC6-D568-58F2-B59B-374B889448BB}"/>
          </ac:spMkLst>
        </pc:spChg>
        <pc:spChg chg="mod">
          <ac:chgData name="White, Alex" userId="eff6cc8c-37d8-483b-9c6c-6b27e9afa9bc" providerId="ADAL" clId="{BF04C754-5BF4-4E83-9615-DB14FA25AF8A}" dt="2023-10-12T11:38:08.274" v="295"/>
          <ac:spMkLst>
            <pc:docMk/>
            <pc:sldMk cId="2376958513" sldId="260"/>
            <ac:spMk id="5179" creationId="{9DA67F1D-1EB2-40E6-079A-DF0F4154336E}"/>
          </ac:spMkLst>
        </pc:spChg>
        <pc:spChg chg="mod">
          <ac:chgData name="White, Alex" userId="eff6cc8c-37d8-483b-9c6c-6b27e9afa9bc" providerId="ADAL" clId="{BF04C754-5BF4-4E83-9615-DB14FA25AF8A}" dt="2023-10-12T11:38:08.274" v="295"/>
          <ac:spMkLst>
            <pc:docMk/>
            <pc:sldMk cId="2376958513" sldId="260"/>
            <ac:spMk id="5180" creationId="{877B90C0-795E-8795-B9E3-A4A7A47AC8BA}"/>
          </ac:spMkLst>
        </pc:spChg>
        <pc:spChg chg="mod">
          <ac:chgData name="White, Alex" userId="eff6cc8c-37d8-483b-9c6c-6b27e9afa9bc" providerId="ADAL" clId="{BF04C754-5BF4-4E83-9615-DB14FA25AF8A}" dt="2023-10-12T11:38:08.274" v="295"/>
          <ac:spMkLst>
            <pc:docMk/>
            <pc:sldMk cId="2376958513" sldId="260"/>
            <ac:spMk id="5181" creationId="{3D88AD85-23FC-6A43-A32D-1868050C2100}"/>
          </ac:spMkLst>
        </pc:spChg>
        <pc:spChg chg="mod">
          <ac:chgData name="White, Alex" userId="eff6cc8c-37d8-483b-9c6c-6b27e9afa9bc" providerId="ADAL" clId="{BF04C754-5BF4-4E83-9615-DB14FA25AF8A}" dt="2023-10-12T11:38:08.274" v="295"/>
          <ac:spMkLst>
            <pc:docMk/>
            <pc:sldMk cId="2376958513" sldId="260"/>
            <ac:spMk id="5182" creationId="{48E1901E-8D9F-B5A7-5B17-41EEEE440CE8}"/>
          </ac:spMkLst>
        </pc:spChg>
        <pc:spChg chg="mod">
          <ac:chgData name="White, Alex" userId="eff6cc8c-37d8-483b-9c6c-6b27e9afa9bc" providerId="ADAL" clId="{BF04C754-5BF4-4E83-9615-DB14FA25AF8A}" dt="2023-10-12T11:38:08.274" v="295"/>
          <ac:spMkLst>
            <pc:docMk/>
            <pc:sldMk cId="2376958513" sldId="260"/>
            <ac:spMk id="5183" creationId="{19BCCD37-A829-347E-E098-AB785E7196CD}"/>
          </ac:spMkLst>
        </pc:spChg>
        <pc:spChg chg="mod">
          <ac:chgData name="White, Alex" userId="eff6cc8c-37d8-483b-9c6c-6b27e9afa9bc" providerId="ADAL" clId="{BF04C754-5BF4-4E83-9615-DB14FA25AF8A}" dt="2023-10-12T11:38:08.274" v="295"/>
          <ac:spMkLst>
            <pc:docMk/>
            <pc:sldMk cId="2376958513" sldId="260"/>
            <ac:spMk id="5184" creationId="{EBBB3096-2582-5104-4F9D-55AB3C912F85}"/>
          </ac:spMkLst>
        </pc:spChg>
        <pc:spChg chg="mod">
          <ac:chgData name="White, Alex" userId="eff6cc8c-37d8-483b-9c6c-6b27e9afa9bc" providerId="ADAL" clId="{BF04C754-5BF4-4E83-9615-DB14FA25AF8A}" dt="2023-10-12T11:38:08.274" v="295"/>
          <ac:spMkLst>
            <pc:docMk/>
            <pc:sldMk cId="2376958513" sldId="260"/>
            <ac:spMk id="5185" creationId="{3F899AF0-DCCA-5BCB-4D2B-16AE1879BB8C}"/>
          </ac:spMkLst>
        </pc:spChg>
        <pc:spChg chg="mod">
          <ac:chgData name="White, Alex" userId="eff6cc8c-37d8-483b-9c6c-6b27e9afa9bc" providerId="ADAL" clId="{BF04C754-5BF4-4E83-9615-DB14FA25AF8A}" dt="2023-10-12T11:38:08.274" v="295"/>
          <ac:spMkLst>
            <pc:docMk/>
            <pc:sldMk cId="2376958513" sldId="260"/>
            <ac:spMk id="5186" creationId="{853BA7E9-6C67-E426-514D-ECAA6E7A4910}"/>
          </ac:spMkLst>
        </pc:spChg>
        <pc:spChg chg="mod">
          <ac:chgData name="White, Alex" userId="eff6cc8c-37d8-483b-9c6c-6b27e9afa9bc" providerId="ADAL" clId="{BF04C754-5BF4-4E83-9615-DB14FA25AF8A}" dt="2023-10-12T11:38:08.274" v="295"/>
          <ac:spMkLst>
            <pc:docMk/>
            <pc:sldMk cId="2376958513" sldId="260"/>
            <ac:spMk id="5187" creationId="{3B396ACE-5A96-176F-88D9-96C911672306}"/>
          </ac:spMkLst>
        </pc:spChg>
        <pc:spChg chg="mod">
          <ac:chgData name="White, Alex" userId="eff6cc8c-37d8-483b-9c6c-6b27e9afa9bc" providerId="ADAL" clId="{BF04C754-5BF4-4E83-9615-DB14FA25AF8A}" dt="2023-10-12T11:38:08.274" v="295"/>
          <ac:spMkLst>
            <pc:docMk/>
            <pc:sldMk cId="2376958513" sldId="260"/>
            <ac:spMk id="5188" creationId="{7805F8DD-76A6-B3F3-9F74-E1B87F123375}"/>
          </ac:spMkLst>
        </pc:spChg>
        <pc:spChg chg="mod">
          <ac:chgData name="White, Alex" userId="eff6cc8c-37d8-483b-9c6c-6b27e9afa9bc" providerId="ADAL" clId="{BF04C754-5BF4-4E83-9615-DB14FA25AF8A}" dt="2023-10-12T11:38:08.274" v="295"/>
          <ac:spMkLst>
            <pc:docMk/>
            <pc:sldMk cId="2376958513" sldId="260"/>
            <ac:spMk id="5189" creationId="{F1948E69-6CB6-CD99-EC59-DAD45B79EB9C}"/>
          </ac:spMkLst>
        </pc:spChg>
        <pc:spChg chg="mod">
          <ac:chgData name="White, Alex" userId="eff6cc8c-37d8-483b-9c6c-6b27e9afa9bc" providerId="ADAL" clId="{BF04C754-5BF4-4E83-9615-DB14FA25AF8A}" dt="2023-10-12T11:38:08.274" v="295"/>
          <ac:spMkLst>
            <pc:docMk/>
            <pc:sldMk cId="2376958513" sldId="260"/>
            <ac:spMk id="5190" creationId="{F9D37238-939A-4940-8DD5-CA54B30126F3}"/>
          </ac:spMkLst>
        </pc:spChg>
        <pc:spChg chg="mod">
          <ac:chgData name="White, Alex" userId="eff6cc8c-37d8-483b-9c6c-6b27e9afa9bc" providerId="ADAL" clId="{BF04C754-5BF4-4E83-9615-DB14FA25AF8A}" dt="2023-10-12T11:38:08.274" v="295"/>
          <ac:spMkLst>
            <pc:docMk/>
            <pc:sldMk cId="2376958513" sldId="260"/>
            <ac:spMk id="5191" creationId="{7EEE8D25-1658-2515-A8ED-94DAEA016728}"/>
          </ac:spMkLst>
        </pc:spChg>
        <pc:spChg chg="mod">
          <ac:chgData name="White, Alex" userId="eff6cc8c-37d8-483b-9c6c-6b27e9afa9bc" providerId="ADAL" clId="{BF04C754-5BF4-4E83-9615-DB14FA25AF8A}" dt="2023-10-12T11:38:08.274" v="295"/>
          <ac:spMkLst>
            <pc:docMk/>
            <pc:sldMk cId="2376958513" sldId="260"/>
            <ac:spMk id="5192" creationId="{AEF73390-1372-9B17-6B5D-158E08182E09}"/>
          </ac:spMkLst>
        </pc:spChg>
        <pc:spChg chg="mod">
          <ac:chgData name="White, Alex" userId="eff6cc8c-37d8-483b-9c6c-6b27e9afa9bc" providerId="ADAL" clId="{BF04C754-5BF4-4E83-9615-DB14FA25AF8A}" dt="2023-10-12T11:38:08.274" v="295"/>
          <ac:spMkLst>
            <pc:docMk/>
            <pc:sldMk cId="2376958513" sldId="260"/>
            <ac:spMk id="5193" creationId="{6CABFDD5-5CAF-C990-6EA8-B0570E893851}"/>
          </ac:spMkLst>
        </pc:spChg>
        <pc:spChg chg="mod">
          <ac:chgData name="White, Alex" userId="eff6cc8c-37d8-483b-9c6c-6b27e9afa9bc" providerId="ADAL" clId="{BF04C754-5BF4-4E83-9615-DB14FA25AF8A}" dt="2023-10-12T11:38:08.274" v="295"/>
          <ac:spMkLst>
            <pc:docMk/>
            <pc:sldMk cId="2376958513" sldId="260"/>
            <ac:spMk id="5194" creationId="{9BB846C1-40D1-ACA2-F952-7C259BE4F02B}"/>
          </ac:spMkLst>
        </pc:spChg>
        <pc:spChg chg="mod">
          <ac:chgData name="White, Alex" userId="eff6cc8c-37d8-483b-9c6c-6b27e9afa9bc" providerId="ADAL" clId="{BF04C754-5BF4-4E83-9615-DB14FA25AF8A}" dt="2023-10-12T11:38:08.274" v="295"/>
          <ac:spMkLst>
            <pc:docMk/>
            <pc:sldMk cId="2376958513" sldId="260"/>
            <ac:spMk id="5195" creationId="{0E0AD8AC-2FF6-EA78-4CE5-18C2ECA51F7E}"/>
          </ac:spMkLst>
        </pc:spChg>
        <pc:spChg chg="mod">
          <ac:chgData name="White, Alex" userId="eff6cc8c-37d8-483b-9c6c-6b27e9afa9bc" providerId="ADAL" clId="{BF04C754-5BF4-4E83-9615-DB14FA25AF8A}" dt="2023-10-12T11:38:08.274" v="295"/>
          <ac:spMkLst>
            <pc:docMk/>
            <pc:sldMk cId="2376958513" sldId="260"/>
            <ac:spMk id="5196" creationId="{50ED1E11-9E89-3021-7136-18C1EF278617}"/>
          </ac:spMkLst>
        </pc:spChg>
        <pc:spChg chg="mod">
          <ac:chgData name="White, Alex" userId="eff6cc8c-37d8-483b-9c6c-6b27e9afa9bc" providerId="ADAL" clId="{BF04C754-5BF4-4E83-9615-DB14FA25AF8A}" dt="2023-10-12T11:38:08.274" v="295"/>
          <ac:spMkLst>
            <pc:docMk/>
            <pc:sldMk cId="2376958513" sldId="260"/>
            <ac:spMk id="5197" creationId="{684149AC-D63A-2124-172E-A1CF68A33A03}"/>
          </ac:spMkLst>
        </pc:spChg>
        <pc:spChg chg="mod">
          <ac:chgData name="White, Alex" userId="eff6cc8c-37d8-483b-9c6c-6b27e9afa9bc" providerId="ADAL" clId="{BF04C754-5BF4-4E83-9615-DB14FA25AF8A}" dt="2023-10-12T11:38:08.274" v="295"/>
          <ac:spMkLst>
            <pc:docMk/>
            <pc:sldMk cId="2376958513" sldId="260"/>
            <ac:spMk id="5198" creationId="{5B80ABEB-162D-6242-64C1-0735D1EF2C8C}"/>
          </ac:spMkLst>
        </pc:spChg>
        <pc:spChg chg="mod">
          <ac:chgData name="White, Alex" userId="eff6cc8c-37d8-483b-9c6c-6b27e9afa9bc" providerId="ADAL" clId="{BF04C754-5BF4-4E83-9615-DB14FA25AF8A}" dt="2023-10-12T11:38:08.274" v="295"/>
          <ac:spMkLst>
            <pc:docMk/>
            <pc:sldMk cId="2376958513" sldId="260"/>
            <ac:spMk id="5199" creationId="{7FC1B73E-7512-5EC0-6DC0-9223506A2583}"/>
          </ac:spMkLst>
        </pc:spChg>
        <pc:spChg chg="mod">
          <ac:chgData name="White, Alex" userId="eff6cc8c-37d8-483b-9c6c-6b27e9afa9bc" providerId="ADAL" clId="{BF04C754-5BF4-4E83-9615-DB14FA25AF8A}" dt="2023-10-12T11:38:08.274" v="295"/>
          <ac:spMkLst>
            <pc:docMk/>
            <pc:sldMk cId="2376958513" sldId="260"/>
            <ac:spMk id="5200" creationId="{B1518620-97CF-4CEF-3733-4E3D128D1120}"/>
          </ac:spMkLst>
        </pc:spChg>
        <pc:spChg chg="mod">
          <ac:chgData name="White, Alex" userId="eff6cc8c-37d8-483b-9c6c-6b27e9afa9bc" providerId="ADAL" clId="{BF04C754-5BF4-4E83-9615-DB14FA25AF8A}" dt="2023-10-12T11:38:08.274" v="295"/>
          <ac:spMkLst>
            <pc:docMk/>
            <pc:sldMk cId="2376958513" sldId="260"/>
            <ac:spMk id="5201" creationId="{D568A69E-9CA9-F024-A733-296F3F7106FD}"/>
          </ac:spMkLst>
        </pc:spChg>
        <pc:spChg chg="mod">
          <ac:chgData name="White, Alex" userId="eff6cc8c-37d8-483b-9c6c-6b27e9afa9bc" providerId="ADAL" clId="{BF04C754-5BF4-4E83-9615-DB14FA25AF8A}" dt="2023-10-12T11:38:08.274" v="295"/>
          <ac:spMkLst>
            <pc:docMk/>
            <pc:sldMk cId="2376958513" sldId="260"/>
            <ac:spMk id="5202" creationId="{98674588-FFCE-F0C4-A54E-1E917BC6C033}"/>
          </ac:spMkLst>
        </pc:spChg>
        <pc:spChg chg="mod">
          <ac:chgData name="White, Alex" userId="eff6cc8c-37d8-483b-9c6c-6b27e9afa9bc" providerId="ADAL" clId="{BF04C754-5BF4-4E83-9615-DB14FA25AF8A}" dt="2023-10-12T11:38:08.274" v="295"/>
          <ac:spMkLst>
            <pc:docMk/>
            <pc:sldMk cId="2376958513" sldId="260"/>
            <ac:spMk id="5203" creationId="{962CE21C-D63B-3246-9354-3CA47218F99D}"/>
          </ac:spMkLst>
        </pc:spChg>
        <pc:spChg chg="mod">
          <ac:chgData name="White, Alex" userId="eff6cc8c-37d8-483b-9c6c-6b27e9afa9bc" providerId="ADAL" clId="{BF04C754-5BF4-4E83-9615-DB14FA25AF8A}" dt="2023-10-12T11:38:08.274" v="295"/>
          <ac:spMkLst>
            <pc:docMk/>
            <pc:sldMk cId="2376958513" sldId="260"/>
            <ac:spMk id="5204" creationId="{4DD84ADA-72BD-AC90-FCA1-238478C569AA}"/>
          </ac:spMkLst>
        </pc:spChg>
        <pc:spChg chg="mod">
          <ac:chgData name="White, Alex" userId="eff6cc8c-37d8-483b-9c6c-6b27e9afa9bc" providerId="ADAL" clId="{BF04C754-5BF4-4E83-9615-DB14FA25AF8A}" dt="2023-10-12T11:38:08.274" v="295"/>
          <ac:spMkLst>
            <pc:docMk/>
            <pc:sldMk cId="2376958513" sldId="260"/>
            <ac:spMk id="5205" creationId="{A6C37132-12DA-BB04-F084-FA59EA7C4BA4}"/>
          </ac:spMkLst>
        </pc:spChg>
        <pc:spChg chg="mod">
          <ac:chgData name="White, Alex" userId="eff6cc8c-37d8-483b-9c6c-6b27e9afa9bc" providerId="ADAL" clId="{BF04C754-5BF4-4E83-9615-DB14FA25AF8A}" dt="2023-10-12T11:38:08.274" v="295"/>
          <ac:spMkLst>
            <pc:docMk/>
            <pc:sldMk cId="2376958513" sldId="260"/>
            <ac:spMk id="5206" creationId="{8DD47223-01CB-DCF5-F0F8-81620113A87D}"/>
          </ac:spMkLst>
        </pc:spChg>
        <pc:spChg chg="mod">
          <ac:chgData name="White, Alex" userId="eff6cc8c-37d8-483b-9c6c-6b27e9afa9bc" providerId="ADAL" clId="{BF04C754-5BF4-4E83-9615-DB14FA25AF8A}" dt="2023-10-12T11:38:08.274" v="295"/>
          <ac:spMkLst>
            <pc:docMk/>
            <pc:sldMk cId="2376958513" sldId="260"/>
            <ac:spMk id="5207" creationId="{D2BFC956-F279-AE77-38DF-9EE043075ACD}"/>
          </ac:spMkLst>
        </pc:spChg>
        <pc:spChg chg="mod">
          <ac:chgData name="White, Alex" userId="eff6cc8c-37d8-483b-9c6c-6b27e9afa9bc" providerId="ADAL" clId="{BF04C754-5BF4-4E83-9615-DB14FA25AF8A}" dt="2023-10-12T11:38:08.274" v="295"/>
          <ac:spMkLst>
            <pc:docMk/>
            <pc:sldMk cId="2376958513" sldId="260"/>
            <ac:spMk id="5208" creationId="{40C41628-DCA2-F073-8D3D-E1298F706B65}"/>
          </ac:spMkLst>
        </pc:spChg>
        <pc:spChg chg="mod">
          <ac:chgData name="White, Alex" userId="eff6cc8c-37d8-483b-9c6c-6b27e9afa9bc" providerId="ADAL" clId="{BF04C754-5BF4-4E83-9615-DB14FA25AF8A}" dt="2023-10-12T11:38:08.274" v="295"/>
          <ac:spMkLst>
            <pc:docMk/>
            <pc:sldMk cId="2376958513" sldId="260"/>
            <ac:spMk id="5209" creationId="{10FA7D8A-4BB7-A358-8CDD-1D7BDF94EE21}"/>
          </ac:spMkLst>
        </pc:spChg>
        <pc:spChg chg="mod">
          <ac:chgData name="White, Alex" userId="eff6cc8c-37d8-483b-9c6c-6b27e9afa9bc" providerId="ADAL" clId="{BF04C754-5BF4-4E83-9615-DB14FA25AF8A}" dt="2023-10-12T11:38:08.274" v="295"/>
          <ac:spMkLst>
            <pc:docMk/>
            <pc:sldMk cId="2376958513" sldId="260"/>
            <ac:spMk id="5210" creationId="{C01EF15D-66C4-D17A-4DC3-BD1D8BA391B7}"/>
          </ac:spMkLst>
        </pc:spChg>
        <pc:spChg chg="mod">
          <ac:chgData name="White, Alex" userId="eff6cc8c-37d8-483b-9c6c-6b27e9afa9bc" providerId="ADAL" clId="{BF04C754-5BF4-4E83-9615-DB14FA25AF8A}" dt="2023-10-12T11:38:08.274" v="295"/>
          <ac:spMkLst>
            <pc:docMk/>
            <pc:sldMk cId="2376958513" sldId="260"/>
            <ac:spMk id="5211" creationId="{F7348C95-06A0-32FC-8838-C62073568CDE}"/>
          </ac:spMkLst>
        </pc:spChg>
        <pc:spChg chg="mod">
          <ac:chgData name="White, Alex" userId="eff6cc8c-37d8-483b-9c6c-6b27e9afa9bc" providerId="ADAL" clId="{BF04C754-5BF4-4E83-9615-DB14FA25AF8A}" dt="2023-10-12T11:38:08.274" v="295"/>
          <ac:spMkLst>
            <pc:docMk/>
            <pc:sldMk cId="2376958513" sldId="260"/>
            <ac:spMk id="5212" creationId="{E257EF7E-C85B-F60A-A37D-735A6BC2D128}"/>
          </ac:spMkLst>
        </pc:spChg>
        <pc:spChg chg="mod">
          <ac:chgData name="White, Alex" userId="eff6cc8c-37d8-483b-9c6c-6b27e9afa9bc" providerId="ADAL" clId="{BF04C754-5BF4-4E83-9615-DB14FA25AF8A}" dt="2023-10-12T11:38:08.274" v="295"/>
          <ac:spMkLst>
            <pc:docMk/>
            <pc:sldMk cId="2376958513" sldId="260"/>
            <ac:spMk id="5213" creationId="{0B9025BE-87DC-7470-DFA8-2801A3377CE0}"/>
          </ac:spMkLst>
        </pc:spChg>
        <pc:spChg chg="mod">
          <ac:chgData name="White, Alex" userId="eff6cc8c-37d8-483b-9c6c-6b27e9afa9bc" providerId="ADAL" clId="{BF04C754-5BF4-4E83-9615-DB14FA25AF8A}" dt="2023-10-12T11:38:08.274" v="295"/>
          <ac:spMkLst>
            <pc:docMk/>
            <pc:sldMk cId="2376958513" sldId="260"/>
            <ac:spMk id="5214" creationId="{E664273A-4756-2D70-596F-442B69B91091}"/>
          </ac:spMkLst>
        </pc:spChg>
        <pc:spChg chg="mod">
          <ac:chgData name="White, Alex" userId="eff6cc8c-37d8-483b-9c6c-6b27e9afa9bc" providerId="ADAL" clId="{BF04C754-5BF4-4E83-9615-DB14FA25AF8A}" dt="2023-10-12T11:38:08.274" v="295"/>
          <ac:spMkLst>
            <pc:docMk/>
            <pc:sldMk cId="2376958513" sldId="260"/>
            <ac:spMk id="5215" creationId="{89433E85-400B-89DD-B9E7-65D5B1AAA735}"/>
          </ac:spMkLst>
        </pc:spChg>
        <pc:spChg chg="mod">
          <ac:chgData name="White, Alex" userId="eff6cc8c-37d8-483b-9c6c-6b27e9afa9bc" providerId="ADAL" clId="{BF04C754-5BF4-4E83-9615-DB14FA25AF8A}" dt="2023-10-12T11:38:08.274" v="295"/>
          <ac:spMkLst>
            <pc:docMk/>
            <pc:sldMk cId="2376958513" sldId="260"/>
            <ac:spMk id="5216" creationId="{20BF3C3F-05AC-E67F-5B90-A061584185D0}"/>
          </ac:spMkLst>
        </pc:spChg>
        <pc:spChg chg="mod">
          <ac:chgData name="White, Alex" userId="eff6cc8c-37d8-483b-9c6c-6b27e9afa9bc" providerId="ADAL" clId="{BF04C754-5BF4-4E83-9615-DB14FA25AF8A}" dt="2023-10-12T11:38:08.274" v="295"/>
          <ac:spMkLst>
            <pc:docMk/>
            <pc:sldMk cId="2376958513" sldId="260"/>
            <ac:spMk id="5217" creationId="{47A9E9E3-7B92-02F6-708E-BA88EFAC0A99}"/>
          </ac:spMkLst>
        </pc:spChg>
        <pc:spChg chg="mod">
          <ac:chgData name="White, Alex" userId="eff6cc8c-37d8-483b-9c6c-6b27e9afa9bc" providerId="ADAL" clId="{BF04C754-5BF4-4E83-9615-DB14FA25AF8A}" dt="2023-10-12T11:38:08.274" v="295"/>
          <ac:spMkLst>
            <pc:docMk/>
            <pc:sldMk cId="2376958513" sldId="260"/>
            <ac:spMk id="5218" creationId="{F0254515-9F1A-B332-74AC-5CB0F1AD64A4}"/>
          </ac:spMkLst>
        </pc:spChg>
        <pc:spChg chg="mod">
          <ac:chgData name="White, Alex" userId="eff6cc8c-37d8-483b-9c6c-6b27e9afa9bc" providerId="ADAL" clId="{BF04C754-5BF4-4E83-9615-DB14FA25AF8A}" dt="2023-10-12T11:38:08.274" v="295"/>
          <ac:spMkLst>
            <pc:docMk/>
            <pc:sldMk cId="2376958513" sldId="260"/>
            <ac:spMk id="5219" creationId="{E76C9D1B-53DC-D380-2B94-EB80F9D48965}"/>
          </ac:spMkLst>
        </pc:spChg>
        <pc:spChg chg="mod">
          <ac:chgData name="White, Alex" userId="eff6cc8c-37d8-483b-9c6c-6b27e9afa9bc" providerId="ADAL" clId="{BF04C754-5BF4-4E83-9615-DB14FA25AF8A}" dt="2023-10-12T11:38:08.274" v="295"/>
          <ac:spMkLst>
            <pc:docMk/>
            <pc:sldMk cId="2376958513" sldId="260"/>
            <ac:spMk id="5220" creationId="{FC352F0A-7642-9A88-3230-F0E9AA155BA7}"/>
          </ac:spMkLst>
        </pc:spChg>
        <pc:spChg chg="mod">
          <ac:chgData name="White, Alex" userId="eff6cc8c-37d8-483b-9c6c-6b27e9afa9bc" providerId="ADAL" clId="{BF04C754-5BF4-4E83-9615-DB14FA25AF8A}" dt="2023-10-12T11:38:08.274" v="295"/>
          <ac:spMkLst>
            <pc:docMk/>
            <pc:sldMk cId="2376958513" sldId="260"/>
            <ac:spMk id="5221" creationId="{C55B771E-52ED-AEE2-0A2B-259F165A544C}"/>
          </ac:spMkLst>
        </pc:spChg>
        <pc:spChg chg="mod">
          <ac:chgData name="White, Alex" userId="eff6cc8c-37d8-483b-9c6c-6b27e9afa9bc" providerId="ADAL" clId="{BF04C754-5BF4-4E83-9615-DB14FA25AF8A}" dt="2023-10-12T11:38:08.274" v="295"/>
          <ac:spMkLst>
            <pc:docMk/>
            <pc:sldMk cId="2376958513" sldId="260"/>
            <ac:spMk id="5222" creationId="{1FD090FE-3206-4A4E-264C-8F37168A18D9}"/>
          </ac:spMkLst>
        </pc:spChg>
        <pc:spChg chg="mod">
          <ac:chgData name="White, Alex" userId="eff6cc8c-37d8-483b-9c6c-6b27e9afa9bc" providerId="ADAL" clId="{BF04C754-5BF4-4E83-9615-DB14FA25AF8A}" dt="2023-10-12T11:38:08.274" v="295"/>
          <ac:spMkLst>
            <pc:docMk/>
            <pc:sldMk cId="2376958513" sldId="260"/>
            <ac:spMk id="5223" creationId="{74D6D694-CF46-6962-DB99-A9FEC36F650A}"/>
          </ac:spMkLst>
        </pc:spChg>
        <pc:spChg chg="mod">
          <ac:chgData name="White, Alex" userId="eff6cc8c-37d8-483b-9c6c-6b27e9afa9bc" providerId="ADAL" clId="{BF04C754-5BF4-4E83-9615-DB14FA25AF8A}" dt="2023-10-12T11:38:08.274" v="295"/>
          <ac:spMkLst>
            <pc:docMk/>
            <pc:sldMk cId="2376958513" sldId="260"/>
            <ac:spMk id="5224" creationId="{F2EAA391-4A98-87F5-4319-CB701DA12701}"/>
          </ac:spMkLst>
        </pc:spChg>
        <pc:spChg chg="mod">
          <ac:chgData name="White, Alex" userId="eff6cc8c-37d8-483b-9c6c-6b27e9afa9bc" providerId="ADAL" clId="{BF04C754-5BF4-4E83-9615-DB14FA25AF8A}" dt="2023-10-12T11:38:08.274" v="295"/>
          <ac:spMkLst>
            <pc:docMk/>
            <pc:sldMk cId="2376958513" sldId="260"/>
            <ac:spMk id="5225" creationId="{8244857A-F268-A7C3-7FE2-C445EA8F45FD}"/>
          </ac:spMkLst>
        </pc:spChg>
        <pc:spChg chg="mod">
          <ac:chgData name="White, Alex" userId="eff6cc8c-37d8-483b-9c6c-6b27e9afa9bc" providerId="ADAL" clId="{BF04C754-5BF4-4E83-9615-DB14FA25AF8A}" dt="2023-10-12T11:38:08.274" v="295"/>
          <ac:spMkLst>
            <pc:docMk/>
            <pc:sldMk cId="2376958513" sldId="260"/>
            <ac:spMk id="5226" creationId="{FADC234F-EFE9-E6A4-87BA-1C856A230CEB}"/>
          </ac:spMkLst>
        </pc:spChg>
        <pc:spChg chg="mod">
          <ac:chgData name="White, Alex" userId="eff6cc8c-37d8-483b-9c6c-6b27e9afa9bc" providerId="ADAL" clId="{BF04C754-5BF4-4E83-9615-DB14FA25AF8A}" dt="2023-10-12T11:38:08.274" v="295"/>
          <ac:spMkLst>
            <pc:docMk/>
            <pc:sldMk cId="2376958513" sldId="260"/>
            <ac:spMk id="5227" creationId="{01642ED6-00A7-0FAA-9A79-F70FA9EE3C05}"/>
          </ac:spMkLst>
        </pc:spChg>
        <pc:spChg chg="mod">
          <ac:chgData name="White, Alex" userId="eff6cc8c-37d8-483b-9c6c-6b27e9afa9bc" providerId="ADAL" clId="{BF04C754-5BF4-4E83-9615-DB14FA25AF8A}" dt="2023-10-12T11:38:08.274" v="295"/>
          <ac:spMkLst>
            <pc:docMk/>
            <pc:sldMk cId="2376958513" sldId="260"/>
            <ac:spMk id="5228" creationId="{3496787D-8E8C-09D5-CFA2-0FE3FA4EDC25}"/>
          </ac:spMkLst>
        </pc:spChg>
        <pc:spChg chg="mod">
          <ac:chgData name="White, Alex" userId="eff6cc8c-37d8-483b-9c6c-6b27e9afa9bc" providerId="ADAL" clId="{BF04C754-5BF4-4E83-9615-DB14FA25AF8A}" dt="2023-10-12T11:38:08.274" v="295"/>
          <ac:spMkLst>
            <pc:docMk/>
            <pc:sldMk cId="2376958513" sldId="260"/>
            <ac:spMk id="5229" creationId="{C81A7C04-DC3E-A609-9418-333C54EF082D}"/>
          </ac:spMkLst>
        </pc:spChg>
        <pc:spChg chg="mod">
          <ac:chgData name="White, Alex" userId="eff6cc8c-37d8-483b-9c6c-6b27e9afa9bc" providerId="ADAL" clId="{BF04C754-5BF4-4E83-9615-DB14FA25AF8A}" dt="2023-10-12T11:38:08.274" v="295"/>
          <ac:spMkLst>
            <pc:docMk/>
            <pc:sldMk cId="2376958513" sldId="260"/>
            <ac:spMk id="5230" creationId="{C6DAC85C-E6D0-38DD-F7D5-BB814F9A0428}"/>
          </ac:spMkLst>
        </pc:spChg>
        <pc:spChg chg="mod">
          <ac:chgData name="White, Alex" userId="eff6cc8c-37d8-483b-9c6c-6b27e9afa9bc" providerId="ADAL" clId="{BF04C754-5BF4-4E83-9615-DB14FA25AF8A}" dt="2023-10-12T11:38:08.274" v="295"/>
          <ac:spMkLst>
            <pc:docMk/>
            <pc:sldMk cId="2376958513" sldId="260"/>
            <ac:spMk id="5231" creationId="{690A039F-6A22-F0DA-ADBD-944D76CD6DA4}"/>
          </ac:spMkLst>
        </pc:spChg>
        <pc:spChg chg="mod">
          <ac:chgData name="White, Alex" userId="eff6cc8c-37d8-483b-9c6c-6b27e9afa9bc" providerId="ADAL" clId="{BF04C754-5BF4-4E83-9615-DB14FA25AF8A}" dt="2023-10-12T11:38:08.274" v="295"/>
          <ac:spMkLst>
            <pc:docMk/>
            <pc:sldMk cId="2376958513" sldId="260"/>
            <ac:spMk id="5232" creationId="{2E0ACD5E-6DB1-435F-D37F-F03A4B962CEB}"/>
          </ac:spMkLst>
        </pc:spChg>
        <pc:spChg chg="mod">
          <ac:chgData name="White, Alex" userId="eff6cc8c-37d8-483b-9c6c-6b27e9afa9bc" providerId="ADAL" clId="{BF04C754-5BF4-4E83-9615-DB14FA25AF8A}" dt="2023-10-12T11:38:08.274" v="295"/>
          <ac:spMkLst>
            <pc:docMk/>
            <pc:sldMk cId="2376958513" sldId="260"/>
            <ac:spMk id="5233" creationId="{20992041-790A-D785-E2A1-45213FC4FB28}"/>
          </ac:spMkLst>
        </pc:spChg>
        <pc:spChg chg="mod">
          <ac:chgData name="White, Alex" userId="eff6cc8c-37d8-483b-9c6c-6b27e9afa9bc" providerId="ADAL" clId="{BF04C754-5BF4-4E83-9615-DB14FA25AF8A}" dt="2023-10-12T11:38:08.274" v="295"/>
          <ac:spMkLst>
            <pc:docMk/>
            <pc:sldMk cId="2376958513" sldId="260"/>
            <ac:spMk id="5234" creationId="{27680FBD-7173-8F4A-54A5-920064ADD8D5}"/>
          </ac:spMkLst>
        </pc:spChg>
        <pc:spChg chg="mod">
          <ac:chgData name="White, Alex" userId="eff6cc8c-37d8-483b-9c6c-6b27e9afa9bc" providerId="ADAL" clId="{BF04C754-5BF4-4E83-9615-DB14FA25AF8A}" dt="2023-10-12T11:38:08.274" v="295"/>
          <ac:spMkLst>
            <pc:docMk/>
            <pc:sldMk cId="2376958513" sldId="260"/>
            <ac:spMk id="5235" creationId="{2459B0BA-3533-61EB-608F-21855D8ED49B}"/>
          </ac:spMkLst>
        </pc:spChg>
        <pc:spChg chg="mod">
          <ac:chgData name="White, Alex" userId="eff6cc8c-37d8-483b-9c6c-6b27e9afa9bc" providerId="ADAL" clId="{BF04C754-5BF4-4E83-9615-DB14FA25AF8A}" dt="2023-10-12T11:38:08.274" v="295"/>
          <ac:spMkLst>
            <pc:docMk/>
            <pc:sldMk cId="2376958513" sldId="260"/>
            <ac:spMk id="5236" creationId="{32B5741F-1DB7-8487-DA2A-692C013B5864}"/>
          </ac:spMkLst>
        </pc:spChg>
        <pc:spChg chg="mod">
          <ac:chgData name="White, Alex" userId="eff6cc8c-37d8-483b-9c6c-6b27e9afa9bc" providerId="ADAL" clId="{BF04C754-5BF4-4E83-9615-DB14FA25AF8A}" dt="2023-10-12T11:38:08.274" v="295"/>
          <ac:spMkLst>
            <pc:docMk/>
            <pc:sldMk cId="2376958513" sldId="260"/>
            <ac:spMk id="5237" creationId="{F7AEC14C-1122-9D98-917D-F69A21E2CC5B}"/>
          </ac:spMkLst>
        </pc:spChg>
        <pc:spChg chg="mod">
          <ac:chgData name="White, Alex" userId="eff6cc8c-37d8-483b-9c6c-6b27e9afa9bc" providerId="ADAL" clId="{BF04C754-5BF4-4E83-9615-DB14FA25AF8A}" dt="2023-10-12T11:38:08.274" v="295"/>
          <ac:spMkLst>
            <pc:docMk/>
            <pc:sldMk cId="2376958513" sldId="260"/>
            <ac:spMk id="5238" creationId="{FE3D5444-A182-ECA0-788F-28E5426467D1}"/>
          </ac:spMkLst>
        </pc:spChg>
        <pc:spChg chg="mod">
          <ac:chgData name="White, Alex" userId="eff6cc8c-37d8-483b-9c6c-6b27e9afa9bc" providerId="ADAL" clId="{BF04C754-5BF4-4E83-9615-DB14FA25AF8A}" dt="2023-10-12T11:38:08.274" v="295"/>
          <ac:spMkLst>
            <pc:docMk/>
            <pc:sldMk cId="2376958513" sldId="260"/>
            <ac:spMk id="5239" creationId="{12C1EA93-CCD1-FA81-75EA-B37867465E15}"/>
          </ac:spMkLst>
        </pc:spChg>
        <pc:spChg chg="mod">
          <ac:chgData name="White, Alex" userId="eff6cc8c-37d8-483b-9c6c-6b27e9afa9bc" providerId="ADAL" clId="{BF04C754-5BF4-4E83-9615-DB14FA25AF8A}" dt="2023-10-12T11:38:08.274" v="295"/>
          <ac:spMkLst>
            <pc:docMk/>
            <pc:sldMk cId="2376958513" sldId="260"/>
            <ac:spMk id="5240" creationId="{AB3CA324-D745-E2EC-E2D1-32FD4B68C0E1}"/>
          </ac:spMkLst>
        </pc:spChg>
        <pc:spChg chg="mod">
          <ac:chgData name="White, Alex" userId="eff6cc8c-37d8-483b-9c6c-6b27e9afa9bc" providerId="ADAL" clId="{BF04C754-5BF4-4E83-9615-DB14FA25AF8A}" dt="2023-10-12T11:38:08.274" v="295"/>
          <ac:spMkLst>
            <pc:docMk/>
            <pc:sldMk cId="2376958513" sldId="260"/>
            <ac:spMk id="5241" creationId="{9A95972B-AA50-8690-A21B-8E7D52A63BBA}"/>
          </ac:spMkLst>
        </pc:spChg>
        <pc:spChg chg="mod">
          <ac:chgData name="White, Alex" userId="eff6cc8c-37d8-483b-9c6c-6b27e9afa9bc" providerId="ADAL" clId="{BF04C754-5BF4-4E83-9615-DB14FA25AF8A}" dt="2023-10-12T11:38:08.274" v="295"/>
          <ac:spMkLst>
            <pc:docMk/>
            <pc:sldMk cId="2376958513" sldId="260"/>
            <ac:spMk id="5242" creationId="{3FCD155E-55D7-9CAC-BBF3-72409166EEAC}"/>
          </ac:spMkLst>
        </pc:spChg>
        <pc:spChg chg="mod">
          <ac:chgData name="White, Alex" userId="eff6cc8c-37d8-483b-9c6c-6b27e9afa9bc" providerId="ADAL" clId="{BF04C754-5BF4-4E83-9615-DB14FA25AF8A}" dt="2023-10-12T11:38:08.274" v="295"/>
          <ac:spMkLst>
            <pc:docMk/>
            <pc:sldMk cId="2376958513" sldId="260"/>
            <ac:spMk id="5243" creationId="{AA13E17F-ECE9-6C69-28C5-6A9B1216A008}"/>
          </ac:spMkLst>
        </pc:spChg>
        <pc:spChg chg="mod">
          <ac:chgData name="White, Alex" userId="eff6cc8c-37d8-483b-9c6c-6b27e9afa9bc" providerId="ADAL" clId="{BF04C754-5BF4-4E83-9615-DB14FA25AF8A}" dt="2023-10-12T11:38:08.274" v="295"/>
          <ac:spMkLst>
            <pc:docMk/>
            <pc:sldMk cId="2376958513" sldId="260"/>
            <ac:spMk id="5244" creationId="{A20DCDE8-D34B-6BB0-B244-6D401EB65417}"/>
          </ac:spMkLst>
        </pc:spChg>
        <pc:spChg chg="mod">
          <ac:chgData name="White, Alex" userId="eff6cc8c-37d8-483b-9c6c-6b27e9afa9bc" providerId="ADAL" clId="{BF04C754-5BF4-4E83-9615-DB14FA25AF8A}" dt="2023-10-12T11:38:08.274" v="295"/>
          <ac:spMkLst>
            <pc:docMk/>
            <pc:sldMk cId="2376958513" sldId="260"/>
            <ac:spMk id="5245" creationId="{A1738276-B743-B101-EEA2-18F45BCBEC08}"/>
          </ac:spMkLst>
        </pc:spChg>
        <pc:spChg chg="mod">
          <ac:chgData name="White, Alex" userId="eff6cc8c-37d8-483b-9c6c-6b27e9afa9bc" providerId="ADAL" clId="{BF04C754-5BF4-4E83-9615-DB14FA25AF8A}" dt="2023-10-12T11:38:08.274" v="295"/>
          <ac:spMkLst>
            <pc:docMk/>
            <pc:sldMk cId="2376958513" sldId="260"/>
            <ac:spMk id="5246" creationId="{B9D16671-C157-D821-C069-F51D4A15DBAB}"/>
          </ac:spMkLst>
        </pc:spChg>
        <pc:spChg chg="mod">
          <ac:chgData name="White, Alex" userId="eff6cc8c-37d8-483b-9c6c-6b27e9afa9bc" providerId="ADAL" clId="{BF04C754-5BF4-4E83-9615-DB14FA25AF8A}" dt="2023-10-12T11:38:08.274" v="295"/>
          <ac:spMkLst>
            <pc:docMk/>
            <pc:sldMk cId="2376958513" sldId="260"/>
            <ac:spMk id="5247" creationId="{016E6D53-9086-E206-0F35-5AD57E2B8DA4}"/>
          </ac:spMkLst>
        </pc:spChg>
        <pc:spChg chg="mod">
          <ac:chgData name="White, Alex" userId="eff6cc8c-37d8-483b-9c6c-6b27e9afa9bc" providerId="ADAL" clId="{BF04C754-5BF4-4E83-9615-DB14FA25AF8A}" dt="2023-10-12T11:38:08.274" v="295"/>
          <ac:spMkLst>
            <pc:docMk/>
            <pc:sldMk cId="2376958513" sldId="260"/>
            <ac:spMk id="5248" creationId="{15A93F73-C9FA-7C0A-DA02-EA14FD30973E}"/>
          </ac:spMkLst>
        </pc:spChg>
        <pc:spChg chg="mod">
          <ac:chgData name="White, Alex" userId="eff6cc8c-37d8-483b-9c6c-6b27e9afa9bc" providerId="ADAL" clId="{BF04C754-5BF4-4E83-9615-DB14FA25AF8A}" dt="2023-10-12T11:38:08.274" v="295"/>
          <ac:spMkLst>
            <pc:docMk/>
            <pc:sldMk cId="2376958513" sldId="260"/>
            <ac:spMk id="5249" creationId="{5FFBB8E3-05A8-2087-2894-D2F6E73B5CD4}"/>
          </ac:spMkLst>
        </pc:spChg>
        <pc:spChg chg="mod">
          <ac:chgData name="White, Alex" userId="eff6cc8c-37d8-483b-9c6c-6b27e9afa9bc" providerId="ADAL" clId="{BF04C754-5BF4-4E83-9615-DB14FA25AF8A}" dt="2023-10-12T11:38:08.274" v="295"/>
          <ac:spMkLst>
            <pc:docMk/>
            <pc:sldMk cId="2376958513" sldId="260"/>
            <ac:spMk id="5250" creationId="{84B9A460-A6FB-E73B-103B-A4A5C816194E}"/>
          </ac:spMkLst>
        </pc:spChg>
        <pc:spChg chg="mod">
          <ac:chgData name="White, Alex" userId="eff6cc8c-37d8-483b-9c6c-6b27e9afa9bc" providerId="ADAL" clId="{BF04C754-5BF4-4E83-9615-DB14FA25AF8A}" dt="2023-10-12T11:38:08.274" v="295"/>
          <ac:spMkLst>
            <pc:docMk/>
            <pc:sldMk cId="2376958513" sldId="260"/>
            <ac:spMk id="5251" creationId="{DDFC8073-5BD5-A4B9-11C3-49EB271B0625}"/>
          </ac:spMkLst>
        </pc:spChg>
        <pc:spChg chg="mod">
          <ac:chgData name="White, Alex" userId="eff6cc8c-37d8-483b-9c6c-6b27e9afa9bc" providerId="ADAL" clId="{BF04C754-5BF4-4E83-9615-DB14FA25AF8A}" dt="2023-10-12T11:38:08.274" v="295"/>
          <ac:spMkLst>
            <pc:docMk/>
            <pc:sldMk cId="2376958513" sldId="260"/>
            <ac:spMk id="5252" creationId="{FE2EF7BC-35F6-4338-5581-49E615609ED0}"/>
          </ac:spMkLst>
        </pc:spChg>
        <pc:spChg chg="mod">
          <ac:chgData name="White, Alex" userId="eff6cc8c-37d8-483b-9c6c-6b27e9afa9bc" providerId="ADAL" clId="{BF04C754-5BF4-4E83-9615-DB14FA25AF8A}" dt="2023-10-12T11:38:08.274" v="295"/>
          <ac:spMkLst>
            <pc:docMk/>
            <pc:sldMk cId="2376958513" sldId="260"/>
            <ac:spMk id="5253" creationId="{2AE10C7A-A62C-91D6-25D6-6117BD75FBB2}"/>
          </ac:spMkLst>
        </pc:spChg>
        <pc:spChg chg="mod">
          <ac:chgData name="White, Alex" userId="eff6cc8c-37d8-483b-9c6c-6b27e9afa9bc" providerId="ADAL" clId="{BF04C754-5BF4-4E83-9615-DB14FA25AF8A}" dt="2023-10-12T11:38:08.274" v="295"/>
          <ac:spMkLst>
            <pc:docMk/>
            <pc:sldMk cId="2376958513" sldId="260"/>
            <ac:spMk id="5254" creationId="{28E85472-5256-CD53-16EF-9BE606254129}"/>
          </ac:spMkLst>
        </pc:spChg>
        <pc:spChg chg="mod">
          <ac:chgData name="White, Alex" userId="eff6cc8c-37d8-483b-9c6c-6b27e9afa9bc" providerId="ADAL" clId="{BF04C754-5BF4-4E83-9615-DB14FA25AF8A}" dt="2023-10-12T11:38:08.274" v="295"/>
          <ac:spMkLst>
            <pc:docMk/>
            <pc:sldMk cId="2376958513" sldId="260"/>
            <ac:spMk id="5255" creationId="{1D14EA44-EFAD-AECD-D6E2-BC58AE3C4337}"/>
          </ac:spMkLst>
        </pc:spChg>
        <pc:spChg chg="mod">
          <ac:chgData name="White, Alex" userId="eff6cc8c-37d8-483b-9c6c-6b27e9afa9bc" providerId="ADAL" clId="{BF04C754-5BF4-4E83-9615-DB14FA25AF8A}" dt="2023-10-12T11:38:08.274" v="295"/>
          <ac:spMkLst>
            <pc:docMk/>
            <pc:sldMk cId="2376958513" sldId="260"/>
            <ac:spMk id="5256" creationId="{7ED4BD41-649B-7347-A8CC-09A796C621F0}"/>
          </ac:spMkLst>
        </pc:spChg>
        <pc:spChg chg="mod">
          <ac:chgData name="White, Alex" userId="eff6cc8c-37d8-483b-9c6c-6b27e9afa9bc" providerId="ADAL" clId="{BF04C754-5BF4-4E83-9615-DB14FA25AF8A}" dt="2023-10-12T11:38:08.274" v="295"/>
          <ac:spMkLst>
            <pc:docMk/>
            <pc:sldMk cId="2376958513" sldId="260"/>
            <ac:spMk id="5257" creationId="{D2698CF5-17EB-E82B-92E5-49BB8D2C7513}"/>
          </ac:spMkLst>
        </pc:spChg>
        <pc:spChg chg="mod">
          <ac:chgData name="White, Alex" userId="eff6cc8c-37d8-483b-9c6c-6b27e9afa9bc" providerId="ADAL" clId="{BF04C754-5BF4-4E83-9615-DB14FA25AF8A}" dt="2023-10-12T11:38:08.274" v="295"/>
          <ac:spMkLst>
            <pc:docMk/>
            <pc:sldMk cId="2376958513" sldId="260"/>
            <ac:spMk id="5258" creationId="{4E83383C-54C0-4D19-281A-BC83162304CA}"/>
          </ac:spMkLst>
        </pc:spChg>
        <pc:spChg chg="mod">
          <ac:chgData name="White, Alex" userId="eff6cc8c-37d8-483b-9c6c-6b27e9afa9bc" providerId="ADAL" clId="{BF04C754-5BF4-4E83-9615-DB14FA25AF8A}" dt="2023-10-12T11:38:08.274" v="295"/>
          <ac:spMkLst>
            <pc:docMk/>
            <pc:sldMk cId="2376958513" sldId="260"/>
            <ac:spMk id="5259" creationId="{6F7EB56E-67D7-D650-3CB0-453B30F25189}"/>
          </ac:spMkLst>
        </pc:spChg>
        <pc:spChg chg="mod">
          <ac:chgData name="White, Alex" userId="eff6cc8c-37d8-483b-9c6c-6b27e9afa9bc" providerId="ADAL" clId="{BF04C754-5BF4-4E83-9615-DB14FA25AF8A}" dt="2023-10-12T11:38:08.274" v="295"/>
          <ac:spMkLst>
            <pc:docMk/>
            <pc:sldMk cId="2376958513" sldId="260"/>
            <ac:spMk id="5260" creationId="{E1D347EE-DD92-1AE7-DA3C-D68C7CAF343E}"/>
          </ac:spMkLst>
        </pc:spChg>
        <pc:spChg chg="mod">
          <ac:chgData name="White, Alex" userId="eff6cc8c-37d8-483b-9c6c-6b27e9afa9bc" providerId="ADAL" clId="{BF04C754-5BF4-4E83-9615-DB14FA25AF8A}" dt="2023-10-12T11:38:08.274" v="295"/>
          <ac:spMkLst>
            <pc:docMk/>
            <pc:sldMk cId="2376958513" sldId="260"/>
            <ac:spMk id="5261" creationId="{90C4B467-4F39-B192-5AB3-EBC59938E8B4}"/>
          </ac:spMkLst>
        </pc:spChg>
        <pc:spChg chg="mod">
          <ac:chgData name="White, Alex" userId="eff6cc8c-37d8-483b-9c6c-6b27e9afa9bc" providerId="ADAL" clId="{BF04C754-5BF4-4E83-9615-DB14FA25AF8A}" dt="2023-10-12T11:38:08.274" v="295"/>
          <ac:spMkLst>
            <pc:docMk/>
            <pc:sldMk cId="2376958513" sldId="260"/>
            <ac:spMk id="5262" creationId="{AF356EB6-A724-A521-14DA-ED4009380441}"/>
          </ac:spMkLst>
        </pc:spChg>
        <pc:spChg chg="mod">
          <ac:chgData name="White, Alex" userId="eff6cc8c-37d8-483b-9c6c-6b27e9afa9bc" providerId="ADAL" clId="{BF04C754-5BF4-4E83-9615-DB14FA25AF8A}" dt="2023-10-12T11:38:08.274" v="295"/>
          <ac:spMkLst>
            <pc:docMk/>
            <pc:sldMk cId="2376958513" sldId="260"/>
            <ac:spMk id="5263" creationId="{750017FC-4DBC-001A-64ED-92B42012143E}"/>
          </ac:spMkLst>
        </pc:spChg>
        <pc:spChg chg="mod">
          <ac:chgData name="White, Alex" userId="eff6cc8c-37d8-483b-9c6c-6b27e9afa9bc" providerId="ADAL" clId="{BF04C754-5BF4-4E83-9615-DB14FA25AF8A}" dt="2023-10-12T11:38:08.274" v="295"/>
          <ac:spMkLst>
            <pc:docMk/>
            <pc:sldMk cId="2376958513" sldId="260"/>
            <ac:spMk id="5264" creationId="{79F547C5-4DB2-F8F6-C317-79CD1A8D5C06}"/>
          </ac:spMkLst>
        </pc:spChg>
        <pc:spChg chg="mod">
          <ac:chgData name="White, Alex" userId="eff6cc8c-37d8-483b-9c6c-6b27e9afa9bc" providerId="ADAL" clId="{BF04C754-5BF4-4E83-9615-DB14FA25AF8A}" dt="2023-10-12T11:38:08.274" v="295"/>
          <ac:spMkLst>
            <pc:docMk/>
            <pc:sldMk cId="2376958513" sldId="260"/>
            <ac:spMk id="5265" creationId="{9780B71D-1108-D2E3-85F8-EB491FC93526}"/>
          </ac:spMkLst>
        </pc:spChg>
        <pc:spChg chg="mod">
          <ac:chgData name="White, Alex" userId="eff6cc8c-37d8-483b-9c6c-6b27e9afa9bc" providerId="ADAL" clId="{BF04C754-5BF4-4E83-9615-DB14FA25AF8A}" dt="2023-10-12T11:38:08.274" v="295"/>
          <ac:spMkLst>
            <pc:docMk/>
            <pc:sldMk cId="2376958513" sldId="260"/>
            <ac:spMk id="5266" creationId="{E306ECC1-43CF-ABF0-592E-0E620CD7695E}"/>
          </ac:spMkLst>
        </pc:spChg>
        <pc:spChg chg="mod">
          <ac:chgData name="White, Alex" userId="eff6cc8c-37d8-483b-9c6c-6b27e9afa9bc" providerId="ADAL" clId="{BF04C754-5BF4-4E83-9615-DB14FA25AF8A}" dt="2023-10-12T11:38:08.274" v="295"/>
          <ac:spMkLst>
            <pc:docMk/>
            <pc:sldMk cId="2376958513" sldId="260"/>
            <ac:spMk id="5267" creationId="{523955BA-321D-1285-6A79-48B855562A27}"/>
          </ac:spMkLst>
        </pc:spChg>
        <pc:spChg chg="mod">
          <ac:chgData name="White, Alex" userId="eff6cc8c-37d8-483b-9c6c-6b27e9afa9bc" providerId="ADAL" clId="{BF04C754-5BF4-4E83-9615-DB14FA25AF8A}" dt="2023-10-12T11:38:08.274" v="295"/>
          <ac:spMkLst>
            <pc:docMk/>
            <pc:sldMk cId="2376958513" sldId="260"/>
            <ac:spMk id="5268" creationId="{AB4584DA-603B-3F1E-3E75-36A8B2F3EA21}"/>
          </ac:spMkLst>
        </pc:spChg>
        <pc:spChg chg="mod">
          <ac:chgData name="White, Alex" userId="eff6cc8c-37d8-483b-9c6c-6b27e9afa9bc" providerId="ADAL" clId="{BF04C754-5BF4-4E83-9615-DB14FA25AF8A}" dt="2023-10-12T11:38:08.274" v="295"/>
          <ac:spMkLst>
            <pc:docMk/>
            <pc:sldMk cId="2376958513" sldId="260"/>
            <ac:spMk id="5269" creationId="{1CF4C43F-EE8B-632E-1C4F-9EC729587AFC}"/>
          </ac:spMkLst>
        </pc:spChg>
        <pc:spChg chg="mod">
          <ac:chgData name="White, Alex" userId="eff6cc8c-37d8-483b-9c6c-6b27e9afa9bc" providerId="ADAL" clId="{BF04C754-5BF4-4E83-9615-DB14FA25AF8A}" dt="2023-10-12T11:38:08.274" v="295"/>
          <ac:spMkLst>
            <pc:docMk/>
            <pc:sldMk cId="2376958513" sldId="260"/>
            <ac:spMk id="5270" creationId="{E4A2423B-3C4A-EE8E-8D0D-F8A72C30E567}"/>
          </ac:spMkLst>
        </pc:spChg>
        <pc:spChg chg="mod">
          <ac:chgData name="White, Alex" userId="eff6cc8c-37d8-483b-9c6c-6b27e9afa9bc" providerId="ADAL" clId="{BF04C754-5BF4-4E83-9615-DB14FA25AF8A}" dt="2023-10-12T11:38:08.274" v="295"/>
          <ac:spMkLst>
            <pc:docMk/>
            <pc:sldMk cId="2376958513" sldId="260"/>
            <ac:spMk id="5271" creationId="{356C04BE-E891-71BD-7032-0D851C888FF9}"/>
          </ac:spMkLst>
        </pc:spChg>
        <pc:spChg chg="mod">
          <ac:chgData name="White, Alex" userId="eff6cc8c-37d8-483b-9c6c-6b27e9afa9bc" providerId="ADAL" clId="{BF04C754-5BF4-4E83-9615-DB14FA25AF8A}" dt="2023-10-12T11:38:08.274" v="295"/>
          <ac:spMkLst>
            <pc:docMk/>
            <pc:sldMk cId="2376958513" sldId="260"/>
            <ac:spMk id="5272" creationId="{117C2317-731E-FD6E-93A6-087C121B97F2}"/>
          </ac:spMkLst>
        </pc:spChg>
        <pc:spChg chg="mod">
          <ac:chgData name="White, Alex" userId="eff6cc8c-37d8-483b-9c6c-6b27e9afa9bc" providerId="ADAL" clId="{BF04C754-5BF4-4E83-9615-DB14FA25AF8A}" dt="2023-10-12T11:38:08.274" v="295"/>
          <ac:spMkLst>
            <pc:docMk/>
            <pc:sldMk cId="2376958513" sldId="260"/>
            <ac:spMk id="5273" creationId="{A7FB903E-DF35-5286-4A86-544D429C91EE}"/>
          </ac:spMkLst>
        </pc:spChg>
        <pc:spChg chg="mod">
          <ac:chgData name="White, Alex" userId="eff6cc8c-37d8-483b-9c6c-6b27e9afa9bc" providerId="ADAL" clId="{BF04C754-5BF4-4E83-9615-DB14FA25AF8A}" dt="2023-10-12T11:38:08.274" v="295"/>
          <ac:spMkLst>
            <pc:docMk/>
            <pc:sldMk cId="2376958513" sldId="260"/>
            <ac:spMk id="5274" creationId="{7C5198F7-44C3-F162-5D7F-1F3ED648E1FB}"/>
          </ac:spMkLst>
        </pc:spChg>
        <pc:spChg chg="mod">
          <ac:chgData name="White, Alex" userId="eff6cc8c-37d8-483b-9c6c-6b27e9afa9bc" providerId="ADAL" clId="{BF04C754-5BF4-4E83-9615-DB14FA25AF8A}" dt="2023-10-12T11:38:08.274" v="295"/>
          <ac:spMkLst>
            <pc:docMk/>
            <pc:sldMk cId="2376958513" sldId="260"/>
            <ac:spMk id="5275" creationId="{F7D3F2AD-183B-A948-4949-7671327AB148}"/>
          </ac:spMkLst>
        </pc:spChg>
        <pc:spChg chg="mod">
          <ac:chgData name="White, Alex" userId="eff6cc8c-37d8-483b-9c6c-6b27e9afa9bc" providerId="ADAL" clId="{BF04C754-5BF4-4E83-9615-DB14FA25AF8A}" dt="2023-10-12T11:38:08.274" v="295"/>
          <ac:spMkLst>
            <pc:docMk/>
            <pc:sldMk cId="2376958513" sldId="260"/>
            <ac:spMk id="5276" creationId="{38E0EAE5-D121-8977-338B-11EE68D34CDF}"/>
          </ac:spMkLst>
        </pc:spChg>
        <pc:spChg chg="mod">
          <ac:chgData name="White, Alex" userId="eff6cc8c-37d8-483b-9c6c-6b27e9afa9bc" providerId="ADAL" clId="{BF04C754-5BF4-4E83-9615-DB14FA25AF8A}" dt="2023-10-12T11:38:08.274" v="295"/>
          <ac:spMkLst>
            <pc:docMk/>
            <pc:sldMk cId="2376958513" sldId="260"/>
            <ac:spMk id="5277" creationId="{4F7D5598-D2F4-B261-25EC-B9BFB2771540}"/>
          </ac:spMkLst>
        </pc:spChg>
        <pc:spChg chg="mod">
          <ac:chgData name="White, Alex" userId="eff6cc8c-37d8-483b-9c6c-6b27e9afa9bc" providerId="ADAL" clId="{BF04C754-5BF4-4E83-9615-DB14FA25AF8A}" dt="2023-10-12T11:38:08.274" v="295"/>
          <ac:spMkLst>
            <pc:docMk/>
            <pc:sldMk cId="2376958513" sldId="260"/>
            <ac:spMk id="5278" creationId="{87E59F36-BBBA-B326-ABDD-B4A67DE8C7E2}"/>
          </ac:spMkLst>
        </pc:spChg>
        <pc:spChg chg="mod">
          <ac:chgData name="White, Alex" userId="eff6cc8c-37d8-483b-9c6c-6b27e9afa9bc" providerId="ADAL" clId="{BF04C754-5BF4-4E83-9615-DB14FA25AF8A}" dt="2023-10-12T11:38:08.274" v="295"/>
          <ac:spMkLst>
            <pc:docMk/>
            <pc:sldMk cId="2376958513" sldId="260"/>
            <ac:spMk id="5279" creationId="{39A46452-6637-263A-2107-B2019258BB81}"/>
          </ac:spMkLst>
        </pc:spChg>
        <pc:spChg chg="mod">
          <ac:chgData name="White, Alex" userId="eff6cc8c-37d8-483b-9c6c-6b27e9afa9bc" providerId="ADAL" clId="{BF04C754-5BF4-4E83-9615-DB14FA25AF8A}" dt="2023-10-12T11:38:08.274" v="295"/>
          <ac:spMkLst>
            <pc:docMk/>
            <pc:sldMk cId="2376958513" sldId="260"/>
            <ac:spMk id="5280" creationId="{4CD46602-EC3D-081B-B5C1-B9B9FF017AC1}"/>
          </ac:spMkLst>
        </pc:spChg>
        <pc:spChg chg="mod">
          <ac:chgData name="White, Alex" userId="eff6cc8c-37d8-483b-9c6c-6b27e9afa9bc" providerId="ADAL" clId="{BF04C754-5BF4-4E83-9615-DB14FA25AF8A}" dt="2023-10-12T11:38:08.274" v="295"/>
          <ac:spMkLst>
            <pc:docMk/>
            <pc:sldMk cId="2376958513" sldId="260"/>
            <ac:spMk id="5281" creationId="{00E09300-E1A5-F584-8E52-C1C4B1BFFFF5}"/>
          </ac:spMkLst>
        </pc:spChg>
        <pc:spChg chg="mod">
          <ac:chgData name="White, Alex" userId="eff6cc8c-37d8-483b-9c6c-6b27e9afa9bc" providerId="ADAL" clId="{BF04C754-5BF4-4E83-9615-DB14FA25AF8A}" dt="2023-10-12T11:38:08.274" v="295"/>
          <ac:spMkLst>
            <pc:docMk/>
            <pc:sldMk cId="2376958513" sldId="260"/>
            <ac:spMk id="5282" creationId="{B70A0EA8-E670-1079-77EB-5A78F0D5063B}"/>
          </ac:spMkLst>
        </pc:spChg>
        <pc:spChg chg="mod">
          <ac:chgData name="White, Alex" userId="eff6cc8c-37d8-483b-9c6c-6b27e9afa9bc" providerId="ADAL" clId="{BF04C754-5BF4-4E83-9615-DB14FA25AF8A}" dt="2023-10-12T11:38:08.274" v="295"/>
          <ac:spMkLst>
            <pc:docMk/>
            <pc:sldMk cId="2376958513" sldId="260"/>
            <ac:spMk id="5283" creationId="{5D5ED50D-2410-6D23-A399-9C984F080713}"/>
          </ac:spMkLst>
        </pc:spChg>
        <pc:spChg chg="mod">
          <ac:chgData name="White, Alex" userId="eff6cc8c-37d8-483b-9c6c-6b27e9afa9bc" providerId="ADAL" clId="{BF04C754-5BF4-4E83-9615-DB14FA25AF8A}" dt="2023-10-12T11:38:08.274" v="295"/>
          <ac:spMkLst>
            <pc:docMk/>
            <pc:sldMk cId="2376958513" sldId="260"/>
            <ac:spMk id="5284" creationId="{FBC5E762-E879-71CF-9889-2BD0F39502CF}"/>
          </ac:spMkLst>
        </pc:spChg>
        <pc:spChg chg="mod">
          <ac:chgData name="White, Alex" userId="eff6cc8c-37d8-483b-9c6c-6b27e9afa9bc" providerId="ADAL" clId="{BF04C754-5BF4-4E83-9615-DB14FA25AF8A}" dt="2023-10-12T11:38:08.274" v="295"/>
          <ac:spMkLst>
            <pc:docMk/>
            <pc:sldMk cId="2376958513" sldId="260"/>
            <ac:spMk id="5285" creationId="{3A8C6A61-A062-7429-F946-09E95C60D20C}"/>
          </ac:spMkLst>
        </pc:spChg>
        <pc:spChg chg="mod">
          <ac:chgData name="White, Alex" userId="eff6cc8c-37d8-483b-9c6c-6b27e9afa9bc" providerId="ADAL" clId="{BF04C754-5BF4-4E83-9615-DB14FA25AF8A}" dt="2023-10-12T11:38:08.274" v="295"/>
          <ac:spMkLst>
            <pc:docMk/>
            <pc:sldMk cId="2376958513" sldId="260"/>
            <ac:spMk id="5286" creationId="{AD5174BE-131A-7265-D823-CB0C6E379EC5}"/>
          </ac:spMkLst>
        </pc:spChg>
        <pc:spChg chg="mod">
          <ac:chgData name="White, Alex" userId="eff6cc8c-37d8-483b-9c6c-6b27e9afa9bc" providerId="ADAL" clId="{BF04C754-5BF4-4E83-9615-DB14FA25AF8A}" dt="2023-10-12T11:38:08.274" v="295"/>
          <ac:spMkLst>
            <pc:docMk/>
            <pc:sldMk cId="2376958513" sldId="260"/>
            <ac:spMk id="5287" creationId="{482CBE0A-5DA8-7199-1EBA-954072F0167A}"/>
          </ac:spMkLst>
        </pc:spChg>
        <pc:spChg chg="mod">
          <ac:chgData name="White, Alex" userId="eff6cc8c-37d8-483b-9c6c-6b27e9afa9bc" providerId="ADAL" clId="{BF04C754-5BF4-4E83-9615-DB14FA25AF8A}" dt="2023-10-12T11:38:08.274" v="295"/>
          <ac:spMkLst>
            <pc:docMk/>
            <pc:sldMk cId="2376958513" sldId="260"/>
            <ac:spMk id="5288" creationId="{8F70B650-F48A-E221-7A05-5192F6B93645}"/>
          </ac:spMkLst>
        </pc:spChg>
        <pc:spChg chg="mod">
          <ac:chgData name="White, Alex" userId="eff6cc8c-37d8-483b-9c6c-6b27e9afa9bc" providerId="ADAL" clId="{BF04C754-5BF4-4E83-9615-DB14FA25AF8A}" dt="2023-10-12T11:38:08.274" v="295"/>
          <ac:spMkLst>
            <pc:docMk/>
            <pc:sldMk cId="2376958513" sldId="260"/>
            <ac:spMk id="5289" creationId="{812D52CB-6D46-DB0C-9905-5687ADCD740E}"/>
          </ac:spMkLst>
        </pc:spChg>
        <pc:spChg chg="mod">
          <ac:chgData name="White, Alex" userId="eff6cc8c-37d8-483b-9c6c-6b27e9afa9bc" providerId="ADAL" clId="{BF04C754-5BF4-4E83-9615-DB14FA25AF8A}" dt="2023-10-12T11:38:08.274" v="295"/>
          <ac:spMkLst>
            <pc:docMk/>
            <pc:sldMk cId="2376958513" sldId="260"/>
            <ac:spMk id="5290" creationId="{81FAF716-734A-5BF7-C7B9-101D02D3A2B1}"/>
          </ac:spMkLst>
        </pc:spChg>
        <pc:spChg chg="mod">
          <ac:chgData name="White, Alex" userId="eff6cc8c-37d8-483b-9c6c-6b27e9afa9bc" providerId="ADAL" clId="{BF04C754-5BF4-4E83-9615-DB14FA25AF8A}" dt="2023-10-12T11:38:08.274" v="295"/>
          <ac:spMkLst>
            <pc:docMk/>
            <pc:sldMk cId="2376958513" sldId="260"/>
            <ac:spMk id="5291" creationId="{4A6D073F-B400-EF0D-E9DA-E7FC0645E9E8}"/>
          </ac:spMkLst>
        </pc:spChg>
        <pc:spChg chg="mod">
          <ac:chgData name="White, Alex" userId="eff6cc8c-37d8-483b-9c6c-6b27e9afa9bc" providerId="ADAL" clId="{BF04C754-5BF4-4E83-9615-DB14FA25AF8A}" dt="2023-10-12T11:38:08.274" v="295"/>
          <ac:spMkLst>
            <pc:docMk/>
            <pc:sldMk cId="2376958513" sldId="260"/>
            <ac:spMk id="5292" creationId="{2220676A-CA12-F461-C348-F8BD30F3C9A9}"/>
          </ac:spMkLst>
        </pc:spChg>
        <pc:spChg chg="mod">
          <ac:chgData name="White, Alex" userId="eff6cc8c-37d8-483b-9c6c-6b27e9afa9bc" providerId="ADAL" clId="{BF04C754-5BF4-4E83-9615-DB14FA25AF8A}" dt="2023-10-12T11:38:08.274" v="295"/>
          <ac:spMkLst>
            <pc:docMk/>
            <pc:sldMk cId="2376958513" sldId="260"/>
            <ac:spMk id="5293" creationId="{CD68537E-BF40-4D6B-1DCC-D7C34338061B}"/>
          </ac:spMkLst>
        </pc:spChg>
        <pc:spChg chg="mod">
          <ac:chgData name="White, Alex" userId="eff6cc8c-37d8-483b-9c6c-6b27e9afa9bc" providerId="ADAL" clId="{BF04C754-5BF4-4E83-9615-DB14FA25AF8A}" dt="2023-10-12T11:38:08.274" v="295"/>
          <ac:spMkLst>
            <pc:docMk/>
            <pc:sldMk cId="2376958513" sldId="260"/>
            <ac:spMk id="5294" creationId="{37EA5301-DF6E-3855-967A-A4F8E1DED0FD}"/>
          </ac:spMkLst>
        </pc:spChg>
        <pc:spChg chg="mod">
          <ac:chgData name="White, Alex" userId="eff6cc8c-37d8-483b-9c6c-6b27e9afa9bc" providerId="ADAL" clId="{BF04C754-5BF4-4E83-9615-DB14FA25AF8A}" dt="2023-10-12T11:38:08.274" v="295"/>
          <ac:spMkLst>
            <pc:docMk/>
            <pc:sldMk cId="2376958513" sldId="260"/>
            <ac:spMk id="5295" creationId="{9BC03D21-6BF3-FA60-6D81-40D706BCC9A3}"/>
          </ac:spMkLst>
        </pc:spChg>
        <pc:spChg chg="mod">
          <ac:chgData name="White, Alex" userId="eff6cc8c-37d8-483b-9c6c-6b27e9afa9bc" providerId="ADAL" clId="{BF04C754-5BF4-4E83-9615-DB14FA25AF8A}" dt="2023-10-12T11:38:08.274" v="295"/>
          <ac:spMkLst>
            <pc:docMk/>
            <pc:sldMk cId="2376958513" sldId="260"/>
            <ac:spMk id="5296" creationId="{73DF4772-B951-67E1-E0D1-34341E56EACD}"/>
          </ac:spMkLst>
        </pc:spChg>
        <pc:spChg chg="mod">
          <ac:chgData name="White, Alex" userId="eff6cc8c-37d8-483b-9c6c-6b27e9afa9bc" providerId="ADAL" clId="{BF04C754-5BF4-4E83-9615-DB14FA25AF8A}" dt="2023-10-12T11:38:08.274" v="295"/>
          <ac:spMkLst>
            <pc:docMk/>
            <pc:sldMk cId="2376958513" sldId="260"/>
            <ac:spMk id="5297" creationId="{DAE8FF52-FEBC-C57C-DAEE-25410A0E9C1E}"/>
          </ac:spMkLst>
        </pc:spChg>
        <pc:spChg chg="mod">
          <ac:chgData name="White, Alex" userId="eff6cc8c-37d8-483b-9c6c-6b27e9afa9bc" providerId="ADAL" clId="{BF04C754-5BF4-4E83-9615-DB14FA25AF8A}" dt="2023-10-12T11:38:08.274" v="295"/>
          <ac:spMkLst>
            <pc:docMk/>
            <pc:sldMk cId="2376958513" sldId="260"/>
            <ac:spMk id="5298" creationId="{7E225196-C964-AE5D-BACE-88741C4C8EE2}"/>
          </ac:spMkLst>
        </pc:spChg>
        <pc:spChg chg="mod">
          <ac:chgData name="White, Alex" userId="eff6cc8c-37d8-483b-9c6c-6b27e9afa9bc" providerId="ADAL" clId="{BF04C754-5BF4-4E83-9615-DB14FA25AF8A}" dt="2023-10-12T11:38:08.274" v="295"/>
          <ac:spMkLst>
            <pc:docMk/>
            <pc:sldMk cId="2376958513" sldId="260"/>
            <ac:spMk id="5299" creationId="{01F086F5-01B5-DAF6-64FB-16C3B381B85F}"/>
          </ac:spMkLst>
        </pc:spChg>
        <pc:spChg chg="mod">
          <ac:chgData name="White, Alex" userId="eff6cc8c-37d8-483b-9c6c-6b27e9afa9bc" providerId="ADAL" clId="{BF04C754-5BF4-4E83-9615-DB14FA25AF8A}" dt="2023-10-12T11:38:08.274" v="295"/>
          <ac:spMkLst>
            <pc:docMk/>
            <pc:sldMk cId="2376958513" sldId="260"/>
            <ac:spMk id="5300" creationId="{1823774F-86A1-A5CC-3339-0EE63CA91778}"/>
          </ac:spMkLst>
        </pc:spChg>
        <pc:spChg chg="mod">
          <ac:chgData name="White, Alex" userId="eff6cc8c-37d8-483b-9c6c-6b27e9afa9bc" providerId="ADAL" clId="{BF04C754-5BF4-4E83-9615-DB14FA25AF8A}" dt="2023-10-12T11:38:08.274" v="295"/>
          <ac:spMkLst>
            <pc:docMk/>
            <pc:sldMk cId="2376958513" sldId="260"/>
            <ac:spMk id="5301" creationId="{0EB08FFC-A506-1242-F41D-ECFB8E5AA60F}"/>
          </ac:spMkLst>
        </pc:spChg>
        <pc:spChg chg="mod">
          <ac:chgData name="White, Alex" userId="eff6cc8c-37d8-483b-9c6c-6b27e9afa9bc" providerId="ADAL" clId="{BF04C754-5BF4-4E83-9615-DB14FA25AF8A}" dt="2023-10-12T11:38:08.274" v="295"/>
          <ac:spMkLst>
            <pc:docMk/>
            <pc:sldMk cId="2376958513" sldId="260"/>
            <ac:spMk id="5302" creationId="{016A6D96-06DF-EE3E-4B07-306FC777E5AD}"/>
          </ac:spMkLst>
        </pc:spChg>
        <pc:spChg chg="mod">
          <ac:chgData name="White, Alex" userId="eff6cc8c-37d8-483b-9c6c-6b27e9afa9bc" providerId="ADAL" clId="{BF04C754-5BF4-4E83-9615-DB14FA25AF8A}" dt="2023-10-12T11:38:08.274" v="295"/>
          <ac:spMkLst>
            <pc:docMk/>
            <pc:sldMk cId="2376958513" sldId="260"/>
            <ac:spMk id="5303" creationId="{098CCE1B-419A-F026-1B20-F686FDCAB8D3}"/>
          </ac:spMkLst>
        </pc:spChg>
        <pc:spChg chg="mod">
          <ac:chgData name="White, Alex" userId="eff6cc8c-37d8-483b-9c6c-6b27e9afa9bc" providerId="ADAL" clId="{BF04C754-5BF4-4E83-9615-DB14FA25AF8A}" dt="2023-10-12T11:38:08.274" v="295"/>
          <ac:spMkLst>
            <pc:docMk/>
            <pc:sldMk cId="2376958513" sldId="260"/>
            <ac:spMk id="5304" creationId="{7EEF0C75-33D6-70B1-3F60-E655046C5C07}"/>
          </ac:spMkLst>
        </pc:spChg>
        <pc:spChg chg="mod">
          <ac:chgData name="White, Alex" userId="eff6cc8c-37d8-483b-9c6c-6b27e9afa9bc" providerId="ADAL" clId="{BF04C754-5BF4-4E83-9615-DB14FA25AF8A}" dt="2023-10-12T11:38:08.274" v="295"/>
          <ac:spMkLst>
            <pc:docMk/>
            <pc:sldMk cId="2376958513" sldId="260"/>
            <ac:spMk id="5305" creationId="{F318EB48-AFC6-2E21-4965-8BF4BDB97970}"/>
          </ac:spMkLst>
        </pc:spChg>
        <pc:spChg chg="mod">
          <ac:chgData name="White, Alex" userId="eff6cc8c-37d8-483b-9c6c-6b27e9afa9bc" providerId="ADAL" clId="{BF04C754-5BF4-4E83-9615-DB14FA25AF8A}" dt="2023-10-12T11:38:08.274" v="295"/>
          <ac:spMkLst>
            <pc:docMk/>
            <pc:sldMk cId="2376958513" sldId="260"/>
            <ac:spMk id="5306" creationId="{2D9094E5-BA35-1B42-F074-A7E2EBE3A571}"/>
          </ac:spMkLst>
        </pc:spChg>
        <pc:spChg chg="mod">
          <ac:chgData name="White, Alex" userId="eff6cc8c-37d8-483b-9c6c-6b27e9afa9bc" providerId="ADAL" clId="{BF04C754-5BF4-4E83-9615-DB14FA25AF8A}" dt="2023-10-12T11:38:08.274" v="295"/>
          <ac:spMkLst>
            <pc:docMk/>
            <pc:sldMk cId="2376958513" sldId="260"/>
            <ac:spMk id="5307" creationId="{A361AEDC-D091-111F-3869-7448C26FE84A}"/>
          </ac:spMkLst>
        </pc:spChg>
        <pc:spChg chg="mod">
          <ac:chgData name="White, Alex" userId="eff6cc8c-37d8-483b-9c6c-6b27e9afa9bc" providerId="ADAL" clId="{BF04C754-5BF4-4E83-9615-DB14FA25AF8A}" dt="2023-10-12T11:38:08.274" v="295"/>
          <ac:spMkLst>
            <pc:docMk/>
            <pc:sldMk cId="2376958513" sldId="260"/>
            <ac:spMk id="5308" creationId="{342708D2-0B95-293B-56F7-CF595CEB6091}"/>
          </ac:spMkLst>
        </pc:spChg>
        <pc:spChg chg="mod">
          <ac:chgData name="White, Alex" userId="eff6cc8c-37d8-483b-9c6c-6b27e9afa9bc" providerId="ADAL" clId="{BF04C754-5BF4-4E83-9615-DB14FA25AF8A}" dt="2023-10-12T11:38:08.274" v="295"/>
          <ac:spMkLst>
            <pc:docMk/>
            <pc:sldMk cId="2376958513" sldId="260"/>
            <ac:spMk id="5309" creationId="{9CEE060A-3ACB-E08F-08A6-2C712EDFD754}"/>
          </ac:spMkLst>
        </pc:spChg>
        <pc:spChg chg="mod">
          <ac:chgData name="White, Alex" userId="eff6cc8c-37d8-483b-9c6c-6b27e9afa9bc" providerId="ADAL" clId="{BF04C754-5BF4-4E83-9615-DB14FA25AF8A}" dt="2023-10-12T11:38:08.274" v="295"/>
          <ac:spMkLst>
            <pc:docMk/>
            <pc:sldMk cId="2376958513" sldId="260"/>
            <ac:spMk id="5310" creationId="{B4773593-8F01-A8C7-66F0-CEF4C7ACCFB0}"/>
          </ac:spMkLst>
        </pc:spChg>
        <pc:spChg chg="mod">
          <ac:chgData name="White, Alex" userId="eff6cc8c-37d8-483b-9c6c-6b27e9afa9bc" providerId="ADAL" clId="{BF04C754-5BF4-4E83-9615-DB14FA25AF8A}" dt="2023-10-12T11:38:08.274" v="295"/>
          <ac:spMkLst>
            <pc:docMk/>
            <pc:sldMk cId="2376958513" sldId="260"/>
            <ac:spMk id="5311" creationId="{A80EB0D4-C51B-DB68-2276-1869DF19A0DD}"/>
          </ac:spMkLst>
        </pc:spChg>
        <pc:spChg chg="mod">
          <ac:chgData name="White, Alex" userId="eff6cc8c-37d8-483b-9c6c-6b27e9afa9bc" providerId="ADAL" clId="{BF04C754-5BF4-4E83-9615-DB14FA25AF8A}" dt="2023-10-12T11:38:08.274" v="295"/>
          <ac:spMkLst>
            <pc:docMk/>
            <pc:sldMk cId="2376958513" sldId="260"/>
            <ac:spMk id="5312" creationId="{AF139DAF-12F1-6677-2382-2CB803E52C72}"/>
          </ac:spMkLst>
        </pc:spChg>
        <pc:spChg chg="mod">
          <ac:chgData name="White, Alex" userId="eff6cc8c-37d8-483b-9c6c-6b27e9afa9bc" providerId="ADAL" clId="{BF04C754-5BF4-4E83-9615-DB14FA25AF8A}" dt="2023-10-12T11:38:08.274" v="295"/>
          <ac:spMkLst>
            <pc:docMk/>
            <pc:sldMk cId="2376958513" sldId="260"/>
            <ac:spMk id="5313" creationId="{425DA83A-5608-D116-1AA2-0D2B83F5875E}"/>
          </ac:spMkLst>
        </pc:spChg>
        <pc:spChg chg="mod">
          <ac:chgData name="White, Alex" userId="eff6cc8c-37d8-483b-9c6c-6b27e9afa9bc" providerId="ADAL" clId="{BF04C754-5BF4-4E83-9615-DB14FA25AF8A}" dt="2023-10-12T11:38:08.274" v="295"/>
          <ac:spMkLst>
            <pc:docMk/>
            <pc:sldMk cId="2376958513" sldId="260"/>
            <ac:spMk id="5314" creationId="{C2D6EFFE-505E-364C-1F62-B0FA3E30AF1E}"/>
          </ac:spMkLst>
        </pc:spChg>
        <pc:spChg chg="mod">
          <ac:chgData name="White, Alex" userId="eff6cc8c-37d8-483b-9c6c-6b27e9afa9bc" providerId="ADAL" clId="{BF04C754-5BF4-4E83-9615-DB14FA25AF8A}" dt="2023-10-12T11:38:08.274" v="295"/>
          <ac:spMkLst>
            <pc:docMk/>
            <pc:sldMk cId="2376958513" sldId="260"/>
            <ac:spMk id="5315" creationId="{CD8887DF-C6EF-EB89-F8A0-ED186900673F}"/>
          </ac:spMkLst>
        </pc:spChg>
        <pc:spChg chg="mod">
          <ac:chgData name="White, Alex" userId="eff6cc8c-37d8-483b-9c6c-6b27e9afa9bc" providerId="ADAL" clId="{BF04C754-5BF4-4E83-9615-DB14FA25AF8A}" dt="2023-10-12T11:38:08.274" v="295"/>
          <ac:spMkLst>
            <pc:docMk/>
            <pc:sldMk cId="2376958513" sldId="260"/>
            <ac:spMk id="5316" creationId="{6228D5C5-1A72-F62F-5A6F-72C0F07B22BC}"/>
          </ac:spMkLst>
        </pc:spChg>
        <pc:spChg chg="mod">
          <ac:chgData name="White, Alex" userId="eff6cc8c-37d8-483b-9c6c-6b27e9afa9bc" providerId="ADAL" clId="{BF04C754-5BF4-4E83-9615-DB14FA25AF8A}" dt="2023-10-12T11:38:08.274" v="295"/>
          <ac:spMkLst>
            <pc:docMk/>
            <pc:sldMk cId="2376958513" sldId="260"/>
            <ac:spMk id="5317" creationId="{A95A7313-23AD-477E-217E-739E3DDC53E7}"/>
          </ac:spMkLst>
        </pc:spChg>
        <pc:spChg chg="mod">
          <ac:chgData name="White, Alex" userId="eff6cc8c-37d8-483b-9c6c-6b27e9afa9bc" providerId="ADAL" clId="{BF04C754-5BF4-4E83-9615-DB14FA25AF8A}" dt="2023-10-12T11:38:08.274" v="295"/>
          <ac:spMkLst>
            <pc:docMk/>
            <pc:sldMk cId="2376958513" sldId="260"/>
            <ac:spMk id="5318" creationId="{D593DF74-208F-B485-89A8-032BC7675A82}"/>
          </ac:spMkLst>
        </pc:spChg>
        <pc:spChg chg="mod">
          <ac:chgData name="White, Alex" userId="eff6cc8c-37d8-483b-9c6c-6b27e9afa9bc" providerId="ADAL" clId="{BF04C754-5BF4-4E83-9615-DB14FA25AF8A}" dt="2023-10-12T11:38:08.274" v="295"/>
          <ac:spMkLst>
            <pc:docMk/>
            <pc:sldMk cId="2376958513" sldId="260"/>
            <ac:spMk id="5319" creationId="{9A9C698C-F38C-EB21-6A50-5C85459EFC73}"/>
          </ac:spMkLst>
        </pc:spChg>
        <pc:spChg chg="mod">
          <ac:chgData name="White, Alex" userId="eff6cc8c-37d8-483b-9c6c-6b27e9afa9bc" providerId="ADAL" clId="{BF04C754-5BF4-4E83-9615-DB14FA25AF8A}" dt="2023-10-12T11:38:08.274" v="295"/>
          <ac:spMkLst>
            <pc:docMk/>
            <pc:sldMk cId="2376958513" sldId="260"/>
            <ac:spMk id="5320" creationId="{ECCBAAE8-65DA-1431-0C80-36D957D71D43}"/>
          </ac:spMkLst>
        </pc:spChg>
        <pc:spChg chg="mod">
          <ac:chgData name="White, Alex" userId="eff6cc8c-37d8-483b-9c6c-6b27e9afa9bc" providerId="ADAL" clId="{BF04C754-5BF4-4E83-9615-DB14FA25AF8A}" dt="2023-10-12T11:38:08.274" v="295"/>
          <ac:spMkLst>
            <pc:docMk/>
            <pc:sldMk cId="2376958513" sldId="260"/>
            <ac:spMk id="5321" creationId="{A23C1B1E-B668-5C4A-869C-79B23FEE869A}"/>
          </ac:spMkLst>
        </pc:spChg>
        <pc:spChg chg="mod">
          <ac:chgData name="White, Alex" userId="eff6cc8c-37d8-483b-9c6c-6b27e9afa9bc" providerId="ADAL" clId="{BF04C754-5BF4-4E83-9615-DB14FA25AF8A}" dt="2023-10-12T11:38:08.274" v="295"/>
          <ac:spMkLst>
            <pc:docMk/>
            <pc:sldMk cId="2376958513" sldId="260"/>
            <ac:spMk id="5322" creationId="{8BBACD0C-A379-D15B-F4C4-2B0BCE0100CB}"/>
          </ac:spMkLst>
        </pc:spChg>
        <pc:spChg chg="mod">
          <ac:chgData name="White, Alex" userId="eff6cc8c-37d8-483b-9c6c-6b27e9afa9bc" providerId="ADAL" clId="{BF04C754-5BF4-4E83-9615-DB14FA25AF8A}" dt="2023-10-12T11:38:08.274" v="295"/>
          <ac:spMkLst>
            <pc:docMk/>
            <pc:sldMk cId="2376958513" sldId="260"/>
            <ac:spMk id="5323" creationId="{F70B410D-7D9E-8764-BDA0-6C93F26CBCA1}"/>
          </ac:spMkLst>
        </pc:spChg>
        <pc:spChg chg="mod">
          <ac:chgData name="White, Alex" userId="eff6cc8c-37d8-483b-9c6c-6b27e9afa9bc" providerId="ADAL" clId="{BF04C754-5BF4-4E83-9615-DB14FA25AF8A}" dt="2023-10-12T11:38:08.274" v="295"/>
          <ac:spMkLst>
            <pc:docMk/>
            <pc:sldMk cId="2376958513" sldId="260"/>
            <ac:spMk id="5324" creationId="{5446053F-D874-BC39-6531-824D1A6906CA}"/>
          </ac:spMkLst>
        </pc:spChg>
        <pc:spChg chg="mod">
          <ac:chgData name="White, Alex" userId="eff6cc8c-37d8-483b-9c6c-6b27e9afa9bc" providerId="ADAL" clId="{BF04C754-5BF4-4E83-9615-DB14FA25AF8A}" dt="2023-10-12T11:38:08.274" v="295"/>
          <ac:spMkLst>
            <pc:docMk/>
            <pc:sldMk cId="2376958513" sldId="260"/>
            <ac:spMk id="5325" creationId="{2AAB060E-510F-6EE8-8C3B-8F1CACD7999B}"/>
          </ac:spMkLst>
        </pc:spChg>
        <pc:spChg chg="mod">
          <ac:chgData name="White, Alex" userId="eff6cc8c-37d8-483b-9c6c-6b27e9afa9bc" providerId="ADAL" clId="{BF04C754-5BF4-4E83-9615-DB14FA25AF8A}" dt="2023-10-12T11:38:08.274" v="295"/>
          <ac:spMkLst>
            <pc:docMk/>
            <pc:sldMk cId="2376958513" sldId="260"/>
            <ac:spMk id="5326" creationId="{6D4C4F28-ABD0-EE14-B4B4-5F10357B5984}"/>
          </ac:spMkLst>
        </pc:spChg>
        <pc:spChg chg="mod">
          <ac:chgData name="White, Alex" userId="eff6cc8c-37d8-483b-9c6c-6b27e9afa9bc" providerId="ADAL" clId="{BF04C754-5BF4-4E83-9615-DB14FA25AF8A}" dt="2023-10-12T11:38:08.274" v="295"/>
          <ac:spMkLst>
            <pc:docMk/>
            <pc:sldMk cId="2376958513" sldId="260"/>
            <ac:spMk id="5327" creationId="{B8613C09-28B3-DFDA-6D7B-CB970B8E9CBA}"/>
          </ac:spMkLst>
        </pc:spChg>
        <pc:spChg chg="mod">
          <ac:chgData name="White, Alex" userId="eff6cc8c-37d8-483b-9c6c-6b27e9afa9bc" providerId="ADAL" clId="{BF04C754-5BF4-4E83-9615-DB14FA25AF8A}" dt="2023-10-12T11:38:08.274" v="295"/>
          <ac:spMkLst>
            <pc:docMk/>
            <pc:sldMk cId="2376958513" sldId="260"/>
            <ac:spMk id="5328" creationId="{460996F7-DD34-1CEB-2974-E7265BE918A6}"/>
          </ac:spMkLst>
        </pc:spChg>
        <pc:spChg chg="mod">
          <ac:chgData name="White, Alex" userId="eff6cc8c-37d8-483b-9c6c-6b27e9afa9bc" providerId="ADAL" clId="{BF04C754-5BF4-4E83-9615-DB14FA25AF8A}" dt="2023-10-12T11:38:08.274" v="295"/>
          <ac:spMkLst>
            <pc:docMk/>
            <pc:sldMk cId="2376958513" sldId="260"/>
            <ac:spMk id="5329" creationId="{8FA80AD7-2E99-84AD-2779-F7D34F433C88}"/>
          </ac:spMkLst>
        </pc:spChg>
        <pc:spChg chg="mod">
          <ac:chgData name="White, Alex" userId="eff6cc8c-37d8-483b-9c6c-6b27e9afa9bc" providerId="ADAL" clId="{BF04C754-5BF4-4E83-9615-DB14FA25AF8A}" dt="2023-10-12T11:38:08.274" v="295"/>
          <ac:spMkLst>
            <pc:docMk/>
            <pc:sldMk cId="2376958513" sldId="260"/>
            <ac:spMk id="5330" creationId="{1873A292-5507-F85F-546F-30068ED1C5EF}"/>
          </ac:spMkLst>
        </pc:spChg>
        <pc:spChg chg="mod">
          <ac:chgData name="White, Alex" userId="eff6cc8c-37d8-483b-9c6c-6b27e9afa9bc" providerId="ADAL" clId="{BF04C754-5BF4-4E83-9615-DB14FA25AF8A}" dt="2023-10-12T11:38:08.274" v="295"/>
          <ac:spMkLst>
            <pc:docMk/>
            <pc:sldMk cId="2376958513" sldId="260"/>
            <ac:spMk id="5331" creationId="{C390C808-F492-D0C8-4194-1765FD270619}"/>
          </ac:spMkLst>
        </pc:spChg>
        <pc:spChg chg="mod">
          <ac:chgData name="White, Alex" userId="eff6cc8c-37d8-483b-9c6c-6b27e9afa9bc" providerId="ADAL" clId="{BF04C754-5BF4-4E83-9615-DB14FA25AF8A}" dt="2023-10-12T11:38:08.274" v="295"/>
          <ac:spMkLst>
            <pc:docMk/>
            <pc:sldMk cId="2376958513" sldId="260"/>
            <ac:spMk id="5332" creationId="{F351B8E2-817D-11AB-0C23-4418F1A39ABC}"/>
          </ac:spMkLst>
        </pc:spChg>
        <pc:spChg chg="mod">
          <ac:chgData name="White, Alex" userId="eff6cc8c-37d8-483b-9c6c-6b27e9afa9bc" providerId="ADAL" clId="{BF04C754-5BF4-4E83-9615-DB14FA25AF8A}" dt="2023-10-12T11:38:08.274" v="295"/>
          <ac:spMkLst>
            <pc:docMk/>
            <pc:sldMk cId="2376958513" sldId="260"/>
            <ac:spMk id="5333" creationId="{F579EDC9-C27F-2DF7-2F30-181514E9B9B3}"/>
          </ac:spMkLst>
        </pc:spChg>
        <pc:spChg chg="mod">
          <ac:chgData name="White, Alex" userId="eff6cc8c-37d8-483b-9c6c-6b27e9afa9bc" providerId="ADAL" clId="{BF04C754-5BF4-4E83-9615-DB14FA25AF8A}" dt="2023-10-12T11:38:08.274" v="295"/>
          <ac:spMkLst>
            <pc:docMk/>
            <pc:sldMk cId="2376958513" sldId="260"/>
            <ac:spMk id="5334" creationId="{E57F3CC2-A0E5-5566-26BF-33BC15BDE065}"/>
          </ac:spMkLst>
        </pc:spChg>
        <pc:spChg chg="mod">
          <ac:chgData name="White, Alex" userId="eff6cc8c-37d8-483b-9c6c-6b27e9afa9bc" providerId="ADAL" clId="{BF04C754-5BF4-4E83-9615-DB14FA25AF8A}" dt="2023-10-12T11:38:08.274" v="295"/>
          <ac:spMkLst>
            <pc:docMk/>
            <pc:sldMk cId="2376958513" sldId="260"/>
            <ac:spMk id="5335" creationId="{CFAFB818-7D17-91E4-4E93-064C6730C395}"/>
          </ac:spMkLst>
        </pc:spChg>
        <pc:spChg chg="mod">
          <ac:chgData name="White, Alex" userId="eff6cc8c-37d8-483b-9c6c-6b27e9afa9bc" providerId="ADAL" clId="{BF04C754-5BF4-4E83-9615-DB14FA25AF8A}" dt="2023-10-12T11:38:08.274" v="295"/>
          <ac:spMkLst>
            <pc:docMk/>
            <pc:sldMk cId="2376958513" sldId="260"/>
            <ac:spMk id="5336" creationId="{AEF2C013-509E-47A0-4C0C-2FFF427902E6}"/>
          </ac:spMkLst>
        </pc:spChg>
        <pc:spChg chg="mod">
          <ac:chgData name="White, Alex" userId="eff6cc8c-37d8-483b-9c6c-6b27e9afa9bc" providerId="ADAL" clId="{BF04C754-5BF4-4E83-9615-DB14FA25AF8A}" dt="2023-10-12T11:38:08.274" v="295"/>
          <ac:spMkLst>
            <pc:docMk/>
            <pc:sldMk cId="2376958513" sldId="260"/>
            <ac:spMk id="5337" creationId="{D2747B03-9A3C-CBD2-D0E7-95ABAD0F7CF8}"/>
          </ac:spMkLst>
        </pc:spChg>
        <pc:spChg chg="mod">
          <ac:chgData name="White, Alex" userId="eff6cc8c-37d8-483b-9c6c-6b27e9afa9bc" providerId="ADAL" clId="{BF04C754-5BF4-4E83-9615-DB14FA25AF8A}" dt="2023-10-12T11:38:08.274" v="295"/>
          <ac:spMkLst>
            <pc:docMk/>
            <pc:sldMk cId="2376958513" sldId="260"/>
            <ac:spMk id="5338" creationId="{37744D83-62DC-D1DB-89FB-681C06CEBCCB}"/>
          </ac:spMkLst>
        </pc:spChg>
        <pc:spChg chg="mod">
          <ac:chgData name="White, Alex" userId="eff6cc8c-37d8-483b-9c6c-6b27e9afa9bc" providerId="ADAL" clId="{BF04C754-5BF4-4E83-9615-DB14FA25AF8A}" dt="2023-10-12T11:38:08.274" v="295"/>
          <ac:spMkLst>
            <pc:docMk/>
            <pc:sldMk cId="2376958513" sldId="260"/>
            <ac:spMk id="5339" creationId="{857FA22C-737D-CC33-E231-6364417AA25F}"/>
          </ac:spMkLst>
        </pc:spChg>
        <pc:spChg chg="mod">
          <ac:chgData name="White, Alex" userId="eff6cc8c-37d8-483b-9c6c-6b27e9afa9bc" providerId="ADAL" clId="{BF04C754-5BF4-4E83-9615-DB14FA25AF8A}" dt="2023-10-12T11:38:08.274" v="295"/>
          <ac:spMkLst>
            <pc:docMk/>
            <pc:sldMk cId="2376958513" sldId="260"/>
            <ac:spMk id="5340" creationId="{4FC1599C-F202-2DF2-B946-75567A6800DD}"/>
          </ac:spMkLst>
        </pc:spChg>
        <pc:spChg chg="mod">
          <ac:chgData name="White, Alex" userId="eff6cc8c-37d8-483b-9c6c-6b27e9afa9bc" providerId="ADAL" clId="{BF04C754-5BF4-4E83-9615-DB14FA25AF8A}" dt="2023-10-12T11:38:08.274" v="295"/>
          <ac:spMkLst>
            <pc:docMk/>
            <pc:sldMk cId="2376958513" sldId="260"/>
            <ac:spMk id="5341" creationId="{12E2DD7A-EAFA-C998-60E6-76EA5D61D86B}"/>
          </ac:spMkLst>
        </pc:spChg>
        <pc:spChg chg="mod">
          <ac:chgData name="White, Alex" userId="eff6cc8c-37d8-483b-9c6c-6b27e9afa9bc" providerId="ADAL" clId="{BF04C754-5BF4-4E83-9615-DB14FA25AF8A}" dt="2023-10-12T11:38:08.274" v="295"/>
          <ac:spMkLst>
            <pc:docMk/>
            <pc:sldMk cId="2376958513" sldId="260"/>
            <ac:spMk id="5342" creationId="{25A99A60-D20E-83B7-A774-B31CEE8CA3AE}"/>
          </ac:spMkLst>
        </pc:spChg>
        <pc:spChg chg="mod">
          <ac:chgData name="White, Alex" userId="eff6cc8c-37d8-483b-9c6c-6b27e9afa9bc" providerId="ADAL" clId="{BF04C754-5BF4-4E83-9615-DB14FA25AF8A}" dt="2023-10-12T11:38:08.274" v="295"/>
          <ac:spMkLst>
            <pc:docMk/>
            <pc:sldMk cId="2376958513" sldId="260"/>
            <ac:spMk id="5343" creationId="{E5C095F3-905B-A549-D037-FEBA2DD83C1B}"/>
          </ac:spMkLst>
        </pc:spChg>
        <pc:spChg chg="mod">
          <ac:chgData name="White, Alex" userId="eff6cc8c-37d8-483b-9c6c-6b27e9afa9bc" providerId="ADAL" clId="{BF04C754-5BF4-4E83-9615-DB14FA25AF8A}" dt="2023-10-12T11:38:08.274" v="295"/>
          <ac:spMkLst>
            <pc:docMk/>
            <pc:sldMk cId="2376958513" sldId="260"/>
            <ac:spMk id="5344" creationId="{AA3AEFC9-9AA0-BDDC-1377-37294F819662}"/>
          </ac:spMkLst>
        </pc:spChg>
        <pc:spChg chg="mod">
          <ac:chgData name="White, Alex" userId="eff6cc8c-37d8-483b-9c6c-6b27e9afa9bc" providerId="ADAL" clId="{BF04C754-5BF4-4E83-9615-DB14FA25AF8A}" dt="2023-10-12T11:38:08.274" v="295"/>
          <ac:spMkLst>
            <pc:docMk/>
            <pc:sldMk cId="2376958513" sldId="260"/>
            <ac:spMk id="5345" creationId="{2B89B458-29EA-84FC-742F-CD666590B21B}"/>
          </ac:spMkLst>
        </pc:spChg>
        <pc:spChg chg="mod">
          <ac:chgData name="White, Alex" userId="eff6cc8c-37d8-483b-9c6c-6b27e9afa9bc" providerId="ADAL" clId="{BF04C754-5BF4-4E83-9615-DB14FA25AF8A}" dt="2023-10-12T11:38:08.274" v="295"/>
          <ac:spMkLst>
            <pc:docMk/>
            <pc:sldMk cId="2376958513" sldId="260"/>
            <ac:spMk id="5346" creationId="{5FC8098A-9A7B-0D74-3B1F-E69294B0F295}"/>
          </ac:spMkLst>
        </pc:spChg>
        <pc:spChg chg="mod">
          <ac:chgData name="White, Alex" userId="eff6cc8c-37d8-483b-9c6c-6b27e9afa9bc" providerId="ADAL" clId="{BF04C754-5BF4-4E83-9615-DB14FA25AF8A}" dt="2023-10-12T11:38:08.274" v="295"/>
          <ac:spMkLst>
            <pc:docMk/>
            <pc:sldMk cId="2376958513" sldId="260"/>
            <ac:spMk id="5347" creationId="{A4EF027E-73F3-B348-E9C9-4C14F3D31E4E}"/>
          </ac:spMkLst>
        </pc:spChg>
        <pc:spChg chg="mod">
          <ac:chgData name="White, Alex" userId="eff6cc8c-37d8-483b-9c6c-6b27e9afa9bc" providerId="ADAL" clId="{BF04C754-5BF4-4E83-9615-DB14FA25AF8A}" dt="2023-10-12T11:38:08.274" v="295"/>
          <ac:spMkLst>
            <pc:docMk/>
            <pc:sldMk cId="2376958513" sldId="260"/>
            <ac:spMk id="5348" creationId="{4087B9E7-25BF-D984-DEB0-4AE3E32F1564}"/>
          </ac:spMkLst>
        </pc:spChg>
        <pc:spChg chg="mod">
          <ac:chgData name="White, Alex" userId="eff6cc8c-37d8-483b-9c6c-6b27e9afa9bc" providerId="ADAL" clId="{BF04C754-5BF4-4E83-9615-DB14FA25AF8A}" dt="2023-10-12T11:38:08.274" v="295"/>
          <ac:spMkLst>
            <pc:docMk/>
            <pc:sldMk cId="2376958513" sldId="260"/>
            <ac:spMk id="5349" creationId="{AF9C3B2A-88EA-BA9D-300D-37EA2330E978}"/>
          </ac:spMkLst>
        </pc:spChg>
        <pc:spChg chg="mod">
          <ac:chgData name="White, Alex" userId="eff6cc8c-37d8-483b-9c6c-6b27e9afa9bc" providerId="ADAL" clId="{BF04C754-5BF4-4E83-9615-DB14FA25AF8A}" dt="2023-10-12T11:38:08.274" v="295"/>
          <ac:spMkLst>
            <pc:docMk/>
            <pc:sldMk cId="2376958513" sldId="260"/>
            <ac:spMk id="5350" creationId="{5C976958-8913-EF8D-8616-3166A0EA962D}"/>
          </ac:spMkLst>
        </pc:spChg>
        <pc:spChg chg="mod">
          <ac:chgData name="White, Alex" userId="eff6cc8c-37d8-483b-9c6c-6b27e9afa9bc" providerId="ADAL" clId="{BF04C754-5BF4-4E83-9615-DB14FA25AF8A}" dt="2023-10-12T11:38:08.274" v="295"/>
          <ac:spMkLst>
            <pc:docMk/>
            <pc:sldMk cId="2376958513" sldId="260"/>
            <ac:spMk id="5351" creationId="{017B2A69-34FE-2745-8F7C-F756166ABCA3}"/>
          </ac:spMkLst>
        </pc:spChg>
        <pc:spChg chg="mod">
          <ac:chgData name="White, Alex" userId="eff6cc8c-37d8-483b-9c6c-6b27e9afa9bc" providerId="ADAL" clId="{BF04C754-5BF4-4E83-9615-DB14FA25AF8A}" dt="2023-10-12T11:38:08.274" v="295"/>
          <ac:spMkLst>
            <pc:docMk/>
            <pc:sldMk cId="2376958513" sldId="260"/>
            <ac:spMk id="5352" creationId="{22452314-8143-4D34-CA35-A9D7D7E68900}"/>
          </ac:spMkLst>
        </pc:spChg>
        <pc:spChg chg="mod">
          <ac:chgData name="White, Alex" userId="eff6cc8c-37d8-483b-9c6c-6b27e9afa9bc" providerId="ADAL" clId="{BF04C754-5BF4-4E83-9615-DB14FA25AF8A}" dt="2023-10-12T11:38:08.274" v="295"/>
          <ac:spMkLst>
            <pc:docMk/>
            <pc:sldMk cId="2376958513" sldId="260"/>
            <ac:spMk id="5353" creationId="{B17AA1C3-0F14-5440-9769-A0004885814B}"/>
          </ac:spMkLst>
        </pc:spChg>
        <pc:spChg chg="mod">
          <ac:chgData name="White, Alex" userId="eff6cc8c-37d8-483b-9c6c-6b27e9afa9bc" providerId="ADAL" clId="{BF04C754-5BF4-4E83-9615-DB14FA25AF8A}" dt="2023-10-12T11:38:08.274" v="295"/>
          <ac:spMkLst>
            <pc:docMk/>
            <pc:sldMk cId="2376958513" sldId="260"/>
            <ac:spMk id="5354" creationId="{2F69363B-5712-0D7B-B512-6527FE8867D0}"/>
          </ac:spMkLst>
        </pc:spChg>
        <pc:spChg chg="mod">
          <ac:chgData name="White, Alex" userId="eff6cc8c-37d8-483b-9c6c-6b27e9afa9bc" providerId="ADAL" clId="{BF04C754-5BF4-4E83-9615-DB14FA25AF8A}" dt="2023-10-12T11:38:08.274" v="295"/>
          <ac:spMkLst>
            <pc:docMk/>
            <pc:sldMk cId="2376958513" sldId="260"/>
            <ac:spMk id="5355" creationId="{CDC897DE-2FC4-FE22-9C06-3D97CEF2AD71}"/>
          </ac:spMkLst>
        </pc:spChg>
        <pc:spChg chg="mod">
          <ac:chgData name="White, Alex" userId="eff6cc8c-37d8-483b-9c6c-6b27e9afa9bc" providerId="ADAL" clId="{BF04C754-5BF4-4E83-9615-DB14FA25AF8A}" dt="2023-10-12T11:38:08.274" v="295"/>
          <ac:spMkLst>
            <pc:docMk/>
            <pc:sldMk cId="2376958513" sldId="260"/>
            <ac:spMk id="5356" creationId="{D67FD5E6-8638-61EB-6ED7-7EA4037E16B6}"/>
          </ac:spMkLst>
        </pc:spChg>
        <pc:spChg chg="mod">
          <ac:chgData name="White, Alex" userId="eff6cc8c-37d8-483b-9c6c-6b27e9afa9bc" providerId="ADAL" clId="{BF04C754-5BF4-4E83-9615-DB14FA25AF8A}" dt="2023-10-12T11:38:08.274" v="295"/>
          <ac:spMkLst>
            <pc:docMk/>
            <pc:sldMk cId="2376958513" sldId="260"/>
            <ac:spMk id="5357" creationId="{88948905-0F34-D2A7-65FF-E3F4F888AC74}"/>
          </ac:spMkLst>
        </pc:spChg>
        <pc:spChg chg="mod">
          <ac:chgData name="White, Alex" userId="eff6cc8c-37d8-483b-9c6c-6b27e9afa9bc" providerId="ADAL" clId="{BF04C754-5BF4-4E83-9615-DB14FA25AF8A}" dt="2023-10-12T11:38:08.274" v="295"/>
          <ac:spMkLst>
            <pc:docMk/>
            <pc:sldMk cId="2376958513" sldId="260"/>
            <ac:spMk id="5358" creationId="{8048F0BA-7A70-DE04-5827-3BE86B5CF1E5}"/>
          </ac:spMkLst>
        </pc:spChg>
        <pc:spChg chg="mod">
          <ac:chgData name="White, Alex" userId="eff6cc8c-37d8-483b-9c6c-6b27e9afa9bc" providerId="ADAL" clId="{BF04C754-5BF4-4E83-9615-DB14FA25AF8A}" dt="2023-10-12T11:38:08.274" v="295"/>
          <ac:spMkLst>
            <pc:docMk/>
            <pc:sldMk cId="2376958513" sldId="260"/>
            <ac:spMk id="5359" creationId="{74F12A3C-013C-DD71-E95B-E1A699B70D0E}"/>
          </ac:spMkLst>
        </pc:spChg>
        <pc:spChg chg="mod">
          <ac:chgData name="White, Alex" userId="eff6cc8c-37d8-483b-9c6c-6b27e9afa9bc" providerId="ADAL" clId="{BF04C754-5BF4-4E83-9615-DB14FA25AF8A}" dt="2023-10-12T11:38:08.274" v="295"/>
          <ac:spMkLst>
            <pc:docMk/>
            <pc:sldMk cId="2376958513" sldId="260"/>
            <ac:spMk id="5360" creationId="{41334BAE-1EF4-B621-82F1-E594ACE971FB}"/>
          </ac:spMkLst>
        </pc:spChg>
        <pc:spChg chg="mod">
          <ac:chgData name="White, Alex" userId="eff6cc8c-37d8-483b-9c6c-6b27e9afa9bc" providerId="ADAL" clId="{BF04C754-5BF4-4E83-9615-DB14FA25AF8A}" dt="2023-10-12T11:38:08.274" v="295"/>
          <ac:spMkLst>
            <pc:docMk/>
            <pc:sldMk cId="2376958513" sldId="260"/>
            <ac:spMk id="5361" creationId="{A8EA81C2-37BC-052E-1FEF-772720421AD6}"/>
          </ac:spMkLst>
        </pc:spChg>
        <pc:spChg chg="mod">
          <ac:chgData name="White, Alex" userId="eff6cc8c-37d8-483b-9c6c-6b27e9afa9bc" providerId="ADAL" clId="{BF04C754-5BF4-4E83-9615-DB14FA25AF8A}" dt="2023-10-12T11:38:08.274" v="295"/>
          <ac:spMkLst>
            <pc:docMk/>
            <pc:sldMk cId="2376958513" sldId="260"/>
            <ac:spMk id="5362" creationId="{99C3C7B7-5DBE-8DCC-D8FC-1BA8BC41DB9D}"/>
          </ac:spMkLst>
        </pc:spChg>
        <pc:spChg chg="mod">
          <ac:chgData name="White, Alex" userId="eff6cc8c-37d8-483b-9c6c-6b27e9afa9bc" providerId="ADAL" clId="{BF04C754-5BF4-4E83-9615-DB14FA25AF8A}" dt="2023-10-12T11:38:08.274" v="295"/>
          <ac:spMkLst>
            <pc:docMk/>
            <pc:sldMk cId="2376958513" sldId="260"/>
            <ac:spMk id="5363" creationId="{6B0BCDBF-133F-44FD-67A9-CD62154DB861}"/>
          </ac:spMkLst>
        </pc:spChg>
        <pc:spChg chg="mod">
          <ac:chgData name="White, Alex" userId="eff6cc8c-37d8-483b-9c6c-6b27e9afa9bc" providerId="ADAL" clId="{BF04C754-5BF4-4E83-9615-DB14FA25AF8A}" dt="2023-10-12T11:38:08.274" v="295"/>
          <ac:spMkLst>
            <pc:docMk/>
            <pc:sldMk cId="2376958513" sldId="260"/>
            <ac:spMk id="5364" creationId="{9A4CD4FA-497C-31E4-3771-1D150883B5F0}"/>
          </ac:spMkLst>
        </pc:spChg>
        <pc:spChg chg="mod">
          <ac:chgData name="White, Alex" userId="eff6cc8c-37d8-483b-9c6c-6b27e9afa9bc" providerId="ADAL" clId="{BF04C754-5BF4-4E83-9615-DB14FA25AF8A}" dt="2023-10-12T11:38:08.274" v="295"/>
          <ac:spMkLst>
            <pc:docMk/>
            <pc:sldMk cId="2376958513" sldId="260"/>
            <ac:spMk id="5365" creationId="{F570DD7D-9CBE-5B3C-B7EC-F2D45C71CC3E}"/>
          </ac:spMkLst>
        </pc:spChg>
        <pc:spChg chg="mod">
          <ac:chgData name="White, Alex" userId="eff6cc8c-37d8-483b-9c6c-6b27e9afa9bc" providerId="ADAL" clId="{BF04C754-5BF4-4E83-9615-DB14FA25AF8A}" dt="2023-10-12T11:38:08.274" v="295"/>
          <ac:spMkLst>
            <pc:docMk/>
            <pc:sldMk cId="2376958513" sldId="260"/>
            <ac:spMk id="5366" creationId="{DBC7718A-F07C-7300-54AA-D0798D50F741}"/>
          </ac:spMkLst>
        </pc:spChg>
        <pc:spChg chg="mod">
          <ac:chgData name="White, Alex" userId="eff6cc8c-37d8-483b-9c6c-6b27e9afa9bc" providerId="ADAL" clId="{BF04C754-5BF4-4E83-9615-DB14FA25AF8A}" dt="2023-10-12T11:38:08.274" v="295"/>
          <ac:spMkLst>
            <pc:docMk/>
            <pc:sldMk cId="2376958513" sldId="260"/>
            <ac:spMk id="5367" creationId="{A4DC2ADA-E8E0-11E0-5BB4-DA79779788BA}"/>
          </ac:spMkLst>
        </pc:spChg>
        <pc:spChg chg="mod">
          <ac:chgData name="White, Alex" userId="eff6cc8c-37d8-483b-9c6c-6b27e9afa9bc" providerId="ADAL" clId="{BF04C754-5BF4-4E83-9615-DB14FA25AF8A}" dt="2023-10-12T11:38:08.274" v="295"/>
          <ac:spMkLst>
            <pc:docMk/>
            <pc:sldMk cId="2376958513" sldId="260"/>
            <ac:spMk id="5368" creationId="{B10695F4-7ACB-80A6-1BED-210CAC3BF175}"/>
          </ac:spMkLst>
        </pc:spChg>
        <pc:spChg chg="mod">
          <ac:chgData name="White, Alex" userId="eff6cc8c-37d8-483b-9c6c-6b27e9afa9bc" providerId="ADAL" clId="{BF04C754-5BF4-4E83-9615-DB14FA25AF8A}" dt="2023-10-12T11:38:08.274" v="295"/>
          <ac:spMkLst>
            <pc:docMk/>
            <pc:sldMk cId="2376958513" sldId="260"/>
            <ac:spMk id="5369" creationId="{B6AB31BF-46ED-457D-D603-6523139068FB}"/>
          </ac:spMkLst>
        </pc:spChg>
        <pc:spChg chg="mod">
          <ac:chgData name="White, Alex" userId="eff6cc8c-37d8-483b-9c6c-6b27e9afa9bc" providerId="ADAL" clId="{BF04C754-5BF4-4E83-9615-DB14FA25AF8A}" dt="2023-10-12T11:38:08.274" v="295"/>
          <ac:spMkLst>
            <pc:docMk/>
            <pc:sldMk cId="2376958513" sldId="260"/>
            <ac:spMk id="5370" creationId="{68431C76-63DB-E45A-64AA-C6F05DAE452B}"/>
          </ac:spMkLst>
        </pc:spChg>
        <pc:spChg chg="mod">
          <ac:chgData name="White, Alex" userId="eff6cc8c-37d8-483b-9c6c-6b27e9afa9bc" providerId="ADAL" clId="{BF04C754-5BF4-4E83-9615-DB14FA25AF8A}" dt="2023-10-12T11:38:08.274" v="295"/>
          <ac:spMkLst>
            <pc:docMk/>
            <pc:sldMk cId="2376958513" sldId="260"/>
            <ac:spMk id="5371" creationId="{7A780C15-48E4-0B88-5E9B-F0586E966F44}"/>
          </ac:spMkLst>
        </pc:spChg>
        <pc:spChg chg="mod">
          <ac:chgData name="White, Alex" userId="eff6cc8c-37d8-483b-9c6c-6b27e9afa9bc" providerId="ADAL" clId="{BF04C754-5BF4-4E83-9615-DB14FA25AF8A}" dt="2023-10-12T11:38:08.274" v="295"/>
          <ac:spMkLst>
            <pc:docMk/>
            <pc:sldMk cId="2376958513" sldId="260"/>
            <ac:spMk id="5372" creationId="{7A6C0E65-0D02-BF80-05B4-C890C243D852}"/>
          </ac:spMkLst>
        </pc:spChg>
        <pc:spChg chg="mod">
          <ac:chgData name="White, Alex" userId="eff6cc8c-37d8-483b-9c6c-6b27e9afa9bc" providerId="ADAL" clId="{BF04C754-5BF4-4E83-9615-DB14FA25AF8A}" dt="2023-10-12T11:38:08.274" v="295"/>
          <ac:spMkLst>
            <pc:docMk/>
            <pc:sldMk cId="2376958513" sldId="260"/>
            <ac:spMk id="5373" creationId="{5AAC9DE9-E096-C5BD-2A31-640AD22832CD}"/>
          </ac:spMkLst>
        </pc:spChg>
        <pc:spChg chg="mod">
          <ac:chgData name="White, Alex" userId="eff6cc8c-37d8-483b-9c6c-6b27e9afa9bc" providerId="ADAL" clId="{BF04C754-5BF4-4E83-9615-DB14FA25AF8A}" dt="2023-10-12T11:38:08.274" v="295"/>
          <ac:spMkLst>
            <pc:docMk/>
            <pc:sldMk cId="2376958513" sldId="260"/>
            <ac:spMk id="5374" creationId="{0DB2FE98-546D-53B0-AF19-509D3C730E64}"/>
          </ac:spMkLst>
        </pc:spChg>
        <pc:spChg chg="mod">
          <ac:chgData name="White, Alex" userId="eff6cc8c-37d8-483b-9c6c-6b27e9afa9bc" providerId="ADAL" clId="{BF04C754-5BF4-4E83-9615-DB14FA25AF8A}" dt="2023-10-12T11:38:08.274" v="295"/>
          <ac:spMkLst>
            <pc:docMk/>
            <pc:sldMk cId="2376958513" sldId="260"/>
            <ac:spMk id="5375" creationId="{E57B91A8-8BAE-5231-666F-378F6BF84707}"/>
          </ac:spMkLst>
        </pc:spChg>
        <pc:spChg chg="mod">
          <ac:chgData name="White, Alex" userId="eff6cc8c-37d8-483b-9c6c-6b27e9afa9bc" providerId="ADAL" clId="{BF04C754-5BF4-4E83-9615-DB14FA25AF8A}" dt="2023-10-12T11:38:08.274" v="295"/>
          <ac:spMkLst>
            <pc:docMk/>
            <pc:sldMk cId="2376958513" sldId="260"/>
            <ac:spMk id="5376" creationId="{B062965D-E8F1-C153-C13C-4B327C5DE665}"/>
          </ac:spMkLst>
        </pc:spChg>
        <pc:spChg chg="mod">
          <ac:chgData name="White, Alex" userId="eff6cc8c-37d8-483b-9c6c-6b27e9afa9bc" providerId="ADAL" clId="{BF04C754-5BF4-4E83-9615-DB14FA25AF8A}" dt="2023-10-12T11:38:08.274" v="295"/>
          <ac:spMkLst>
            <pc:docMk/>
            <pc:sldMk cId="2376958513" sldId="260"/>
            <ac:spMk id="5377" creationId="{82E55AE8-EC03-072A-A7D0-E072DD7E00A1}"/>
          </ac:spMkLst>
        </pc:spChg>
        <pc:spChg chg="mod">
          <ac:chgData name="White, Alex" userId="eff6cc8c-37d8-483b-9c6c-6b27e9afa9bc" providerId="ADAL" clId="{BF04C754-5BF4-4E83-9615-DB14FA25AF8A}" dt="2023-10-12T11:38:08.274" v="295"/>
          <ac:spMkLst>
            <pc:docMk/>
            <pc:sldMk cId="2376958513" sldId="260"/>
            <ac:spMk id="5378" creationId="{7E22666F-82D0-8DDA-60A1-56C061AB8E8C}"/>
          </ac:spMkLst>
        </pc:spChg>
        <pc:spChg chg="mod">
          <ac:chgData name="White, Alex" userId="eff6cc8c-37d8-483b-9c6c-6b27e9afa9bc" providerId="ADAL" clId="{BF04C754-5BF4-4E83-9615-DB14FA25AF8A}" dt="2023-10-12T11:38:08.274" v="295"/>
          <ac:spMkLst>
            <pc:docMk/>
            <pc:sldMk cId="2376958513" sldId="260"/>
            <ac:spMk id="5379" creationId="{C7B74B3E-C94E-9174-F1ED-CAFD95CF79BA}"/>
          </ac:spMkLst>
        </pc:spChg>
        <pc:spChg chg="mod">
          <ac:chgData name="White, Alex" userId="eff6cc8c-37d8-483b-9c6c-6b27e9afa9bc" providerId="ADAL" clId="{BF04C754-5BF4-4E83-9615-DB14FA25AF8A}" dt="2023-10-12T11:38:08.274" v="295"/>
          <ac:spMkLst>
            <pc:docMk/>
            <pc:sldMk cId="2376958513" sldId="260"/>
            <ac:spMk id="5380" creationId="{73A1F8C5-DC58-B1C0-C000-FE2B80947E4E}"/>
          </ac:spMkLst>
        </pc:spChg>
        <pc:spChg chg="mod">
          <ac:chgData name="White, Alex" userId="eff6cc8c-37d8-483b-9c6c-6b27e9afa9bc" providerId="ADAL" clId="{BF04C754-5BF4-4E83-9615-DB14FA25AF8A}" dt="2023-10-12T11:38:08.274" v="295"/>
          <ac:spMkLst>
            <pc:docMk/>
            <pc:sldMk cId="2376958513" sldId="260"/>
            <ac:spMk id="5381" creationId="{DB42B0DF-CEE1-893D-EF36-B827D19C4443}"/>
          </ac:spMkLst>
        </pc:spChg>
        <pc:spChg chg="mod">
          <ac:chgData name="White, Alex" userId="eff6cc8c-37d8-483b-9c6c-6b27e9afa9bc" providerId="ADAL" clId="{BF04C754-5BF4-4E83-9615-DB14FA25AF8A}" dt="2023-10-12T11:38:08.274" v="295"/>
          <ac:spMkLst>
            <pc:docMk/>
            <pc:sldMk cId="2376958513" sldId="260"/>
            <ac:spMk id="5382" creationId="{8A1CA062-B5E1-1857-111E-B9D3E81DECA9}"/>
          </ac:spMkLst>
        </pc:spChg>
        <pc:spChg chg="mod">
          <ac:chgData name="White, Alex" userId="eff6cc8c-37d8-483b-9c6c-6b27e9afa9bc" providerId="ADAL" clId="{BF04C754-5BF4-4E83-9615-DB14FA25AF8A}" dt="2023-10-12T11:38:08.274" v="295"/>
          <ac:spMkLst>
            <pc:docMk/>
            <pc:sldMk cId="2376958513" sldId="260"/>
            <ac:spMk id="5383" creationId="{A61F0A96-6CA8-D967-9CB7-B9FE8F504858}"/>
          </ac:spMkLst>
        </pc:spChg>
        <pc:spChg chg="mod">
          <ac:chgData name="White, Alex" userId="eff6cc8c-37d8-483b-9c6c-6b27e9afa9bc" providerId="ADAL" clId="{BF04C754-5BF4-4E83-9615-DB14FA25AF8A}" dt="2023-10-12T11:38:08.274" v="295"/>
          <ac:spMkLst>
            <pc:docMk/>
            <pc:sldMk cId="2376958513" sldId="260"/>
            <ac:spMk id="5384" creationId="{FCA4D51D-4847-4E18-F380-5D815138D427}"/>
          </ac:spMkLst>
        </pc:spChg>
        <pc:spChg chg="mod">
          <ac:chgData name="White, Alex" userId="eff6cc8c-37d8-483b-9c6c-6b27e9afa9bc" providerId="ADAL" clId="{BF04C754-5BF4-4E83-9615-DB14FA25AF8A}" dt="2023-10-12T11:38:08.274" v="295"/>
          <ac:spMkLst>
            <pc:docMk/>
            <pc:sldMk cId="2376958513" sldId="260"/>
            <ac:spMk id="5385" creationId="{35BB36CA-4CA5-E4DC-86D6-76521E6D78F7}"/>
          </ac:spMkLst>
        </pc:spChg>
        <pc:spChg chg="mod">
          <ac:chgData name="White, Alex" userId="eff6cc8c-37d8-483b-9c6c-6b27e9afa9bc" providerId="ADAL" clId="{BF04C754-5BF4-4E83-9615-DB14FA25AF8A}" dt="2023-10-12T11:38:08.274" v="295"/>
          <ac:spMkLst>
            <pc:docMk/>
            <pc:sldMk cId="2376958513" sldId="260"/>
            <ac:spMk id="5386" creationId="{0111C014-D93D-18ED-80C0-3AD1CC06FFAC}"/>
          </ac:spMkLst>
        </pc:spChg>
        <pc:spChg chg="mod">
          <ac:chgData name="White, Alex" userId="eff6cc8c-37d8-483b-9c6c-6b27e9afa9bc" providerId="ADAL" clId="{BF04C754-5BF4-4E83-9615-DB14FA25AF8A}" dt="2023-10-12T11:38:08.274" v="295"/>
          <ac:spMkLst>
            <pc:docMk/>
            <pc:sldMk cId="2376958513" sldId="260"/>
            <ac:spMk id="5387" creationId="{9EA8FB76-BE3D-CE63-3279-0BA816A2E9B7}"/>
          </ac:spMkLst>
        </pc:spChg>
        <pc:spChg chg="mod">
          <ac:chgData name="White, Alex" userId="eff6cc8c-37d8-483b-9c6c-6b27e9afa9bc" providerId="ADAL" clId="{BF04C754-5BF4-4E83-9615-DB14FA25AF8A}" dt="2023-10-12T11:38:08.274" v="295"/>
          <ac:spMkLst>
            <pc:docMk/>
            <pc:sldMk cId="2376958513" sldId="260"/>
            <ac:spMk id="5388" creationId="{076B1B7F-CCC8-D5EB-C7DB-338CD6CA9572}"/>
          </ac:spMkLst>
        </pc:spChg>
        <pc:spChg chg="mod">
          <ac:chgData name="White, Alex" userId="eff6cc8c-37d8-483b-9c6c-6b27e9afa9bc" providerId="ADAL" clId="{BF04C754-5BF4-4E83-9615-DB14FA25AF8A}" dt="2023-10-12T11:38:08.274" v="295"/>
          <ac:spMkLst>
            <pc:docMk/>
            <pc:sldMk cId="2376958513" sldId="260"/>
            <ac:spMk id="5389" creationId="{0045A934-D71F-D8BE-20CD-4AAF3318F8D1}"/>
          </ac:spMkLst>
        </pc:spChg>
        <pc:spChg chg="mod">
          <ac:chgData name="White, Alex" userId="eff6cc8c-37d8-483b-9c6c-6b27e9afa9bc" providerId="ADAL" clId="{BF04C754-5BF4-4E83-9615-DB14FA25AF8A}" dt="2023-10-12T11:38:08.274" v="295"/>
          <ac:spMkLst>
            <pc:docMk/>
            <pc:sldMk cId="2376958513" sldId="260"/>
            <ac:spMk id="5390" creationId="{BD1E26D4-B05C-B96B-7203-9F25E4C64DF1}"/>
          </ac:spMkLst>
        </pc:spChg>
        <pc:spChg chg="mod">
          <ac:chgData name="White, Alex" userId="eff6cc8c-37d8-483b-9c6c-6b27e9afa9bc" providerId="ADAL" clId="{BF04C754-5BF4-4E83-9615-DB14FA25AF8A}" dt="2023-10-12T11:38:08.274" v="295"/>
          <ac:spMkLst>
            <pc:docMk/>
            <pc:sldMk cId="2376958513" sldId="260"/>
            <ac:spMk id="5391" creationId="{53AE6687-4046-BD4C-08D5-3380D5DFE265}"/>
          </ac:spMkLst>
        </pc:spChg>
        <pc:spChg chg="mod">
          <ac:chgData name="White, Alex" userId="eff6cc8c-37d8-483b-9c6c-6b27e9afa9bc" providerId="ADAL" clId="{BF04C754-5BF4-4E83-9615-DB14FA25AF8A}" dt="2023-10-12T11:38:08.274" v="295"/>
          <ac:spMkLst>
            <pc:docMk/>
            <pc:sldMk cId="2376958513" sldId="260"/>
            <ac:spMk id="5392" creationId="{1BC343A4-E0C3-C165-B781-733246FCDD4F}"/>
          </ac:spMkLst>
        </pc:spChg>
        <pc:spChg chg="mod">
          <ac:chgData name="White, Alex" userId="eff6cc8c-37d8-483b-9c6c-6b27e9afa9bc" providerId="ADAL" clId="{BF04C754-5BF4-4E83-9615-DB14FA25AF8A}" dt="2023-10-12T11:38:08.274" v="295"/>
          <ac:spMkLst>
            <pc:docMk/>
            <pc:sldMk cId="2376958513" sldId="260"/>
            <ac:spMk id="5393" creationId="{6D626B87-3733-428D-D02B-D590EF56D497}"/>
          </ac:spMkLst>
        </pc:spChg>
        <pc:spChg chg="mod">
          <ac:chgData name="White, Alex" userId="eff6cc8c-37d8-483b-9c6c-6b27e9afa9bc" providerId="ADAL" clId="{BF04C754-5BF4-4E83-9615-DB14FA25AF8A}" dt="2023-10-12T11:38:08.274" v="295"/>
          <ac:spMkLst>
            <pc:docMk/>
            <pc:sldMk cId="2376958513" sldId="260"/>
            <ac:spMk id="5394" creationId="{227AE3FC-83C9-0081-ABA5-EB304A90E6B6}"/>
          </ac:spMkLst>
        </pc:spChg>
        <pc:spChg chg="mod">
          <ac:chgData name="White, Alex" userId="eff6cc8c-37d8-483b-9c6c-6b27e9afa9bc" providerId="ADAL" clId="{BF04C754-5BF4-4E83-9615-DB14FA25AF8A}" dt="2023-10-12T11:38:08.274" v="295"/>
          <ac:spMkLst>
            <pc:docMk/>
            <pc:sldMk cId="2376958513" sldId="260"/>
            <ac:spMk id="5395" creationId="{588F7FCB-3C9B-839B-75F6-A42659CF9806}"/>
          </ac:spMkLst>
        </pc:spChg>
        <pc:spChg chg="mod">
          <ac:chgData name="White, Alex" userId="eff6cc8c-37d8-483b-9c6c-6b27e9afa9bc" providerId="ADAL" clId="{BF04C754-5BF4-4E83-9615-DB14FA25AF8A}" dt="2023-10-12T11:38:08.274" v="295"/>
          <ac:spMkLst>
            <pc:docMk/>
            <pc:sldMk cId="2376958513" sldId="260"/>
            <ac:spMk id="5396" creationId="{2CF3A525-A940-435D-26C5-B1A5E2609CDB}"/>
          </ac:spMkLst>
        </pc:spChg>
        <pc:spChg chg="mod">
          <ac:chgData name="White, Alex" userId="eff6cc8c-37d8-483b-9c6c-6b27e9afa9bc" providerId="ADAL" clId="{BF04C754-5BF4-4E83-9615-DB14FA25AF8A}" dt="2023-10-12T11:38:08.274" v="295"/>
          <ac:spMkLst>
            <pc:docMk/>
            <pc:sldMk cId="2376958513" sldId="260"/>
            <ac:spMk id="5397" creationId="{56671C60-1344-F0FA-43F5-92686ED79DE6}"/>
          </ac:spMkLst>
        </pc:spChg>
        <pc:spChg chg="mod">
          <ac:chgData name="White, Alex" userId="eff6cc8c-37d8-483b-9c6c-6b27e9afa9bc" providerId="ADAL" clId="{BF04C754-5BF4-4E83-9615-DB14FA25AF8A}" dt="2023-10-12T11:38:08.274" v="295"/>
          <ac:spMkLst>
            <pc:docMk/>
            <pc:sldMk cId="2376958513" sldId="260"/>
            <ac:spMk id="5398" creationId="{3F1AA3B9-178B-ED8D-1C04-2C7C79EE73AE}"/>
          </ac:spMkLst>
        </pc:spChg>
        <pc:spChg chg="mod">
          <ac:chgData name="White, Alex" userId="eff6cc8c-37d8-483b-9c6c-6b27e9afa9bc" providerId="ADAL" clId="{BF04C754-5BF4-4E83-9615-DB14FA25AF8A}" dt="2023-10-12T11:38:08.274" v="295"/>
          <ac:spMkLst>
            <pc:docMk/>
            <pc:sldMk cId="2376958513" sldId="260"/>
            <ac:spMk id="5399" creationId="{2CADCE92-FC0F-3DE6-2CE1-1B4DAE520410}"/>
          </ac:spMkLst>
        </pc:spChg>
        <pc:spChg chg="mod">
          <ac:chgData name="White, Alex" userId="eff6cc8c-37d8-483b-9c6c-6b27e9afa9bc" providerId="ADAL" clId="{BF04C754-5BF4-4E83-9615-DB14FA25AF8A}" dt="2023-10-12T11:38:08.274" v="295"/>
          <ac:spMkLst>
            <pc:docMk/>
            <pc:sldMk cId="2376958513" sldId="260"/>
            <ac:spMk id="5400" creationId="{F6497BC6-67D4-F92F-4583-F8A4F6F28E47}"/>
          </ac:spMkLst>
        </pc:spChg>
        <pc:spChg chg="mod">
          <ac:chgData name="White, Alex" userId="eff6cc8c-37d8-483b-9c6c-6b27e9afa9bc" providerId="ADAL" clId="{BF04C754-5BF4-4E83-9615-DB14FA25AF8A}" dt="2023-10-12T11:38:08.274" v="295"/>
          <ac:spMkLst>
            <pc:docMk/>
            <pc:sldMk cId="2376958513" sldId="260"/>
            <ac:spMk id="5401" creationId="{FDBEDCA6-44FD-6B53-C131-B479E8C397FC}"/>
          </ac:spMkLst>
        </pc:spChg>
        <pc:spChg chg="mod">
          <ac:chgData name="White, Alex" userId="eff6cc8c-37d8-483b-9c6c-6b27e9afa9bc" providerId="ADAL" clId="{BF04C754-5BF4-4E83-9615-DB14FA25AF8A}" dt="2023-10-12T11:38:08.274" v="295"/>
          <ac:spMkLst>
            <pc:docMk/>
            <pc:sldMk cId="2376958513" sldId="260"/>
            <ac:spMk id="5402" creationId="{400AF0BC-4603-322A-4481-41667E06D4CC}"/>
          </ac:spMkLst>
        </pc:spChg>
        <pc:spChg chg="mod">
          <ac:chgData name="White, Alex" userId="eff6cc8c-37d8-483b-9c6c-6b27e9afa9bc" providerId="ADAL" clId="{BF04C754-5BF4-4E83-9615-DB14FA25AF8A}" dt="2023-10-12T11:38:08.274" v="295"/>
          <ac:spMkLst>
            <pc:docMk/>
            <pc:sldMk cId="2376958513" sldId="260"/>
            <ac:spMk id="5403" creationId="{052B2513-2AF9-EFEB-CD4C-4AEC2D4B161B}"/>
          </ac:spMkLst>
        </pc:spChg>
        <pc:spChg chg="mod">
          <ac:chgData name="White, Alex" userId="eff6cc8c-37d8-483b-9c6c-6b27e9afa9bc" providerId="ADAL" clId="{BF04C754-5BF4-4E83-9615-DB14FA25AF8A}" dt="2023-10-12T11:38:08.274" v="295"/>
          <ac:spMkLst>
            <pc:docMk/>
            <pc:sldMk cId="2376958513" sldId="260"/>
            <ac:spMk id="5404" creationId="{B6978588-B01B-8296-FDD2-11DBA556769E}"/>
          </ac:spMkLst>
        </pc:spChg>
        <pc:spChg chg="mod">
          <ac:chgData name="White, Alex" userId="eff6cc8c-37d8-483b-9c6c-6b27e9afa9bc" providerId="ADAL" clId="{BF04C754-5BF4-4E83-9615-DB14FA25AF8A}" dt="2023-10-12T11:38:08.274" v="295"/>
          <ac:spMkLst>
            <pc:docMk/>
            <pc:sldMk cId="2376958513" sldId="260"/>
            <ac:spMk id="5405" creationId="{5A910B7D-9B6E-2312-38A8-3D084D076A6B}"/>
          </ac:spMkLst>
        </pc:spChg>
        <pc:spChg chg="mod">
          <ac:chgData name="White, Alex" userId="eff6cc8c-37d8-483b-9c6c-6b27e9afa9bc" providerId="ADAL" clId="{BF04C754-5BF4-4E83-9615-DB14FA25AF8A}" dt="2023-10-12T11:38:08.274" v="295"/>
          <ac:spMkLst>
            <pc:docMk/>
            <pc:sldMk cId="2376958513" sldId="260"/>
            <ac:spMk id="5406" creationId="{DF6372F7-225C-AA08-1185-528A2EBFA657}"/>
          </ac:spMkLst>
        </pc:spChg>
        <pc:spChg chg="mod">
          <ac:chgData name="White, Alex" userId="eff6cc8c-37d8-483b-9c6c-6b27e9afa9bc" providerId="ADAL" clId="{BF04C754-5BF4-4E83-9615-DB14FA25AF8A}" dt="2023-10-12T11:38:08.274" v="295"/>
          <ac:spMkLst>
            <pc:docMk/>
            <pc:sldMk cId="2376958513" sldId="260"/>
            <ac:spMk id="5407" creationId="{1B4FEFDD-7151-B84E-0551-70F9755CBDE4}"/>
          </ac:spMkLst>
        </pc:spChg>
        <pc:spChg chg="mod">
          <ac:chgData name="White, Alex" userId="eff6cc8c-37d8-483b-9c6c-6b27e9afa9bc" providerId="ADAL" clId="{BF04C754-5BF4-4E83-9615-DB14FA25AF8A}" dt="2023-10-12T11:38:08.274" v="295"/>
          <ac:spMkLst>
            <pc:docMk/>
            <pc:sldMk cId="2376958513" sldId="260"/>
            <ac:spMk id="5408" creationId="{E331BD6B-2B37-B2CF-E444-70A14F044B72}"/>
          </ac:spMkLst>
        </pc:spChg>
        <pc:spChg chg="mod">
          <ac:chgData name="White, Alex" userId="eff6cc8c-37d8-483b-9c6c-6b27e9afa9bc" providerId="ADAL" clId="{BF04C754-5BF4-4E83-9615-DB14FA25AF8A}" dt="2023-10-12T11:38:08.274" v="295"/>
          <ac:spMkLst>
            <pc:docMk/>
            <pc:sldMk cId="2376958513" sldId="260"/>
            <ac:spMk id="5409" creationId="{70EFD309-47CF-5AA0-544D-5E85F72CFF6F}"/>
          </ac:spMkLst>
        </pc:spChg>
        <pc:spChg chg="mod">
          <ac:chgData name="White, Alex" userId="eff6cc8c-37d8-483b-9c6c-6b27e9afa9bc" providerId="ADAL" clId="{BF04C754-5BF4-4E83-9615-DB14FA25AF8A}" dt="2023-10-12T11:38:08.274" v="295"/>
          <ac:spMkLst>
            <pc:docMk/>
            <pc:sldMk cId="2376958513" sldId="260"/>
            <ac:spMk id="5410" creationId="{A75FCA65-573A-0350-94D1-4727DC8B4C5F}"/>
          </ac:spMkLst>
        </pc:spChg>
        <pc:spChg chg="mod">
          <ac:chgData name="White, Alex" userId="eff6cc8c-37d8-483b-9c6c-6b27e9afa9bc" providerId="ADAL" clId="{BF04C754-5BF4-4E83-9615-DB14FA25AF8A}" dt="2023-10-12T11:38:08.274" v="295"/>
          <ac:spMkLst>
            <pc:docMk/>
            <pc:sldMk cId="2376958513" sldId="260"/>
            <ac:spMk id="5411" creationId="{EA1C84EB-9E17-09A7-400A-BABEBC4C8FAA}"/>
          </ac:spMkLst>
        </pc:spChg>
        <pc:spChg chg="mod">
          <ac:chgData name="White, Alex" userId="eff6cc8c-37d8-483b-9c6c-6b27e9afa9bc" providerId="ADAL" clId="{BF04C754-5BF4-4E83-9615-DB14FA25AF8A}" dt="2023-10-12T11:38:08.274" v="295"/>
          <ac:spMkLst>
            <pc:docMk/>
            <pc:sldMk cId="2376958513" sldId="260"/>
            <ac:spMk id="5412" creationId="{1F275116-2BC8-666E-F64B-585D515BC2EA}"/>
          </ac:spMkLst>
        </pc:spChg>
        <pc:spChg chg="mod">
          <ac:chgData name="White, Alex" userId="eff6cc8c-37d8-483b-9c6c-6b27e9afa9bc" providerId="ADAL" clId="{BF04C754-5BF4-4E83-9615-DB14FA25AF8A}" dt="2023-10-12T11:38:08.274" v="295"/>
          <ac:spMkLst>
            <pc:docMk/>
            <pc:sldMk cId="2376958513" sldId="260"/>
            <ac:spMk id="5413" creationId="{84AFE7C8-56C3-E156-3088-62EA2F9DB4D4}"/>
          </ac:spMkLst>
        </pc:spChg>
        <pc:spChg chg="mod">
          <ac:chgData name="White, Alex" userId="eff6cc8c-37d8-483b-9c6c-6b27e9afa9bc" providerId="ADAL" clId="{BF04C754-5BF4-4E83-9615-DB14FA25AF8A}" dt="2023-10-12T11:38:08.274" v="295"/>
          <ac:spMkLst>
            <pc:docMk/>
            <pc:sldMk cId="2376958513" sldId="260"/>
            <ac:spMk id="5414" creationId="{027141E8-C369-DC54-992D-E26FA26987B7}"/>
          </ac:spMkLst>
        </pc:spChg>
        <pc:spChg chg="mod">
          <ac:chgData name="White, Alex" userId="eff6cc8c-37d8-483b-9c6c-6b27e9afa9bc" providerId="ADAL" clId="{BF04C754-5BF4-4E83-9615-DB14FA25AF8A}" dt="2023-10-12T11:38:08.274" v="295"/>
          <ac:spMkLst>
            <pc:docMk/>
            <pc:sldMk cId="2376958513" sldId="260"/>
            <ac:spMk id="5415" creationId="{8EB84256-B040-6178-38B5-7EEC714507DD}"/>
          </ac:spMkLst>
        </pc:spChg>
        <pc:spChg chg="mod">
          <ac:chgData name="White, Alex" userId="eff6cc8c-37d8-483b-9c6c-6b27e9afa9bc" providerId="ADAL" clId="{BF04C754-5BF4-4E83-9615-DB14FA25AF8A}" dt="2023-10-12T11:38:08.274" v="295"/>
          <ac:spMkLst>
            <pc:docMk/>
            <pc:sldMk cId="2376958513" sldId="260"/>
            <ac:spMk id="5416" creationId="{17FA3810-C78F-BBAD-3021-6B485FD00D5E}"/>
          </ac:spMkLst>
        </pc:spChg>
        <pc:spChg chg="mod">
          <ac:chgData name="White, Alex" userId="eff6cc8c-37d8-483b-9c6c-6b27e9afa9bc" providerId="ADAL" clId="{BF04C754-5BF4-4E83-9615-DB14FA25AF8A}" dt="2023-10-12T11:38:08.274" v="295"/>
          <ac:spMkLst>
            <pc:docMk/>
            <pc:sldMk cId="2376958513" sldId="260"/>
            <ac:spMk id="5417" creationId="{84C1DEF2-33F7-5E63-3DED-1BC59375A332}"/>
          </ac:spMkLst>
        </pc:spChg>
        <pc:spChg chg="mod">
          <ac:chgData name="White, Alex" userId="eff6cc8c-37d8-483b-9c6c-6b27e9afa9bc" providerId="ADAL" clId="{BF04C754-5BF4-4E83-9615-DB14FA25AF8A}" dt="2023-10-12T11:38:08.274" v="295"/>
          <ac:spMkLst>
            <pc:docMk/>
            <pc:sldMk cId="2376958513" sldId="260"/>
            <ac:spMk id="5418" creationId="{286583CB-A38E-E44D-AA56-D54232A01D73}"/>
          </ac:spMkLst>
        </pc:spChg>
        <pc:spChg chg="mod">
          <ac:chgData name="White, Alex" userId="eff6cc8c-37d8-483b-9c6c-6b27e9afa9bc" providerId="ADAL" clId="{BF04C754-5BF4-4E83-9615-DB14FA25AF8A}" dt="2023-10-12T11:38:08.274" v="295"/>
          <ac:spMkLst>
            <pc:docMk/>
            <pc:sldMk cId="2376958513" sldId="260"/>
            <ac:spMk id="5419" creationId="{3DCDD89F-E257-0C1E-240C-C0D0CE45D956}"/>
          </ac:spMkLst>
        </pc:spChg>
        <pc:spChg chg="mod">
          <ac:chgData name="White, Alex" userId="eff6cc8c-37d8-483b-9c6c-6b27e9afa9bc" providerId="ADAL" clId="{BF04C754-5BF4-4E83-9615-DB14FA25AF8A}" dt="2023-10-12T11:38:08.274" v="295"/>
          <ac:spMkLst>
            <pc:docMk/>
            <pc:sldMk cId="2376958513" sldId="260"/>
            <ac:spMk id="5420" creationId="{D1EEE49E-129D-C078-5673-184DAF838334}"/>
          </ac:spMkLst>
        </pc:spChg>
        <pc:spChg chg="mod">
          <ac:chgData name="White, Alex" userId="eff6cc8c-37d8-483b-9c6c-6b27e9afa9bc" providerId="ADAL" clId="{BF04C754-5BF4-4E83-9615-DB14FA25AF8A}" dt="2023-10-12T11:38:08.274" v="295"/>
          <ac:spMkLst>
            <pc:docMk/>
            <pc:sldMk cId="2376958513" sldId="260"/>
            <ac:spMk id="5421" creationId="{18ED0F57-E8D7-3FE9-E977-391CE6EA24C6}"/>
          </ac:spMkLst>
        </pc:spChg>
        <pc:spChg chg="mod">
          <ac:chgData name="White, Alex" userId="eff6cc8c-37d8-483b-9c6c-6b27e9afa9bc" providerId="ADAL" clId="{BF04C754-5BF4-4E83-9615-DB14FA25AF8A}" dt="2023-10-12T11:38:08.274" v="295"/>
          <ac:spMkLst>
            <pc:docMk/>
            <pc:sldMk cId="2376958513" sldId="260"/>
            <ac:spMk id="5422" creationId="{640C33C2-0B34-9058-2309-017FCDDC3EF6}"/>
          </ac:spMkLst>
        </pc:spChg>
        <pc:spChg chg="mod">
          <ac:chgData name="White, Alex" userId="eff6cc8c-37d8-483b-9c6c-6b27e9afa9bc" providerId="ADAL" clId="{BF04C754-5BF4-4E83-9615-DB14FA25AF8A}" dt="2023-10-12T11:38:08.274" v="295"/>
          <ac:spMkLst>
            <pc:docMk/>
            <pc:sldMk cId="2376958513" sldId="260"/>
            <ac:spMk id="5423" creationId="{FFFEFEEB-83DD-522F-72B1-19A7C22C3FAE}"/>
          </ac:spMkLst>
        </pc:spChg>
        <pc:spChg chg="mod">
          <ac:chgData name="White, Alex" userId="eff6cc8c-37d8-483b-9c6c-6b27e9afa9bc" providerId="ADAL" clId="{BF04C754-5BF4-4E83-9615-DB14FA25AF8A}" dt="2023-10-12T11:38:08.274" v="295"/>
          <ac:spMkLst>
            <pc:docMk/>
            <pc:sldMk cId="2376958513" sldId="260"/>
            <ac:spMk id="5424" creationId="{9978F403-952C-2CF4-8F9B-BF59B00AC7E4}"/>
          </ac:spMkLst>
        </pc:spChg>
        <pc:spChg chg="mod">
          <ac:chgData name="White, Alex" userId="eff6cc8c-37d8-483b-9c6c-6b27e9afa9bc" providerId="ADAL" clId="{BF04C754-5BF4-4E83-9615-DB14FA25AF8A}" dt="2023-10-12T11:38:08.274" v="295"/>
          <ac:spMkLst>
            <pc:docMk/>
            <pc:sldMk cId="2376958513" sldId="260"/>
            <ac:spMk id="5425" creationId="{96F251CE-D404-A32C-1F4E-FCCC2B98D5B8}"/>
          </ac:spMkLst>
        </pc:spChg>
        <pc:spChg chg="mod">
          <ac:chgData name="White, Alex" userId="eff6cc8c-37d8-483b-9c6c-6b27e9afa9bc" providerId="ADAL" clId="{BF04C754-5BF4-4E83-9615-DB14FA25AF8A}" dt="2023-10-12T11:38:08.274" v="295"/>
          <ac:spMkLst>
            <pc:docMk/>
            <pc:sldMk cId="2376958513" sldId="260"/>
            <ac:spMk id="5426" creationId="{5ED13C55-7694-A869-0A49-AFFC36034647}"/>
          </ac:spMkLst>
        </pc:spChg>
        <pc:spChg chg="mod">
          <ac:chgData name="White, Alex" userId="eff6cc8c-37d8-483b-9c6c-6b27e9afa9bc" providerId="ADAL" clId="{BF04C754-5BF4-4E83-9615-DB14FA25AF8A}" dt="2023-10-12T11:38:08.274" v="295"/>
          <ac:spMkLst>
            <pc:docMk/>
            <pc:sldMk cId="2376958513" sldId="260"/>
            <ac:spMk id="5427" creationId="{F428DD51-03B4-73A4-2A64-8A0B86E4E1CA}"/>
          </ac:spMkLst>
        </pc:spChg>
        <pc:spChg chg="mod">
          <ac:chgData name="White, Alex" userId="eff6cc8c-37d8-483b-9c6c-6b27e9afa9bc" providerId="ADAL" clId="{BF04C754-5BF4-4E83-9615-DB14FA25AF8A}" dt="2023-10-12T11:38:08.274" v="295"/>
          <ac:spMkLst>
            <pc:docMk/>
            <pc:sldMk cId="2376958513" sldId="260"/>
            <ac:spMk id="5428" creationId="{3EB2182D-5BFA-EE92-001B-7AB90842011B}"/>
          </ac:spMkLst>
        </pc:spChg>
        <pc:spChg chg="mod">
          <ac:chgData name="White, Alex" userId="eff6cc8c-37d8-483b-9c6c-6b27e9afa9bc" providerId="ADAL" clId="{BF04C754-5BF4-4E83-9615-DB14FA25AF8A}" dt="2023-10-12T11:38:08.274" v="295"/>
          <ac:spMkLst>
            <pc:docMk/>
            <pc:sldMk cId="2376958513" sldId="260"/>
            <ac:spMk id="5429" creationId="{D9E06208-AB6C-42E1-2210-DCEC2671F805}"/>
          </ac:spMkLst>
        </pc:spChg>
        <pc:spChg chg="mod">
          <ac:chgData name="White, Alex" userId="eff6cc8c-37d8-483b-9c6c-6b27e9afa9bc" providerId="ADAL" clId="{BF04C754-5BF4-4E83-9615-DB14FA25AF8A}" dt="2023-10-12T11:38:08.274" v="295"/>
          <ac:spMkLst>
            <pc:docMk/>
            <pc:sldMk cId="2376958513" sldId="260"/>
            <ac:spMk id="5430" creationId="{E5E80C67-8A9B-D0AB-6AE8-49A630719185}"/>
          </ac:spMkLst>
        </pc:spChg>
        <pc:spChg chg="mod">
          <ac:chgData name="White, Alex" userId="eff6cc8c-37d8-483b-9c6c-6b27e9afa9bc" providerId="ADAL" clId="{BF04C754-5BF4-4E83-9615-DB14FA25AF8A}" dt="2023-10-12T11:38:08.274" v="295"/>
          <ac:spMkLst>
            <pc:docMk/>
            <pc:sldMk cId="2376958513" sldId="260"/>
            <ac:spMk id="5431" creationId="{107C7DFF-4E48-FA52-C2DA-C5D610D7278A}"/>
          </ac:spMkLst>
        </pc:spChg>
        <pc:spChg chg="mod">
          <ac:chgData name="White, Alex" userId="eff6cc8c-37d8-483b-9c6c-6b27e9afa9bc" providerId="ADAL" clId="{BF04C754-5BF4-4E83-9615-DB14FA25AF8A}" dt="2023-10-12T11:38:08.274" v="295"/>
          <ac:spMkLst>
            <pc:docMk/>
            <pc:sldMk cId="2376958513" sldId="260"/>
            <ac:spMk id="5432" creationId="{F0687758-987A-C4DE-3A31-28328AB256B8}"/>
          </ac:spMkLst>
        </pc:spChg>
        <pc:spChg chg="mod">
          <ac:chgData name="White, Alex" userId="eff6cc8c-37d8-483b-9c6c-6b27e9afa9bc" providerId="ADAL" clId="{BF04C754-5BF4-4E83-9615-DB14FA25AF8A}" dt="2023-10-12T11:38:08.274" v="295"/>
          <ac:spMkLst>
            <pc:docMk/>
            <pc:sldMk cId="2376958513" sldId="260"/>
            <ac:spMk id="5433" creationId="{FABDA27C-F6E2-D7D9-68B3-2A3364632FF8}"/>
          </ac:spMkLst>
        </pc:spChg>
        <pc:spChg chg="mod">
          <ac:chgData name="White, Alex" userId="eff6cc8c-37d8-483b-9c6c-6b27e9afa9bc" providerId="ADAL" clId="{BF04C754-5BF4-4E83-9615-DB14FA25AF8A}" dt="2023-10-12T11:38:08.274" v="295"/>
          <ac:spMkLst>
            <pc:docMk/>
            <pc:sldMk cId="2376958513" sldId="260"/>
            <ac:spMk id="5434" creationId="{4633D11D-EA85-F71F-0C06-A4178BE39EAB}"/>
          </ac:spMkLst>
        </pc:spChg>
        <pc:spChg chg="mod">
          <ac:chgData name="White, Alex" userId="eff6cc8c-37d8-483b-9c6c-6b27e9afa9bc" providerId="ADAL" clId="{BF04C754-5BF4-4E83-9615-DB14FA25AF8A}" dt="2023-10-12T11:38:08.274" v="295"/>
          <ac:spMkLst>
            <pc:docMk/>
            <pc:sldMk cId="2376958513" sldId="260"/>
            <ac:spMk id="5435" creationId="{EF036EC7-D6CB-1315-6A2E-5445F937048C}"/>
          </ac:spMkLst>
        </pc:spChg>
        <pc:spChg chg="mod">
          <ac:chgData name="White, Alex" userId="eff6cc8c-37d8-483b-9c6c-6b27e9afa9bc" providerId="ADAL" clId="{BF04C754-5BF4-4E83-9615-DB14FA25AF8A}" dt="2023-10-12T11:38:08.274" v="295"/>
          <ac:spMkLst>
            <pc:docMk/>
            <pc:sldMk cId="2376958513" sldId="260"/>
            <ac:spMk id="5436" creationId="{62320A35-D956-E614-4C92-6D194D45BE0D}"/>
          </ac:spMkLst>
        </pc:spChg>
        <pc:spChg chg="mod">
          <ac:chgData name="White, Alex" userId="eff6cc8c-37d8-483b-9c6c-6b27e9afa9bc" providerId="ADAL" clId="{BF04C754-5BF4-4E83-9615-DB14FA25AF8A}" dt="2023-10-12T11:38:08.274" v="295"/>
          <ac:spMkLst>
            <pc:docMk/>
            <pc:sldMk cId="2376958513" sldId="260"/>
            <ac:spMk id="5437" creationId="{CE6EF77C-B710-4F5F-5B9C-D7D8B0BC6430}"/>
          </ac:spMkLst>
        </pc:spChg>
        <pc:spChg chg="mod">
          <ac:chgData name="White, Alex" userId="eff6cc8c-37d8-483b-9c6c-6b27e9afa9bc" providerId="ADAL" clId="{BF04C754-5BF4-4E83-9615-DB14FA25AF8A}" dt="2023-10-12T11:38:08.274" v="295"/>
          <ac:spMkLst>
            <pc:docMk/>
            <pc:sldMk cId="2376958513" sldId="260"/>
            <ac:spMk id="5438" creationId="{E7A0F0EB-1DE6-EA29-FAF9-ECE49093891B}"/>
          </ac:spMkLst>
        </pc:spChg>
        <pc:spChg chg="mod">
          <ac:chgData name="White, Alex" userId="eff6cc8c-37d8-483b-9c6c-6b27e9afa9bc" providerId="ADAL" clId="{BF04C754-5BF4-4E83-9615-DB14FA25AF8A}" dt="2023-10-12T11:38:08.274" v="295"/>
          <ac:spMkLst>
            <pc:docMk/>
            <pc:sldMk cId="2376958513" sldId="260"/>
            <ac:spMk id="5439" creationId="{B4F2BFF0-997B-BDC0-15FF-1A169AAEAED3}"/>
          </ac:spMkLst>
        </pc:spChg>
        <pc:spChg chg="mod">
          <ac:chgData name="White, Alex" userId="eff6cc8c-37d8-483b-9c6c-6b27e9afa9bc" providerId="ADAL" clId="{BF04C754-5BF4-4E83-9615-DB14FA25AF8A}" dt="2023-10-12T11:38:08.274" v="295"/>
          <ac:spMkLst>
            <pc:docMk/>
            <pc:sldMk cId="2376958513" sldId="260"/>
            <ac:spMk id="5440" creationId="{8ACA98B4-B969-7431-D904-89468D74AC45}"/>
          </ac:spMkLst>
        </pc:spChg>
        <pc:spChg chg="mod">
          <ac:chgData name="White, Alex" userId="eff6cc8c-37d8-483b-9c6c-6b27e9afa9bc" providerId="ADAL" clId="{BF04C754-5BF4-4E83-9615-DB14FA25AF8A}" dt="2023-10-12T11:38:08.274" v="295"/>
          <ac:spMkLst>
            <pc:docMk/>
            <pc:sldMk cId="2376958513" sldId="260"/>
            <ac:spMk id="5441" creationId="{BCDBD0E1-836B-DB43-1DE9-9B71D4F55A11}"/>
          </ac:spMkLst>
        </pc:spChg>
        <pc:spChg chg="mod">
          <ac:chgData name="White, Alex" userId="eff6cc8c-37d8-483b-9c6c-6b27e9afa9bc" providerId="ADAL" clId="{BF04C754-5BF4-4E83-9615-DB14FA25AF8A}" dt="2023-10-12T11:38:08.274" v="295"/>
          <ac:spMkLst>
            <pc:docMk/>
            <pc:sldMk cId="2376958513" sldId="260"/>
            <ac:spMk id="5442" creationId="{E8AFEE93-A397-3114-1206-9442B6A10B69}"/>
          </ac:spMkLst>
        </pc:spChg>
        <pc:spChg chg="mod">
          <ac:chgData name="White, Alex" userId="eff6cc8c-37d8-483b-9c6c-6b27e9afa9bc" providerId="ADAL" clId="{BF04C754-5BF4-4E83-9615-DB14FA25AF8A}" dt="2023-10-12T11:38:08.274" v="295"/>
          <ac:spMkLst>
            <pc:docMk/>
            <pc:sldMk cId="2376958513" sldId="260"/>
            <ac:spMk id="5443" creationId="{F5E5DCE2-5D1E-9022-6DFB-EF2A289CFD6A}"/>
          </ac:spMkLst>
        </pc:spChg>
        <pc:spChg chg="mod">
          <ac:chgData name="White, Alex" userId="eff6cc8c-37d8-483b-9c6c-6b27e9afa9bc" providerId="ADAL" clId="{BF04C754-5BF4-4E83-9615-DB14FA25AF8A}" dt="2023-10-12T11:38:08.274" v="295"/>
          <ac:spMkLst>
            <pc:docMk/>
            <pc:sldMk cId="2376958513" sldId="260"/>
            <ac:spMk id="5444" creationId="{9D052308-6115-82D0-699D-E6635B085721}"/>
          </ac:spMkLst>
        </pc:spChg>
        <pc:spChg chg="mod">
          <ac:chgData name="White, Alex" userId="eff6cc8c-37d8-483b-9c6c-6b27e9afa9bc" providerId="ADAL" clId="{BF04C754-5BF4-4E83-9615-DB14FA25AF8A}" dt="2023-10-12T11:38:08.274" v="295"/>
          <ac:spMkLst>
            <pc:docMk/>
            <pc:sldMk cId="2376958513" sldId="260"/>
            <ac:spMk id="5445" creationId="{5CD892C3-209B-01A4-60BB-A4EBB6FFDCC0}"/>
          </ac:spMkLst>
        </pc:spChg>
        <pc:spChg chg="mod">
          <ac:chgData name="White, Alex" userId="eff6cc8c-37d8-483b-9c6c-6b27e9afa9bc" providerId="ADAL" clId="{BF04C754-5BF4-4E83-9615-DB14FA25AF8A}" dt="2023-10-12T11:38:08.274" v="295"/>
          <ac:spMkLst>
            <pc:docMk/>
            <pc:sldMk cId="2376958513" sldId="260"/>
            <ac:spMk id="5446" creationId="{CEBDA72C-1D0E-704F-1FE1-44237750F54E}"/>
          </ac:spMkLst>
        </pc:spChg>
        <pc:spChg chg="mod">
          <ac:chgData name="White, Alex" userId="eff6cc8c-37d8-483b-9c6c-6b27e9afa9bc" providerId="ADAL" clId="{BF04C754-5BF4-4E83-9615-DB14FA25AF8A}" dt="2023-10-12T11:38:08.274" v="295"/>
          <ac:spMkLst>
            <pc:docMk/>
            <pc:sldMk cId="2376958513" sldId="260"/>
            <ac:spMk id="5447" creationId="{BDC816C5-8AC5-30EC-F503-24571D6F5514}"/>
          </ac:spMkLst>
        </pc:spChg>
        <pc:spChg chg="mod">
          <ac:chgData name="White, Alex" userId="eff6cc8c-37d8-483b-9c6c-6b27e9afa9bc" providerId="ADAL" clId="{BF04C754-5BF4-4E83-9615-DB14FA25AF8A}" dt="2023-10-12T11:38:08.274" v="295"/>
          <ac:spMkLst>
            <pc:docMk/>
            <pc:sldMk cId="2376958513" sldId="260"/>
            <ac:spMk id="5448" creationId="{5315B452-5088-3EC5-522A-E580F81B55CF}"/>
          </ac:spMkLst>
        </pc:spChg>
        <pc:spChg chg="mod">
          <ac:chgData name="White, Alex" userId="eff6cc8c-37d8-483b-9c6c-6b27e9afa9bc" providerId="ADAL" clId="{BF04C754-5BF4-4E83-9615-DB14FA25AF8A}" dt="2023-10-12T11:38:08.274" v="295"/>
          <ac:spMkLst>
            <pc:docMk/>
            <pc:sldMk cId="2376958513" sldId="260"/>
            <ac:spMk id="5449" creationId="{A2C62D66-3FB2-8AAE-EABB-28BB54E3209E}"/>
          </ac:spMkLst>
        </pc:spChg>
        <pc:spChg chg="mod">
          <ac:chgData name="White, Alex" userId="eff6cc8c-37d8-483b-9c6c-6b27e9afa9bc" providerId="ADAL" clId="{BF04C754-5BF4-4E83-9615-DB14FA25AF8A}" dt="2023-10-12T11:38:08.274" v="295"/>
          <ac:spMkLst>
            <pc:docMk/>
            <pc:sldMk cId="2376958513" sldId="260"/>
            <ac:spMk id="5450" creationId="{F17EB9F9-B0DB-E882-86FB-F7DEE3119B06}"/>
          </ac:spMkLst>
        </pc:spChg>
        <pc:spChg chg="mod">
          <ac:chgData name="White, Alex" userId="eff6cc8c-37d8-483b-9c6c-6b27e9afa9bc" providerId="ADAL" clId="{BF04C754-5BF4-4E83-9615-DB14FA25AF8A}" dt="2023-10-12T11:38:08.274" v="295"/>
          <ac:spMkLst>
            <pc:docMk/>
            <pc:sldMk cId="2376958513" sldId="260"/>
            <ac:spMk id="5451" creationId="{920D9550-C586-A3CE-B8F3-E73E8A7415E2}"/>
          </ac:spMkLst>
        </pc:spChg>
        <pc:spChg chg="mod">
          <ac:chgData name="White, Alex" userId="eff6cc8c-37d8-483b-9c6c-6b27e9afa9bc" providerId="ADAL" clId="{BF04C754-5BF4-4E83-9615-DB14FA25AF8A}" dt="2023-10-12T11:38:08.274" v="295"/>
          <ac:spMkLst>
            <pc:docMk/>
            <pc:sldMk cId="2376958513" sldId="260"/>
            <ac:spMk id="5452" creationId="{286001A0-877D-97C9-67CE-9D557B0D4380}"/>
          </ac:spMkLst>
        </pc:spChg>
        <pc:spChg chg="mod">
          <ac:chgData name="White, Alex" userId="eff6cc8c-37d8-483b-9c6c-6b27e9afa9bc" providerId="ADAL" clId="{BF04C754-5BF4-4E83-9615-DB14FA25AF8A}" dt="2023-10-12T11:38:08.274" v="295"/>
          <ac:spMkLst>
            <pc:docMk/>
            <pc:sldMk cId="2376958513" sldId="260"/>
            <ac:spMk id="5453" creationId="{6935A2B7-DBEA-17CC-A762-A35ECAD21C31}"/>
          </ac:spMkLst>
        </pc:spChg>
        <pc:spChg chg="mod">
          <ac:chgData name="White, Alex" userId="eff6cc8c-37d8-483b-9c6c-6b27e9afa9bc" providerId="ADAL" clId="{BF04C754-5BF4-4E83-9615-DB14FA25AF8A}" dt="2023-10-12T11:38:08.274" v="295"/>
          <ac:spMkLst>
            <pc:docMk/>
            <pc:sldMk cId="2376958513" sldId="260"/>
            <ac:spMk id="5454" creationId="{D2E94F33-2D50-93CA-FD5C-24CCD58C83B6}"/>
          </ac:spMkLst>
        </pc:spChg>
        <pc:spChg chg="mod">
          <ac:chgData name="White, Alex" userId="eff6cc8c-37d8-483b-9c6c-6b27e9afa9bc" providerId="ADAL" clId="{BF04C754-5BF4-4E83-9615-DB14FA25AF8A}" dt="2023-10-12T11:38:08.274" v="295"/>
          <ac:spMkLst>
            <pc:docMk/>
            <pc:sldMk cId="2376958513" sldId="260"/>
            <ac:spMk id="5455" creationId="{DE2D4AE5-A265-BF41-22B3-E57058A8F2BD}"/>
          </ac:spMkLst>
        </pc:spChg>
        <pc:spChg chg="mod">
          <ac:chgData name="White, Alex" userId="eff6cc8c-37d8-483b-9c6c-6b27e9afa9bc" providerId="ADAL" clId="{BF04C754-5BF4-4E83-9615-DB14FA25AF8A}" dt="2023-10-12T11:38:08.274" v="295"/>
          <ac:spMkLst>
            <pc:docMk/>
            <pc:sldMk cId="2376958513" sldId="260"/>
            <ac:spMk id="5456" creationId="{FA0BB446-E854-DD8E-BEB5-55EE676CF66F}"/>
          </ac:spMkLst>
        </pc:spChg>
        <pc:spChg chg="mod">
          <ac:chgData name="White, Alex" userId="eff6cc8c-37d8-483b-9c6c-6b27e9afa9bc" providerId="ADAL" clId="{BF04C754-5BF4-4E83-9615-DB14FA25AF8A}" dt="2023-10-12T11:38:08.274" v="295"/>
          <ac:spMkLst>
            <pc:docMk/>
            <pc:sldMk cId="2376958513" sldId="260"/>
            <ac:spMk id="5457" creationId="{C1079F59-9C5A-79DA-E273-B91511899A87}"/>
          </ac:spMkLst>
        </pc:spChg>
        <pc:spChg chg="mod">
          <ac:chgData name="White, Alex" userId="eff6cc8c-37d8-483b-9c6c-6b27e9afa9bc" providerId="ADAL" clId="{BF04C754-5BF4-4E83-9615-DB14FA25AF8A}" dt="2023-10-12T11:38:08.274" v="295"/>
          <ac:spMkLst>
            <pc:docMk/>
            <pc:sldMk cId="2376958513" sldId="260"/>
            <ac:spMk id="5458" creationId="{13439C75-C2FE-9D22-A39F-9C5D187DC976}"/>
          </ac:spMkLst>
        </pc:spChg>
        <pc:spChg chg="mod">
          <ac:chgData name="White, Alex" userId="eff6cc8c-37d8-483b-9c6c-6b27e9afa9bc" providerId="ADAL" clId="{BF04C754-5BF4-4E83-9615-DB14FA25AF8A}" dt="2023-10-12T11:38:08.274" v="295"/>
          <ac:spMkLst>
            <pc:docMk/>
            <pc:sldMk cId="2376958513" sldId="260"/>
            <ac:spMk id="5459" creationId="{EF64D3F8-DABC-0E6E-E091-ACA9BA365F70}"/>
          </ac:spMkLst>
        </pc:spChg>
        <pc:spChg chg="mod">
          <ac:chgData name="White, Alex" userId="eff6cc8c-37d8-483b-9c6c-6b27e9afa9bc" providerId="ADAL" clId="{BF04C754-5BF4-4E83-9615-DB14FA25AF8A}" dt="2023-10-12T11:38:08.274" v="295"/>
          <ac:spMkLst>
            <pc:docMk/>
            <pc:sldMk cId="2376958513" sldId="260"/>
            <ac:spMk id="5460" creationId="{A24E6265-8150-B170-3BD6-35E8147714B9}"/>
          </ac:spMkLst>
        </pc:spChg>
        <pc:spChg chg="mod">
          <ac:chgData name="White, Alex" userId="eff6cc8c-37d8-483b-9c6c-6b27e9afa9bc" providerId="ADAL" clId="{BF04C754-5BF4-4E83-9615-DB14FA25AF8A}" dt="2023-10-12T11:38:08.274" v="295"/>
          <ac:spMkLst>
            <pc:docMk/>
            <pc:sldMk cId="2376958513" sldId="260"/>
            <ac:spMk id="5461" creationId="{C1A9638C-F80C-891C-BEFE-F48FAC916A2E}"/>
          </ac:spMkLst>
        </pc:spChg>
        <pc:spChg chg="mod">
          <ac:chgData name="White, Alex" userId="eff6cc8c-37d8-483b-9c6c-6b27e9afa9bc" providerId="ADAL" clId="{BF04C754-5BF4-4E83-9615-DB14FA25AF8A}" dt="2023-10-12T11:38:08.274" v="295"/>
          <ac:spMkLst>
            <pc:docMk/>
            <pc:sldMk cId="2376958513" sldId="260"/>
            <ac:spMk id="5462" creationId="{66F7E8DA-6E8B-38D5-3021-5D16649D5E06}"/>
          </ac:spMkLst>
        </pc:spChg>
        <pc:spChg chg="mod">
          <ac:chgData name="White, Alex" userId="eff6cc8c-37d8-483b-9c6c-6b27e9afa9bc" providerId="ADAL" clId="{BF04C754-5BF4-4E83-9615-DB14FA25AF8A}" dt="2023-10-12T11:38:08.274" v="295"/>
          <ac:spMkLst>
            <pc:docMk/>
            <pc:sldMk cId="2376958513" sldId="260"/>
            <ac:spMk id="5463" creationId="{EDF4D7FE-F410-2AC0-27C6-77D61095EE10}"/>
          </ac:spMkLst>
        </pc:spChg>
        <pc:spChg chg="mod">
          <ac:chgData name="White, Alex" userId="eff6cc8c-37d8-483b-9c6c-6b27e9afa9bc" providerId="ADAL" clId="{BF04C754-5BF4-4E83-9615-DB14FA25AF8A}" dt="2023-10-12T11:38:08.274" v="295"/>
          <ac:spMkLst>
            <pc:docMk/>
            <pc:sldMk cId="2376958513" sldId="260"/>
            <ac:spMk id="5464" creationId="{5B1D6738-498F-BED4-95CD-F27228A75CB8}"/>
          </ac:spMkLst>
        </pc:spChg>
        <pc:spChg chg="mod">
          <ac:chgData name="White, Alex" userId="eff6cc8c-37d8-483b-9c6c-6b27e9afa9bc" providerId="ADAL" clId="{BF04C754-5BF4-4E83-9615-DB14FA25AF8A}" dt="2023-10-12T11:38:08.274" v="295"/>
          <ac:spMkLst>
            <pc:docMk/>
            <pc:sldMk cId="2376958513" sldId="260"/>
            <ac:spMk id="5465" creationId="{341667EE-6DB7-7685-0FBA-6FB71FE118AA}"/>
          </ac:spMkLst>
        </pc:spChg>
        <pc:spChg chg="mod">
          <ac:chgData name="White, Alex" userId="eff6cc8c-37d8-483b-9c6c-6b27e9afa9bc" providerId="ADAL" clId="{BF04C754-5BF4-4E83-9615-DB14FA25AF8A}" dt="2023-10-12T11:38:08.274" v="295"/>
          <ac:spMkLst>
            <pc:docMk/>
            <pc:sldMk cId="2376958513" sldId="260"/>
            <ac:spMk id="5466" creationId="{3355AB87-AD61-DC30-853D-F409E5ED66B7}"/>
          </ac:spMkLst>
        </pc:spChg>
        <pc:spChg chg="mod">
          <ac:chgData name="White, Alex" userId="eff6cc8c-37d8-483b-9c6c-6b27e9afa9bc" providerId="ADAL" clId="{BF04C754-5BF4-4E83-9615-DB14FA25AF8A}" dt="2023-10-12T11:38:08.274" v="295"/>
          <ac:spMkLst>
            <pc:docMk/>
            <pc:sldMk cId="2376958513" sldId="260"/>
            <ac:spMk id="5467" creationId="{17DF5E25-8603-8A4E-844E-596C93CEFFC7}"/>
          </ac:spMkLst>
        </pc:spChg>
        <pc:spChg chg="mod">
          <ac:chgData name="White, Alex" userId="eff6cc8c-37d8-483b-9c6c-6b27e9afa9bc" providerId="ADAL" clId="{BF04C754-5BF4-4E83-9615-DB14FA25AF8A}" dt="2023-10-12T11:38:08.274" v="295"/>
          <ac:spMkLst>
            <pc:docMk/>
            <pc:sldMk cId="2376958513" sldId="260"/>
            <ac:spMk id="5468" creationId="{D7D53EF2-13AB-8CED-5669-CE5F6BAC5B29}"/>
          </ac:spMkLst>
        </pc:spChg>
        <pc:spChg chg="mod">
          <ac:chgData name="White, Alex" userId="eff6cc8c-37d8-483b-9c6c-6b27e9afa9bc" providerId="ADAL" clId="{BF04C754-5BF4-4E83-9615-DB14FA25AF8A}" dt="2023-10-12T11:38:08.274" v="295"/>
          <ac:spMkLst>
            <pc:docMk/>
            <pc:sldMk cId="2376958513" sldId="260"/>
            <ac:spMk id="5469" creationId="{76353B03-28A4-2075-10FA-FFEEA7B163B1}"/>
          </ac:spMkLst>
        </pc:spChg>
        <pc:spChg chg="mod">
          <ac:chgData name="White, Alex" userId="eff6cc8c-37d8-483b-9c6c-6b27e9afa9bc" providerId="ADAL" clId="{BF04C754-5BF4-4E83-9615-DB14FA25AF8A}" dt="2023-10-12T11:38:08.274" v="295"/>
          <ac:spMkLst>
            <pc:docMk/>
            <pc:sldMk cId="2376958513" sldId="260"/>
            <ac:spMk id="5470" creationId="{3363A06C-573C-C0C1-F3EB-B41F4A84AFF2}"/>
          </ac:spMkLst>
        </pc:spChg>
        <pc:spChg chg="mod">
          <ac:chgData name="White, Alex" userId="eff6cc8c-37d8-483b-9c6c-6b27e9afa9bc" providerId="ADAL" clId="{BF04C754-5BF4-4E83-9615-DB14FA25AF8A}" dt="2023-10-12T11:38:08.274" v="295"/>
          <ac:spMkLst>
            <pc:docMk/>
            <pc:sldMk cId="2376958513" sldId="260"/>
            <ac:spMk id="5471" creationId="{E3491843-B718-0B82-2A73-B9C69298AABF}"/>
          </ac:spMkLst>
        </pc:spChg>
        <pc:spChg chg="mod">
          <ac:chgData name="White, Alex" userId="eff6cc8c-37d8-483b-9c6c-6b27e9afa9bc" providerId="ADAL" clId="{BF04C754-5BF4-4E83-9615-DB14FA25AF8A}" dt="2023-10-12T11:38:08.274" v="295"/>
          <ac:spMkLst>
            <pc:docMk/>
            <pc:sldMk cId="2376958513" sldId="260"/>
            <ac:spMk id="5472" creationId="{F53ED251-6FBD-D49A-259F-72416FE6044A}"/>
          </ac:spMkLst>
        </pc:spChg>
        <pc:spChg chg="mod">
          <ac:chgData name="White, Alex" userId="eff6cc8c-37d8-483b-9c6c-6b27e9afa9bc" providerId="ADAL" clId="{BF04C754-5BF4-4E83-9615-DB14FA25AF8A}" dt="2023-10-12T11:38:08.274" v="295"/>
          <ac:spMkLst>
            <pc:docMk/>
            <pc:sldMk cId="2376958513" sldId="260"/>
            <ac:spMk id="5473" creationId="{86294FBE-FA09-AAB2-9B10-6E65D109BACF}"/>
          </ac:spMkLst>
        </pc:spChg>
        <pc:spChg chg="mod">
          <ac:chgData name="White, Alex" userId="eff6cc8c-37d8-483b-9c6c-6b27e9afa9bc" providerId="ADAL" clId="{BF04C754-5BF4-4E83-9615-DB14FA25AF8A}" dt="2023-10-12T11:38:08.274" v="295"/>
          <ac:spMkLst>
            <pc:docMk/>
            <pc:sldMk cId="2376958513" sldId="260"/>
            <ac:spMk id="5474" creationId="{9A843785-39D1-8B71-CBEB-EEC2D5260E6D}"/>
          </ac:spMkLst>
        </pc:spChg>
        <pc:spChg chg="mod">
          <ac:chgData name="White, Alex" userId="eff6cc8c-37d8-483b-9c6c-6b27e9afa9bc" providerId="ADAL" clId="{BF04C754-5BF4-4E83-9615-DB14FA25AF8A}" dt="2023-10-12T11:38:08.274" v="295"/>
          <ac:spMkLst>
            <pc:docMk/>
            <pc:sldMk cId="2376958513" sldId="260"/>
            <ac:spMk id="5475" creationId="{42482DE2-628E-79E6-296D-5835FB22A714}"/>
          </ac:spMkLst>
        </pc:spChg>
        <pc:spChg chg="mod">
          <ac:chgData name="White, Alex" userId="eff6cc8c-37d8-483b-9c6c-6b27e9afa9bc" providerId="ADAL" clId="{BF04C754-5BF4-4E83-9615-DB14FA25AF8A}" dt="2023-10-12T11:38:08.274" v="295"/>
          <ac:spMkLst>
            <pc:docMk/>
            <pc:sldMk cId="2376958513" sldId="260"/>
            <ac:spMk id="5476" creationId="{D0435FC1-DB17-EC47-F288-EB505BC00992}"/>
          </ac:spMkLst>
        </pc:spChg>
        <pc:spChg chg="mod">
          <ac:chgData name="White, Alex" userId="eff6cc8c-37d8-483b-9c6c-6b27e9afa9bc" providerId="ADAL" clId="{BF04C754-5BF4-4E83-9615-DB14FA25AF8A}" dt="2023-10-12T11:38:08.274" v="295"/>
          <ac:spMkLst>
            <pc:docMk/>
            <pc:sldMk cId="2376958513" sldId="260"/>
            <ac:spMk id="5477" creationId="{A9EF96E3-86B8-5DEF-32F9-449E334A08E1}"/>
          </ac:spMkLst>
        </pc:spChg>
        <pc:spChg chg="mod">
          <ac:chgData name="White, Alex" userId="eff6cc8c-37d8-483b-9c6c-6b27e9afa9bc" providerId="ADAL" clId="{BF04C754-5BF4-4E83-9615-DB14FA25AF8A}" dt="2023-10-12T11:38:08.274" v="295"/>
          <ac:spMkLst>
            <pc:docMk/>
            <pc:sldMk cId="2376958513" sldId="260"/>
            <ac:spMk id="5478" creationId="{FCEAEA50-B3F2-B034-2C2C-BE7ABDBC4C43}"/>
          </ac:spMkLst>
        </pc:spChg>
        <pc:spChg chg="mod">
          <ac:chgData name="White, Alex" userId="eff6cc8c-37d8-483b-9c6c-6b27e9afa9bc" providerId="ADAL" clId="{BF04C754-5BF4-4E83-9615-DB14FA25AF8A}" dt="2023-10-12T11:38:08.274" v="295"/>
          <ac:spMkLst>
            <pc:docMk/>
            <pc:sldMk cId="2376958513" sldId="260"/>
            <ac:spMk id="5479" creationId="{F14DA2AE-87EB-96B1-5494-8555A8F48052}"/>
          </ac:spMkLst>
        </pc:spChg>
        <pc:spChg chg="mod">
          <ac:chgData name="White, Alex" userId="eff6cc8c-37d8-483b-9c6c-6b27e9afa9bc" providerId="ADAL" clId="{BF04C754-5BF4-4E83-9615-DB14FA25AF8A}" dt="2023-10-12T11:38:08.274" v="295"/>
          <ac:spMkLst>
            <pc:docMk/>
            <pc:sldMk cId="2376958513" sldId="260"/>
            <ac:spMk id="5480" creationId="{084C5EBB-ED07-B2D7-AFD3-CD34731A106F}"/>
          </ac:spMkLst>
        </pc:spChg>
        <pc:spChg chg="mod">
          <ac:chgData name="White, Alex" userId="eff6cc8c-37d8-483b-9c6c-6b27e9afa9bc" providerId="ADAL" clId="{BF04C754-5BF4-4E83-9615-DB14FA25AF8A}" dt="2023-10-12T11:38:08.274" v="295"/>
          <ac:spMkLst>
            <pc:docMk/>
            <pc:sldMk cId="2376958513" sldId="260"/>
            <ac:spMk id="5481" creationId="{5D4F6B55-9DB9-E220-397E-0B75081AE5E5}"/>
          </ac:spMkLst>
        </pc:spChg>
        <pc:spChg chg="mod">
          <ac:chgData name="White, Alex" userId="eff6cc8c-37d8-483b-9c6c-6b27e9afa9bc" providerId="ADAL" clId="{BF04C754-5BF4-4E83-9615-DB14FA25AF8A}" dt="2023-10-12T11:38:08.274" v="295"/>
          <ac:spMkLst>
            <pc:docMk/>
            <pc:sldMk cId="2376958513" sldId="260"/>
            <ac:spMk id="5482" creationId="{6854980F-5E7D-4DB3-9EF3-3C7707A9FDED}"/>
          </ac:spMkLst>
        </pc:spChg>
        <pc:spChg chg="mod">
          <ac:chgData name="White, Alex" userId="eff6cc8c-37d8-483b-9c6c-6b27e9afa9bc" providerId="ADAL" clId="{BF04C754-5BF4-4E83-9615-DB14FA25AF8A}" dt="2023-10-12T11:38:08.274" v="295"/>
          <ac:spMkLst>
            <pc:docMk/>
            <pc:sldMk cId="2376958513" sldId="260"/>
            <ac:spMk id="5483" creationId="{19684154-7062-F3EF-B4D1-6F951939EC41}"/>
          </ac:spMkLst>
        </pc:spChg>
        <pc:spChg chg="mod">
          <ac:chgData name="White, Alex" userId="eff6cc8c-37d8-483b-9c6c-6b27e9afa9bc" providerId="ADAL" clId="{BF04C754-5BF4-4E83-9615-DB14FA25AF8A}" dt="2023-10-12T11:38:08.274" v="295"/>
          <ac:spMkLst>
            <pc:docMk/>
            <pc:sldMk cId="2376958513" sldId="260"/>
            <ac:spMk id="5484" creationId="{9DD9B722-E2B0-6EBF-B248-F08397220048}"/>
          </ac:spMkLst>
        </pc:spChg>
        <pc:spChg chg="mod">
          <ac:chgData name="White, Alex" userId="eff6cc8c-37d8-483b-9c6c-6b27e9afa9bc" providerId="ADAL" clId="{BF04C754-5BF4-4E83-9615-DB14FA25AF8A}" dt="2023-10-12T11:38:08.274" v="295"/>
          <ac:spMkLst>
            <pc:docMk/>
            <pc:sldMk cId="2376958513" sldId="260"/>
            <ac:spMk id="5485" creationId="{9549EE66-5641-13E0-722A-D52E4748B39F}"/>
          </ac:spMkLst>
        </pc:spChg>
        <pc:spChg chg="mod">
          <ac:chgData name="White, Alex" userId="eff6cc8c-37d8-483b-9c6c-6b27e9afa9bc" providerId="ADAL" clId="{BF04C754-5BF4-4E83-9615-DB14FA25AF8A}" dt="2023-10-12T11:38:08.274" v="295"/>
          <ac:spMkLst>
            <pc:docMk/>
            <pc:sldMk cId="2376958513" sldId="260"/>
            <ac:spMk id="5486" creationId="{B465638A-B8B3-9D1D-9925-E329EBC2E5EF}"/>
          </ac:spMkLst>
        </pc:spChg>
        <pc:spChg chg="mod">
          <ac:chgData name="White, Alex" userId="eff6cc8c-37d8-483b-9c6c-6b27e9afa9bc" providerId="ADAL" clId="{BF04C754-5BF4-4E83-9615-DB14FA25AF8A}" dt="2023-10-12T11:38:08.274" v="295"/>
          <ac:spMkLst>
            <pc:docMk/>
            <pc:sldMk cId="2376958513" sldId="260"/>
            <ac:spMk id="5487" creationId="{2DFF8DB7-B636-A5E5-C763-E773CBF10CD1}"/>
          </ac:spMkLst>
        </pc:spChg>
        <pc:spChg chg="mod">
          <ac:chgData name="White, Alex" userId="eff6cc8c-37d8-483b-9c6c-6b27e9afa9bc" providerId="ADAL" clId="{BF04C754-5BF4-4E83-9615-DB14FA25AF8A}" dt="2023-10-12T11:38:08.274" v="295"/>
          <ac:spMkLst>
            <pc:docMk/>
            <pc:sldMk cId="2376958513" sldId="260"/>
            <ac:spMk id="5488" creationId="{888621C0-AFC9-3DC7-929B-C846C653CF79}"/>
          </ac:spMkLst>
        </pc:spChg>
        <pc:spChg chg="mod">
          <ac:chgData name="White, Alex" userId="eff6cc8c-37d8-483b-9c6c-6b27e9afa9bc" providerId="ADAL" clId="{BF04C754-5BF4-4E83-9615-DB14FA25AF8A}" dt="2023-10-12T11:38:08.274" v="295"/>
          <ac:spMkLst>
            <pc:docMk/>
            <pc:sldMk cId="2376958513" sldId="260"/>
            <ac:spMk id="5489" creationId="{52984223-AAC2-7EF6-6E23-26A212906BC9}"/>
          </ac:spMkLst>
        </pc:spChg>
        <pc:spChg chg="mod">
          <ac:chgData name="White, Alex" userId="eff6cc8c-37d8-483b-9c6c-6b27e9afa9bc" providerId="ADAL" clId="{BF04C754-5BF4-4E83-9615-DB14FA25AF8A}" dt="2023-10-12T11:38:08.274" v="295"/>
          <ac:spMkLst>
            <pc:docMk/>
            <pc:sldMk cId="2376958513" sldId="260"/>
            <ac:spMk id="5490" creationId="{A8906ADC-3B96-2ECF-6800-282377E1DCFF}"/>
          </ac:spMkLst>
        </pc:spChg>
        <pc:spChg chg="mod">
          <ac:chgData name="White, Alex" userId="eff6cc8c-37d8-483b-9c6c-6b27e9afa9bc" providerId="ADAL" clId="{BF04C754-5BF4-4E83-9615-DB14FA25AF8A}" dt="2023-10-12T11:38:08.274" v="295"/>
          <ac:spMkLst>
            <pc:docMk/>
            <pc:sldMk cId="2376958513" sldId="260"/>
            <ac:spMk id="5491" creationId="{BB4531AF-3C8E-7997-748C-D10CF47B84F5}"/>
          </ac:spMkLst>
        </pc:spChg>
        <pc:spChg chg="mod">
          <ac:chgData name="White, Alex" userId="eff6cc8c-37d8-483b-9c6c-6b27e9afa9bc" providerId="ADAL" clId="{BF04C754-5BF4-4E83-9615-DB14FA25AF8A}" dt="2023-10-12T11:38:08.274" v="295"/>
          <ac:spMkLst>
            <pc:docMk/>
            <pc:sldMk cId="2376958513" sldId="260"/>
            <ac:spMk id="5492" creationId="{1B4C0500-7EA3-17BF-4BBE-1D5311322305}"/>
          </ac:spMkLst>
        </pc:spChg>
        <pc:spChg chg="mod">
          <ac:chgData name="White, Alex" userId="eff6cc8c-37d8-483b-9c6c-6b27e9afa9bc" providerId="ADAL" clId="{BF04C754-5BF4-4E83-9615-DB14FA25AF8A}" dt="2023-10-12T11:38:08.274" v="295"/>
          <ac:spMkLst>
            <pc:docMk/>
            <pc:sldMk cId="2376958513" sldId="260"/>
            <ac:spMk id="5493" creationId="{D49DBF9A-38D4-D989-6D3E-7A864001BB8E}"/>
          </ac:spMkLst>
        </pc:spChg>
        <pc:spChg chg="mod">
          <ac:chgData name="White, Alex" userId="eff6cc8c-37d8-483b-9c6c-6b27e9afa9bc" providerId="ADAL" clId="{BF04C754-5BF4-4E83-9615-DB14FA25AF8A}" dt="2023-10-12T11:38:08.274" v="295"/>
          <ac:spMkLst>
            <pc:docMk/>
            <pc:sldMk cId="2376958513" sldId="260"/>
            <ac:spMk id="5494" creationId="{A36062D6-6B41-4914-6694-37B13B9EC023}"/>
          </ac:spMkLst>
        </pc:spChg>
        <pc:spChg chg="mod">
          <ac:chgData name="White, Alex" userId="eff6cc8c-37d8-483b-9c6c-6b27e9afa9bc" providerId="ADAL" clId="{BF04C754-5BF4-4E83-9615-DB14FA25AF8A}" dt="2023-10-12T11:38:08.274" v="295"/>
          <ac:spMkLst>
            <pc:docMk/>
            <pc:sldMk cId="2376958513" sldId="260"/>
            <ac:spMk id="5495" creationId="{EE2C289F-6317-E854-5DE8-290D1FADBE4C}"/>
          </ac:spMkLst>
        </pc:spChg>
        <pc:spChg chg="mod">
          <ac:chgData name="White, Alex" userId="eff6cc8c-37d8-483b-9c6c-6b27e9afa9bc" providerId="ADAL" clId="{BF04C754-5BF4-4E83-9615-DB14FA25AF8A}" dt="2023-10-12T11:38:08.274" v="295"/>
          <ac:spMkLst>
            <pc:docMk/>
            <pc:sldMk cId="2376958513" sldId="260"/>
            <ac:spMk id="5496" creationId="{6D3E8A09-EA62-9B33-8AF2-A59D18D42579}"/>
          </ac:spMkLst>
        </pc:spChg>
        <pc:spChg chg="mod">
          <ac:chgData name="White, Alex" userId="eff6cc8c-37d8-483b-9c6c-6b27e9afa9bc" providerId="ADAL" clId="{BF04C754-5BF4-4E83-9615-DB14FA25AF8A}" dt="2023-10-12T11:38:08.274" v="295"/>
          <ac:spMkLst>
            <pc:docMk/>
            <pc:sldMk cId="2376958513" sldId="260"/>
            <ac:spMk id="5497" creationId="{5156F55F-33C4-045F-8012-E907220A479C}"/>
          </ac:spMkLst>
        </pc:spChg>
        <pc:spChg chg="mod">
          <ac:chgData name="White, Alex" userId="eff6cc8c-37d8-483b-9c6c-6b27e9afa9bc" providerId="ADAL" clId="{BF04C754-5BF4-4E83-9615-DB14FA25AF8A}" dt="2023-10-12T11:38:08.274" v="295"/>
          <ac:spMkLst>
            <pc:docMk/>
            <pc:sldMk cId="2376958513" sldId="260"/>
            <ac:spMk id="5498" creationId="{35098077-C292-5450-3964-D1A53E269990}"/>
          </ac:spMkLst>
        </pc:spChg>
        <pc:spChg chg="mod">
          <ac:chgData name="White, Alex" userId="eff6cc8c-37d8-483b-9c6c-6b27e9afa9bc" providerId="ADAL" clId="{BF04C754-5BF4-4E83-9615-DB14FA25AF8A}" dt="2023-10-12T11:38:08.274" v="295"/>
          <ac:spMkLst>
            <pc:docMk/>
            <pc:sldMk cId="2376958513" sldId="260"/>
            <ac:spMk id="5499" creationId="{E2D7D566-CA49-D6EA-595B-64590F46DC77}"/>
          </ac:spMkLst>
        </pc:spChg>
        <pc:spChg chg="mod">
          <ac:chgData name="White, Alex" userId="eff6cc8c-37d8-483b-9c6c-6b27e9afa9bc" providerId="ADAL" clId="{BF04C754-5BF4-4E83-9615-DB14FA25AF8A}" dt="2023-10-12T11:38:08.274" v="295"/>
          <ac:spMkLst>
            <pc:docMk/>
            <pc:sldMk cId="2376958513" sldId="260"/>
            <ac:spMk id="5500" creationId="{D4E34AD6-053F-8F75-C7B2-46AD2CD3B39C}"/>
          </ac:spMkLst>
        </pc:spChg>
        <pc:spChg chg="mod">
          <ac:chgData name="White, Alex" userId="eff6cc8c-37d8-483b-9c6c-6b27e9afa9bc" providerId="ADAL" clId="{BF04C754-5BF4-4E83-9615-DB14FA25AF8A}" dt="2023-10-12T11:38:08.274" v="295"/>
          <ac:spMkLst>
            <pc:docMk/>
            <pc:sldMk cId="2376958513" sldId="260"/>
            <ac:spMk id="5501" creationId="{A5838012-F36A-7DC4-BCD7-063AD0C0EA7B}"/>
          </ac:spMkLst>
        </pc:spChg>
        <pc:spChg chg="mod">
          <ac:chgData name="White, Alex" userId="eff6cc8c-37d8-483b-9c6c-6b27e9afa9bc" providerId="ADAL" clId="{BF04C754-5BF4-4E83-9615-DB14FA25AF8A}" dt="2023-10-12T11:38:08.274" v="295"/>
          <ac:spMkLst>
            <pc:docMk/>
            <pc:sldMk cId="2376958513" sldId="260"/>
            <ac:spMk id="5502" creationId="{EA7B13E7-705D-1D5C-EEC5-FA0099A1421B}"/>
          </ac:spMkLst>
        </pc:spChg>
        <pc:spChg chg="mod">
          <ac:chgData name="White, Alex" userId="eff6cc8c-37d8-483b-9c6c-6b27e9afa9bc" providerId="ADAL" clId="{BF04C754-5BF4-4E83-9615-DB14FA25AF8A}" dt="2023-10-12T11:38:08.274" v="295"/>
          <ac:spMkLst>
            <pc:docMk/>
            <pc:sldMk cId="2376958513" sldId="260"/>
            <ac:spMk id="5503" creationId="{9B338790-1564-D69F-B8FA-6587A2C22259}"/>
          </ac:spMkLst>
        </pc:spChg>
        <pc:spChg chg="mod">
          <ac:chgData name="White, Alex" userId="eff6cc8c-37d8-483b-9c6c-6b27e9afa9bc" providerId="ADAL" clId="{BF04C754-5BF4-4E83-9615-DB14FA25AF8A}" dt="2023-10-12T11:38:08.274" v="295"/>
          <ac:spMkLst>
            <pc:docMk/>
            <pc:sldMk cId="2376958513" sldId="260"/>
            <ac:spMk id="5504" creationId="{C645F16A-200D-EB86-0CCF-53BF7B723358}"/>
          </ac:spMkLst>
        </pc:spChg>
        <pc:spChg chg="mod">
          <ac:chgData name="White, Alex" userId="eff6cc8c-37d8-483b-9c6c-6b27e9afa9bc" providerId="ADAL" clId="{BF04C754-5BF4-4E83-9615-DB14FA25AF8A}" dt="2023-10-12T11:38:08.274" v="295"/>
          <ac:spMkLst>
            <pc:docMk/>
            <pc:sldMk cId="2376958513" sldId="260"/>
            <ac:spMk id="5505" creationId="{B68D3E58-07EB-5051-A7DB-117BBABC5BF1}"/>
          </ac:spMkLst>
        </pc:spChg>
        <pc:spChg chg="mod">
          <ac:chgData name="White, Alex" userId="eff6cc8c-37d8-483b-9c6c-6b27e9afa9bc" providerId="ADAL" clId="{BF04C754-5BF4-4E83-9615-DB14FA25AF8A}" dt="2023-10-12T11:38:08.274" v="295"/>
          <ac:spMkLst>
            <pc:docMk/>
            <pc:sldMk cId="2376958513" sldId="260"/>
            <ac:spMk id="5506" creationId="{550B069F-2B48-66B7-7A87-D86AA9559B9F}"/>
          </ac:spMkLst>
        </pc:spChg>
        <pc:spChg chg="mod">
          <ac:chgData name="White, Alex" userId="eff6cc8c-37d8-483b-9c6c-6b27e9afa9bc" providerId="ADAL" clId="{BF04C754-5BF4-4E83-9615-DB14FA25AF8A}" dt="2023-10-12T11:38:08.274" v="295"/>
          <ac:spMkLst>
            <pc:docMk/>
            <pc:sldMk cId="2376958513" sldId="260"/>
            <ac:spMk id="5507" creationId="{5DC5BEB1-6AB9-8A67-6630-F933CC137F63}"/>
          </ac:spMkLst>
        </pc:spChg>
        <pc:spChg chg="mod">
          <ac:chgData name="White, Alex" userId="eff6cc8c-37d8-483b-9c6c-6b27e9afa9bc" providerId="ADAL" clId="{BF04C754-5BF4-4E83-9615-DB14FA25AF8A}" dt="2023-10-12T11:38:08.274" v="295"/>
          <ac:spMkLst>
            <pc:docMk/>
            <pc:sldMk cId="2376958513" sldId="260"/>
            <ac:spMk id="5508" creationId="{438C54AB-2DD0-5A12-B928-CBF6E675BE52}"/>
          </ac:spMkLst>
        </pc:spChg>
        <pc:spChg chg="mod">
          <ac:chgData name="White, Alex" userId="eff6cc8c-37d8-483b-9c6c-6b27e9afa9bc" providerId="ADAL" clId="{BF04C754-5BF4-4E83-9615-DB14FA25AF8A}" dt="2023-10-12T11:38:08.274" v="295"/>
          <ac:spMkLst>
            <pc:docMk/>
            <pc:sldMk cId="2376958513" sldId="260"/>
            <ac:spMk id="5509" creationId="{1AFE3E7D-92B1-EAA9-D5A2-75D796CE4EC1}"/>
          </ac:spMkLst>
        </pc:spChg>
        <pc:spChg chg="mod">
          <ac:chgData name="White, Alex" userId="eff6cc8c-37d8-483b-9c6c-6b27e9afa9bc" providerId="ADAL" clId="{BF04C754-5BF4-4E83-9615-DB14FA25AF8A}" dt="2023-10-12T11:38:08.274" v="295"/>
          <ac:spMkLst>
            <pc:docMk/>
            <pc:sldMk cId="2376958513" sldId="260"/>
            <ac:spMk id="5510" creationId="{FFF8AEF3-C835-062B-FB82-F8771C946D87}"/>
          </ac:spMkLst>
        </pc:spChg>
        <pc:spChg chg="mod">
          <ac:chgData name="White, Alex" userId="eff6cc8c-37d8-483b-9c6c-6b27e9afa9bc" providerId="ADAL" clId="{BF04C754-5BF4-4E83-9615-DB14FA25AF8A}" dt="2023-10-12T11:38:08.274" v="295"/>
          <ac:spMkLst>
            <pc:docMk/>
            <pc:sldMk cId="2376958513" sldId="260"/>
            <ac:spMk id="5511" creationId="{BF447009-B7A0-42EA-FFE7-7280EBCB45D0}"/>
          </ac:spMkLst>
        </pc:spChg>
        <pc:spChg chg="mod">
          <ac:chgData name="White, Alex" userId="eff6cc8c-37d8-483b-9c6c-6b27e9afa9bc" providerId="ADAL" clId="{BF04C754-5BF4-4E83-9615-DB14FA25AF8A}" dt="2023-10-12T11:38:08.274" v="295"/>
          <ac:spMkLst>
            <pc:docMk/>
            <pc:sldMk cId="2376958513" sldId="260"/>
            <ac:spMk id="5512" creationId="{20335AB9-E05B-429B-8839-006CE0A0EEB4}"/>
          </ac:spMkLst>
        </pc:spChg>
        <pc:spChg chg="mod">
          <ac:chgData name="White, Alex" userId="eff6cc8c-37d8-483b-9c6c-6b27e9afa9bc" providerId="ADAL" clId="{BF04C754-5BF4-4E83-9615-DB14FA25AF8A}" dt="2023-10-12T11:38:08.274" v="295"/>
          <ac:spMkLst>
            <pc:docMk/>
            <pc:sldMk cId="2376958513" sldId="260"/>
            <ac:spMk id="5513" creationId="{E21B780B-A17C-EF2A-DE57-A8B2AC6308C6}"/>
          </ac:spMkLst>
        </pc:spChg>
        <pc:spChg chg="mod">
          <ac:chgData name="White, Alex" userId="eff6cc8c-37d8-483b-9c6c-6b27e9afa9bc" providerId="ADAL" clId="{BF04C754-5BF4-4E83-9615-DB14FA25AF8A}" dt="2023-10-12T11:38:08.274" v="295"/>
          <ac:spMkLst>
            <pc:docMk/>
            <pc:sldMk cId="2376958513" sldId="260"/>
            <ac:spMk id="5514" creationId="{617A076F-AB13-8BA7-E068-398DFABC950B}"/>
          </ac:spMkLst>
        </pc:spChg>
        <pc:spChg chg="mod">
          <ac:chgData name="White, Alex" userId="eff6cc8c-37d8-483b-9c6c-6b27e9afa9bc" providerId="ADAL" clId="{BF04C754-5BF4-4E83-9615-DB14FA25AF8A}" dt="2023-10-12T11:38:08.274" v="295"/>
          <ac:spMkLst>
            <pc:docMk/>
            <pc:sldMk cId="2376958513" sldId="260"/>
            <ac:spMk id="5515" creationId="{1D1BCA54-B2B2-44E9-8685-D0536D65F7A7}"/>
          </ac:spMkLst>
        </pc:spChg>
        <pc:spChg chg="mod">
          <ac:chgData name="White, Alex" userId="eff6cc8c-37d8-483b-9c6c-6b27e9afa9bc" providerId="ADAL" clId="{BF04C754-5BF4-4E83-9615-DB14FA25AF8A}" dt="2023-10-12T11:38:08.274" v="295"/>
          <ac:spMkLst>
            <pc:docMk/>
            <pc:sldMk cId="2376958513" sldId="260"/>
            <ac:spMk id="5516" creationId="{A8B280A6-1D55-D54E-D374-D9E63540E622}"/>
          </ac:spMkLst>
        </pc:spChg>
        <pc:spChg chg="mod">
          <ac:chgData name="White, Alex" userId="eff6cc8c-37d8-483b-9c6c-6b27e9afa9bc" providerId="ADAL" clId="{BF04C754-5BF4-4E83-9615-DB14FA25AF8A}" dt="2023-10-12T11:38:08.274" v="295"/>
          <ac:spMkLst>
            <pc:docMk/>
            <pc:sldMk cId="2376958513" sldId="260"/>
            <ac:spMk id="5517" creationId="{F1B8B31D-B1C2-9096-4541-74E24B3E1AA9}"/>
          </ac:spMkLst>
        </pc:spChg>
        <pc:spChg chg="mod">
          <ac:chgData name="White, Alex" userId="eff6cc8c-37d8-483b-9c6c-6b27e9afa9bc" providerId="ADAL" clId="{BF04C754-5BF4-4E83-9615-DB14FA25AF8A}" dt="2023-10-12T11:38:08.274" v="295"/>
          <ac:spMkLst>
            <pc:docMk/>
            <pc:sldMk cId="2376958513" sldId="260"/>
            <ac:spMk id="5518" creationId="{63BC62F9-4388-1FAE-222C-3F12E2FA3407}"/>
          </ac:spMkLst>
        </pc:spChg>
        <pc:spChg chg="mod">
          <ac:chgData name="White, Alex" userId="eff6cc8c-37d8-483b-9c6c-6b27e9afa9bc" providerId="ADAL" clId="{BF04C754-5BF4-4E83-9615-DB14FA25AF8A}" dt="2023-10-12T11:38:08.274" v="295"/>
          <ac:spMkLst>
            <pc:docMk/>
            <pc:sldMk cId="2376958513" sldId="260"/>
            <ac:spMk id="5519" creationId="{92B2C8B0-C45F-D492-D988-EA4025809F43}"/>
          </ac:spMkLst>
        </pc:spChg>
        <pc:spChg chg="mod">
          <ac:chgData name="White, Alex" userId="eff6cc8c-37d8-483b-9c6c-6b27e9afa9bc" providerId="ADAL" clId="{BF04C754-5BF4-4E83-9615-DB14FA25AF8A}" dt="2023-10-12T11:38:08.274" v="295"/>
          <ac:spMkLst>
            <pc:docMk/>
            <pc:sldMk cId="2376958513" sldId="260"/>
            <ac:spMk id="5520" creationId="{5CB40951-FB74-A32F-F0B7-32ECD613EAEA}"/>
          </ac:spMkLst>
        </pc:spChg>
        <pc:spChg chg="mod">
          <ac:chgData name="White, Alex" userId="eff6cc8c-37d8-483b-9c6c-6b27e9afa9bc" providerId="ADAL" clId="{BF04C754-5BF4-4E83-9615-DB14FA25AF8A}" dt="2023-10-12T11:38:08.274" v="295"/>
          <ac:spMkLst>
            <pc:docMk/>
            <pc:sldMk cId="2376958513" sldId="260"/>
            <ac:spMk id="5521" creationId="{A91CF0B1-A1FF-FF5F-0159-F8627B993854}"/>
          </ac:spMkLst>
        </pc:spChg>
        <pc:spChg chg="mod">
          <ac:chgData name="White, Alex" userId="eff6cc8c-37d8-483b-9c6c-6b27e9afa9bc" providerId="ADAL" clId="{BF04C754-5BF4-4E83-9615-DB14FA25AF8A}" dt="2023-10-12T11:38:08.274" v="295"/>
          <ac:spMkLst>
            <pc:docMk/>
            <pc:sldMk cId="2376958513" sldId="260"/>
            <ac:spMk id="5522" creationId="{864C213A-2ABB-0152-E008-45591657749E}"/>
          </ac:spMkLst>
        </pc:spChg>
        <pc:spChg chg="mod">
          <ac:chgData name="White, Alex" userId="eff6cc8c-37d8-483b-9c6c-6b27e9afa9bc" providerId="ADAL" clId="{BF04C754-5BF4-4E83-9615-DB14FA25AF8A}" dt="2023-10-12T11:38:08.274" v="295"/>
          <ac:spMkLst>
            <pc:docMk/>
            <pc:sldMk cId="2376958513" sldId="260"/>
            <ac:spMk id="5523" creationId="{EC523215-215A-BEA6-5349-66F2BBEAECAD}"/>
          </ac:spMkLst>
        </pc:spChg>
        <pc:spChg chg="mod">
          <ac:chgData name="White, Alex" userId="eff6cc8c-37d8-483b-9c6c-6b27e9afa9bc" providerId="ADAL" clId="{BF04C754-5BF4-4E83-9615-DB14FA25AF8A}" dt="2023-10-12T11:38:08.274" v="295"/>
          <ac:spMkLst>
            <pc:docMk/>
            <pc:sldMk cId="2376958513" sldId="260"/>
            <ac:spMk id="5524" creationId="{BFDEC4A1-A07F-D406-25E8-FBD298F27EAF}"/>
          </ac:spMkLst>
        </pc:spChg>
        <pc:spChg chg="mod">
          <ac:chgData name="White, Alex" userId="eff6cc8c-37d8-483b-9c6c-6b27e9afa9bc" providerId="ADAL" clId="{BF04C754-5BF4-4E83-9615-DB14FA25AF8A}" dt="2023-10-12T11:38:08.274" v="295"/>
          <ac:spMkLst>
            <pc:docMk/>
            <pc:sldMk cId="2376958513" sldId="260"/>
            <ac:spMk id="5525" creationId="{7F323C54-11C4-7304-799C-90FCE2E3D2C7}"/>
          </ac:spMkLst>
        </pc:spChg>
        <pc:spChg chg="mod">
          <ac:chgData name="White, Alex" userId="eff6cc8c-37d8-483b-9c6c-6b27e9afa9bc" providerId="ADAL" clId="{BF04C754-5BF4-4E83-9615-DB14FA25AF8A}" dt="2023-10-12T11:38:08.274" v="295"/>
          <ac:spMkLst>
            <pc:docMk/>
            <pc:sldMk cId="2376958513" sldId="260"/>
            <ac:spMk id="5526" creationId="{3670B671-EEFA-4B52-37D9-1727B5F21DF5}"/>
          </ac:spMkLst>
        </pc:spChg>
        <pc:spChg chg="mod">
          <ac:chgData name="White, Alex" userId="eff6cc8c-37d8-483b-9c6c-6b27e9afa9bc" providerId="ADAL" clId="{BF04C754-5BF4-4E83-9615-DB14FA25AF8A}" dt="2023-10-12T11:38:08.274" v="295"/>
          <ac:spMkLst>
            <pc:docMk/>
            <pc:sldMk cId="2376958513" sldId="260"/>
            <ac:spMk id="5527" creationId="{556ADCC8-C70B-86E1-A5DF-DCCFBFBF4E79}"/>
          </ac:spMkLst>
        </pc:spChg>
        <pc:spChg chg="mod">
          <ac:chgData name="White, Alex" userId="eff6cc8c-37d8-483b-9c6c-6b27e9afa9bc" providerId="ADAL" clId="{BF04C754-5BF4-4E83-9615-DB14FA25AF8A}" dt="2023-10-12T11:38:08.274" v="295"/>
          <ac:spMkLst>
            <pc:docMk/>
            <pc:sldMk cId="2376958513" sldId="260"/>
            <ac:spMk id="5528" creationId="{BBCFE445-9CCA-52C8-CFC7-2D98B62CD896}"/>
          </ac:spMkLst>
        </pc:spChg>
        <pc:spChg chg="mod">
          <ac:chgData name="White, Alex" userId="eff6cc8c-37d8-483b-9c6c-6b27e9afa9bc" providerId="ADAL" clId="{BF04C754-5BF4-4E83-9615-DB14FA25AF8A}" dt="2023-10-12T11:38:08.274" v="295"/>
          <ac:spMkLst>
            <pc:docMk/>
            <pc:sldMk cId="2376958513" sldId="260"/>
            <ac:spMk id="5529" creationId="{767CC0EA-2D5A-79D7-F763-6AD5C71EB53D}"/>
          </ac:spMkLst>
        </pc:spChg>
        <pc:spChg chg="mod">
          <ac:chgData name="White, Alex" userId="eff6cc8c-37d8-483b-9c6c-6b27e9afa9bc" providerId="ADAL" clId="{BF04C754-5BF4-4E83-9615-DB14FA25AF8A}" dt="2023-10-12T11:38:08.274" v="295"/>
          <ac:spMkLst>
            <pc:docMk/>
            <pc:sldMk cId="2376958513" sldId="260"/>
            <ac:spMk id="5530" creationId="{C00707ED-C63A-D0D4-A897-4E18B70A453F}"/>
          </ac:spMkLst>
        </pc:spChg>
        <pc:spChg chg="mod">
          <ac:chgData name="White, Alex" userId="eff6cc8c-37d8-483b-9c6c-6b27e9afa9bc" providerId="ADAL" clId="{BF04C754-5BF4-4E83-9615-DB14FA25AF8A}" dt="2023-10-12T11:38:08.274" v="295"/>
          <ac:spMkLst>
            <pc:docMk/>
            <pc:sldMk cId="2376958513" sldId="260"/>
            <ac:spMk id="5531" creationId="{E5E79934-DC04-AFF0-B7F1-CD60CA9BCD39}"/>
          </ac:spMkLst>
        </pc:spChg>
        <pc:spChg chg="mod">
          <ac:chgData name="White, Alex" userId="eff6cc8c-37d8-483b-9c6c-6b27e9afa9bc" providerId="ADAL" clId="{BF04C754-5BF4-4E83-9615-DB14FA25AF8A}" dt="2023-10-12T11:38:08.274" v="295"/>
          <ac:spMkLst>
            <pc:docMk/>
            <pc:sldMk cId="2376958513" sldId="260"/>
            <ac:spMk id="5532" creationId="{F232E366-A84E-8F10-B2B2-660B102F4415}"/>
          </ac:spMkLst>
        </pc:spChg>
        <pc:spChg chg="mod">
          <ac:chgData name="White, Alex" userId="eff6cc8c-37d8-483b-9c6c-6b27e9afa9bc" providerId="ADAL" clId="{BF04C754-5BF4-4E83-9615-DB14FA25AF8A}" dt="2023-10-12T11:38:08.274" v="295"/>
          <ac:spMkLst>
            <pc:docMk/>
            <pc:sldMk cId="2376958513" sldId="260"/>
            <ac:spMk id="5533" creationId="{9251BD15-BD22-5D7D-A0E7-C62BBEC8454A}"/>
          </ac:spMkLst>
        </pc:spChg>
        <pc:spChg chg="mod">
          <ac:chgData name="White, Alex" userId="eff6cc8c-37d8-483b-9c6c-6b27e9afa9bc" providerId="ADAL" clId="{BF04C754-5BF4-4E83-9615-DB14FA25AF8A}" dt="2023-10-12T11:38:08.274" v="295"/>
          <ac:spMkLst>
            <pc:docMk/>
            <pc:sldMk cId="2376958513" sldId="260"/>
            <ac:spMk id="5534" creationId="{4130BCAF-5FF3-19F2-806D-FA157945669B}"/>
          </ac:spMkLst>
        </pc:spChg>
        <pc:spChg chg="mod">
          <ac:chgData name="White, Alex" userId="eff6cc8c-37d8-483b-9c6c-6b27e9afa9bc" providerId="ADAL" clId="{BF04C754-5BF4-4E83-9615-DB14FA25AF8A}" dt="2023-10-12T11:38:08.274" v="295"/>
          <ac:spMkLst>
            <pc:docMk/>
            <pc:sldMk cId="2376958513" sldId="260"/>
            <ac:spMk id="5535" creationId="{6AEF5E5A-3240-338A-CE60-D64C852D937C}"/>
          </ac:spMkLst>
        </pc:spChg>
        <pc:spChg chg="mod">
          <ac:chgData name="White, Alex" userId="eff6cc8c-37d8-483b-9c6c-6b27e9afa9bc" providerId="ADAL" clId="{BF04C754-5BF4-4E83-9615-DB14FA25AF8A}" dt="2023-10-12T11:38:08.274" v="295"/>
          <ac:spMkLst>
            <pc:docMk/>
            <pc:sldMk cId="2376958513" sldId="260"/>
            <ac:spMk id="5536" creationId="{D6DDB914-F4CF-DBE5-021C-D294970ECDEB}"/>
          </ac:spMkLst>
        </pc:spChg>
        <pc:spChg chg="mod">
          <ac:chgData name="White, Alex" userId="eff6cc8c-37d8-483b-9c6c-6b27e9afa9bc" providerId="ADAL" clId="{BF04C754-5BF4-4E83-9615-DB14FA25AF8A}" dt="2023-10-12T11:38:08.274" v="295"/>
          <ac:spMkLst>
            <pc:docMk/>
            <pc:sldMk cId="2376958513" sldId="260"/>
            <ac:spMk id="5537" creationId="{2FC96658-26B7-8037-CF9E-7DF498431989}"/>
          </ac:spMkLst>
        </pc:spChg>
        <pc:spChg chg="mod">
          <ac:chgData name="White, Alex" userId="eff6cc8c-37d8-483b-9c6c-6b27e9afa9bc" providerId="ADAL" clId="{BF04C754-5BF4-4E83-9615-DB14FA25AF8A}" dt="2023-10-12T11:38:08.274" v="295"/>
          <ac:spMkLst>
            <pc:docMk/>
            <pc:sldMk cId="2376958513" sldId="260"/>
            <ac:spMk id="5538" creationId="{53D485B9-637E-D03C-1E17-E6FC0F96E18A}"/>
          </ac:spMkLst>
        </pc:spChg>
        <pc:spChg chg="mod">
          <ac:chgData name="White, Alex" userId="eff6cc8c-37d8-483b-9c6c-6b27e9afa9bc" providerId="ADAL" clId="{BF04C754-5BF4-4E83-9615-DB14FA25AF8A}" dt="2023-10-12T11:38:08.274" v="295"/>
          <ac:spMkLst>
            <pc:docMk/>
            <pc:sldMk cId="2376958513" sldId="260"/>
            <ac:spMk id="5539" creationId="{1803F2D4-7149-F20B-5C06-D990537C8889}"/>
          </ac:spMkLst>
        </pc:spChg>
        <pc:spChg chg="mod">
          <ac:chgData name="White, Alex" userId="eff6cc8c-37d8-483b-9c6c-6b27e9afa9bc" providerId="ADAL" clId="{BF04C754-5BF4-4E83-9615-DB14FA25AF8A}" dt="2023-10-12T11:38:08.274" v="295"/>
          <ac:spMkLst>
            <pc:docMk/>
            <pc:sldMk cId="2376958513" sldId="260"/>
            <ac:spMk id="5540" creationId="{C6DE286F-583F-5339-A18D-C0539BB056D6}"/>
          </ac:spMkLst>
        </pc:spChg>
        <pc:spChg chg="mod">
          <ac:chgData name="White, Alex" userId="eff6cc8c-37d8-483b-9c6c-6b27e9afa9bc" providerId="ADAL" clId="{BF04C754-5BF4-4E83-9615-DB14FA25AF8A}" dt="2023-10-12T11:38:08.274" v="295"/>
          <ac:spMkLst>
            <pc:docMk/>
            <pc:sldMk cId="2376958513" sldId="260"/>
            <ac:spMk id="5541" creationId="{1A756CD1-6EC7-6F3B-EB3B-BBDB38D0F48C}"/>
          </ac:spMkLst>
        </pc:spChg>
        <pc:spChg chg="mod">
          <ac:chgData name="White, Alex" userId="eff6cc8c-37d8-483b-9c6c-6b27e9afa9bc" providerId="ADAL" clId="{BF04C754-5BF4-4E83-9615-DB14FA25AF8A}" dt="2023-10-12T11:38:08.274" v="295"/>
          <ac:spMkLst>
            <pc:docMk/>
            <pc:sldMk cId="2376958513" sldId="260"/>
            <ac:spMk id="5542" creationId="{AF9A7192-346C-93D9-0F5E-D4D609A99CD8}"/>
          </ac:spMkLst>
        </pc:spChg>
        <pc:spChg chg="mod">
          <ac:chgData name="White, Alex" userId="eff6cc8c-37d8-483b-9c6c-6b27e9afa9bc" providerId="ADAL" clId="{BF04C754-5BF4-4E83-9615-DB14FA25AF8A}" dt="2023-10-12T11:38:08.274" v="295"/>
          <ac:spMkLst>
            <pc:docMk/>
            <pc:sldMk cId="2376958513" sldId="260"/>
            <ac:spMk id="5543" creationId="{1AB11171-A372-07A8-6368-70F8005C297D}"/>
          </ac:spMkLst>
        </pc:spChg>
        <pc:spChg chg="mod">
          <ac:chgData name="White, Alex" userId="eff6cc8c-37d8-483b-9c6c-6b27e9afa9bc" providerId="ADAL" clId="{BF04C754-5BF4-4E83-9615-DB14FA25AF8A}" dt="2023-10-12T11:38:08.274" v="295"/>
          <ac:spMkLst>
            <pc:docMk/>
            <pc:sldMk cId="2376958513" sldId="260"/>
            <ac:spMk id="5544" creationId="{35F1FE21-D973-AA9F-3B42-4E9DF6BB32B5}"/>
          </ac:spMkLst>
        </pc:spChg>
        <pc:spChg chg="mod">
          <ac:chgData name="White, Alex" userId="eff6cc8c-37d8-483b-9c6c-6b27e9afa9bc" providerId="ADAL" clId="{BF04C754-5BF4-4E83-9615-DB14FA25AF8A}" dt="2023-10-12T11:38:08.274" v="295"/>
          <ac:spMkLst>
            <pc:docMk/>
            <pc:sldMk cId="2376958513" sldId="260"/>
            <ac:spMk id="5545" creationId="{D2BEC275-AA2E-318A-FC78-816A5D76C72A}"/>
          </ac:spMkLst>
        </pc:spChg>
        <pc:spChg chg="mod">
          <ac:chgData name="White, Alex" userId="eff6cc8c-37d8-483b-9c6c-6b27e9afa9bc" providerId="ADAL" clId="{BF04C754-5BF4-4E83-9615-DB14FA25AF8A}" dt="2023-10-12T11:38:08.274" v="295"/>
          <ac:spMkLst>
            <pc:docMk/>
            <pc:sldMk cId="2376958513" sldId="260"/>
            <ac:spMk id="5546" creationId="{D7D5A166-58EE-80B3-0387-F4EA249B5C29}"/>
          </ac:spMkLst>
        </pc:spChg>
        <pc:spChg chg="mod">
          <ac:chgData name="White, Alex" userId="eff6cc8c-37d8-483b-9c6c-6b27e9afa9bc" providerId="ADAL" clId="{BF04C754-5BF4-4E83-9615-DB14FA25AF8A}" dt="2023-10-12T11:38:08.274" v="295"/>
          <ac:spMkLst>
            <pc:docMk/>
            <pc:sldMk cId="2376958513" sldId="260"/>
            <ac:spMk id="5547" creationId="{05C1544E-69B9-9E8A-BAB1-1C05CB24757B}"/>
          </ac:spMkLst>
        </pc:spChg>
        <pc:spChg chg="mod">
          <ac:chgData name="White, Alex" userId="eff6cc8c-37d8-483b-9c6c-6b27e9afa9bc" providerId="ADAL" clId="{BF04C754-5BF4-4E83-9615-DB14FA25AF8A}" dt="2023-10-12T11:38:08.274" v="295"/>
          <ac:spMkLst>
            <pc:docMk/>
            <pc:sldMk cId="2376958513" sldId="260"/>
            <ac:spMk id="5548" creationId="{F10029A7-ECEC-C05B-211F-05E73A6F816B}"/>
          </ac:spMkLst>
        </pc:spChg>
        <pc:spChg chg="mod">
          <ac:chgData name="White, Alex" userId="eff6cc8c-37d8-483b-9c6c-6b27e9afa9bc" providerId="ADAL" clId="{BF04C754-5BF4-4E83-9615-DB14FA25AF8A}" dt="2023-10-12T11:38:08.274" v="295"/>
          <ac:spMkLst>
            <pc:docMk/>
            <pc:sldMk cId="2376958513" sldId="260"/>
            <ac:spMk id="5549" creationId="{6C4F29FD-68C5-CEB8-3D92-F157FCC24B80}"/>
          </ac:spMkLst>
        </pc:spChg>
        <pc:spChg chg="mod">
          <ac:chgData name="White, Alex" userId="eff6cc8c-37d8-483b-9c6c-6b27e9afa9bc" providerId="ADAL" clId="{BF04C754-5BF4-4E83-9615-DB14FA25AF8A}" dt="2023-10-12T11:38:08.274" v="295"/>
          <ac:spMkLst>
            <pc:docMk/>
            <pc:sldMk cId="2376958513" sldId="260"/>
            <ac:spMk id="5550" creationId="{ECEAAAD3-542F-A1BF-0BA6-C222835690F1}"/>
          </ac:spMkLst>
        </pc:spChg>
        <pc:spChg chg="mod">
          <ac:chgData name="White, Alex" userId="eff6cc8c-37d8-483b-9c6c-6b27e9afa9bc" providerId="ADAL" clId="{BF04C754-5BF4-4E83-9615-DB14FA25AF8A}" dt="2023-10-12T11:38:08.274" v="295"/>
          <ac:spMkLst>
            <pc:docMk/>
            <pc:sldMk cId="2376958513" sldId="260"/>
            <ac:spMk id="5551" creationId="{ADD4B427-D588-D3DE-7EBE-71AC5460815F}"/>
          </ac:spMkLst>
        </pc:spChg>
        <pc:spChg chg="mod">
          <ac:chgData name="White, Alex" userId="eff6cc8c-37d8-483b-9c6c-6b27e9afa9bc" providerId="ADAL" clId="{BF04C754-5BF4-4E83-9615-DB14FA25AF8A}" dt="2023-10-12T11:38:08.274" v="295"/>
          <ac:spMkLst>
            <pc:docMk/>
            <pc:sldMk cId="2376958513" sldId="260"/>
            <ac:spMk id="5552" creationId="{FB6D6D7C-451C-CA3B-B6E6-A07BB7EB5989}"/>
          </ac:spMkLst>
        </pc:spChg>
        <pc:spChg chg="mod">
          <ac:chgData name="White, Alex" userId="eff6cc8c-37d8-483b-9c6c-6b27e9afa9bc" providerId="ADAL" clId="{BF04C754-5BF4-4E83-9615-DB14FA25AF8A}" dt="2023-10-12T11:38:08.274" v="295"/>
          <ac:spMkLst>
            <pc:docMk/>
            <pc:sldMk cId="2376958513" sldId="260"/>
            <ac:spMk id="5553" creationId="{CD8067B4-07CF-8E0B-F944-5E79C85716B9}"/>
          </ac:spMkLst>
        </pc:spChg>
        <pc:spChg chg="mod">
          <ac:chgData name="White, Alex" userId="eff6cc8c-37d8-483b-9c6c-6b27e9afa9bc" providerId="ADAL" clId="{BF04C754-5BF4-4E83-9615-DB14FA25AF8A}" dt="2023-10-12T11:38:08.274" v="295"/>
          <ac:spMkLst>
            <pc:docMk/>
            <pc:sldMk cId="2376958513" sldId="260"/>
            <ac:spMk id="5554" creationId="{F7350485-0584-CB29-9E8A-9A99E1A888A2}"/>
          </ac:spMkLst>
        </pc:spChg>
        <pc:spChg chg="mod">
          <ac:chgData name="White, Alex" userId="eff6cc8c-37d8-483b-9c6c-6b27e9afa9bc" providerId="ADAL" clId="{BF04C754-5BF4-4E83-9615-DB14FA25AF8A}" dt="2023-10-12T11:38:08.274" v="295"/>
          <ac:spMkLst>
            <pc:docMk/>
            <pc:sldMk cId="2376958513" sldId="260"/>
            <ac:spMk id="5555" creationId="{716F7AEC-A2E6-73D6-026F-EFB1B807B392}"/>
          </ac:spMkLst>
        </pc:spChg>
        <pc:spChg chg="mod">
          <ac:chgData name="White, Alex" userId="eff6cc8c-37d8-483b-9c6c-6b27e9afa9bc" providerId="ADAL" clId="{BF04C754-5BF4-4E83-9615-DB14FA25AF8A}" dt="2023-10-12T11:38:08.274" v="295"/>
          <ac:spMkLst>
            <pc:docMk/>
            <pc:sldMk cId="2376958513" sldId="260"/>
            <ac:spMk id="5556" creationId="{B7B45EB6-3251-D7B3-37A7-C82CEAFB2267}"/>
          </ac:spMkLst>
        </pc:spChg>
        <pc:spChg chg="mod">
          <ac:chgData name="White, Alex" userId="eff6cc8c-37d8-483b-9c6c-6b27e9afa9bc" providerId="ADAL" clId="{BF04C754-5BF4-4E83-9615-DB14FA25AF8A}" dt="2023-10-12T11:38:08.274" v="295"/>
          <ac:spMkLst>
            <pc:docMk/>
            <pc:sldMk cId="2376958513" sldId="260"/>
            <ac:spMk id="5557" creationId="{DA50A581-FBD9-43C8-D19E-553108039B92}"/>
          </ac:spMkLst>
        </pc:spChg>
        <pc:spChg chg="mod">
          <ac:chgData name="White, Alex" userId="eff6cc8c-37d8-483b-9c6c-6b27e9afa9bc" providerId="ADAL" clId="{BF04C754-5BF4-4E83-9615-DB14FA25AF8A}" dt="2023-10-12T11:38:08.274" v="295"/>
          <ac:spMkLst>
            <pc:docMk/>
            <pc:sldMk cId="2376958513" sldId="260"/>
            <ac:spMk id="5558" creationId="{17ECBA01-3F6B-2FF0-D374-2E5F081CA26E}"/>
          </ac:spMkLst>
        </pc:spChg>
        <pc:spChg chg="mod">
          <ac:chgData name="White, Alex" userId="eff6cc8c-37d8-483b-9c6c-6b27e9afa9bc" providerId="ADAL" clId="{BF04C754-5BF4-4E83-9615-DB14FA25AF8A}" dt="2023-10-12T11:38:08.274" v="295"/>
          <ac:spMkLst>
            <pc:docMk/>
            <pc:sldMk cId="2376958513" sldId="260"/>
            <ac:spMk id="5559" creationId="{41689DAD-B858-AB12-78BD-B1E5280F273A}"/>
          </ac:spMkLst>
        </pc:spChg>
        <pc:spChg chg="mod">
          <ac:chgData name="White, Alex" userId="eff6cc8c-37d8-483b-9c6c-6b27e9afa9bc" providerId="ADAL" clId="{BF04C754-5BF4-4E83-9615-DB14FA25AF8A}" dt="2023-10-12T11:38:08.274" v="295"/>
          <ac:spMkLst>
            <pc:docMk/>
            <pc:sldMk cId="2376958513" sldId="260"/>
            <ac:spMk id="5560" creationId="{34D1620D-A0F4-E1DE-65E3-415BC935D959}"/>
          </ac:spMkLst>
        </pc:spChg>
        <pc:spChg chg="mod">
          <ac:chgData name="White, Alex" userId="eff6cc8c-37d8-483b-9c6c-6b27e9afa9bc" providerId="ADAL" clId="{BF04C754-5BF4-4E83-9615-DB14FA25AF8A}" dt="2023-10-12T11:38:08.274" v="295"/>
          <ac:spMkLst>
            <pc:docMk/>
            <pc:sldMk cId="2376958513" sldId="260"/>
            <ac:spMk id="5561" creationId="{DC76A243-0BB6-F424-920C-409FD0AA571D}"/>
          </ac:spMkLst>
        </pc:spChg>
        <pc:spChg chg="mod">
          <ac:chgData name="White, Alex" userId="eff6cc8c-37d8-483b-9c6c-6b27e9afa9bc" providerId="ADAL" clId="{BF04C754-5BF4-4E83-9615-DB14FA25AF8A}" dt="2023-10-12T11:38:08.274" v="295"/>
          <ac:spMkLst>
            <pc:docMk/>
            <pc:sldMk cId="2376958513" sldId="260"/>
            <ac:spMk id="5562" creationId="{77E07770-08AE-BF28-35BF-1FB802B34F5A}"/>
          </ac:spMkLst>
        </pc:spChg>
        <pc:spChg chg="mod">
          <ac:chgData name="White, Alex" userId="eff6cc8c-37d8-483b-9c6c-6b27e9afa9bc" providerId="ADAL" clId="{BF04C754-5BF4-4E83-9615-DB14FA25AF8A}" dt="2023-10-12T11:38:08.274" v="295"/>
          <ac:spMkLst>
            <pc:docMk/>
            <pc:sldMk cId="2376958513" sldId="260"/>
            <ac:spMk id="5563" creationId="{FAE7B62B-2736-93A8-D18F-61DF356CC2F7}"/>
          </ac:spMkLst>
        </pc:spChg>
        <pc:spChg chg="mod">
          <ac:chgData name="White, Alex" userId="eff6cc8c-37d8-483b-9c6c-6b27e9afa9bc" providerId="ADAL" clId="{BF04C754-5BF4-4E83-9615-DB14FA25AF8A}" dt="2023-10-12T11:38:08.274" v="295"/>
          <ac:spMkLst>
            <pc:docMk/>
            <pc:sldMk cId="2376958513" sldId="260"/>
            <ac:spMk id="5564" creationId="{F8B984A1-338F-4C6B-EDE6-7DE8336BD6AB}"/>
          </ac:spMkLst>
        </pc:spChg>
        <pc:spChg chg="mod">
          <ac:chgData name="White, Alex" userId="eff6cc8c-37d8-483b-9c6c-6b27e9afa9bc" providerId="ADAL" clId="{BF04C754-5BF4-4E83-9615-DB14FA25AF8A}" dt="2023-10-12T11:38:08.274" v="295"/>
          <ac:spMkLst>
            <pc:docMk/>
            <pc:sldMk cId="2376958513" sldId="260"/>
            <ac:spMk id="5565" creationId="{172C7945-A13D-BA67-3B28-7D81265D36DD}"/>
          </ac:spMkLst>
        </pc:spChg>
        <pc:spChg chg="mod">
          <ac:chgData name="White, Alex" userId="eff6cc8c-37d8-483b-9c6c-6b27e9afa9bc" providerId="ADAL" clId="{BF04C754-5BF4-4E83-9615-DB14FA25AF8A}" dt="2023-10-12T11:38:08.274" v="295"/>
          <ac:spMkLst>
            <pc:docMk/>
            <pc:sldMk cId="2376958513" sldId="260"/>
            <ac:spMk id="5566" creationId="{95FA3EF3-C292-32CA-A660-9BD3597CF406}"/>
          </ac:spMkLst>
        </pc:spChg>
        <pc:spChg chg="mod">
          <ac:chgData name="White, Alex" userId="eff6cc8c-37d8-483b-9c6c-6b27e9afa9bc" providerId="ADAL" clId="{BF04C754-5BF4-4E83-9615-DB14FA25AF8A}" dt="2023-10-12T11:38:08.274" v="295"/>
          <ac:spMkLst>
            <pc:docMk/>
            <pc:sldMk cId="2376958513" sldId="260"/>
            <ac:spMk id="5567" creationId="{3738E82F-981E-727E-3324-6AE39A18E8B2}"/>
          </ac:spMkLst>
        </pc:spChg>
        <pc:spChg chg="mod">
          <ac:chgData name="White, Alex" userId="eff6cc8c-37d8-483b-9c6c-6b27e9afa9bc" providerId="ADAL" clId="{BF04C754-5BF4-4E83-9615-DB14FA25AF8A}" dt="2023-10-12T11:38:08.274" v="295"/>
          <ac:spMkLst>
            <pc:docMk/>
            <pc:sldMk cId="2376958513" sldId="260"/>
            <ac:spMk id="5568" creationId="{AE9D6C76-30D7-ACF6-708A-8067853F5A3C}"/>
          </ac:spMkLst>
        </pc:spChg>
        <pc:spChg chg="mod">
          <ac:chgData name="White, Alex" userId="eff6cc8c-37d8-483b-9c6c-6b27e9afa9bc" providerId="ADAL" clId="{BF04C754-5BF4-4E83-9615-DB14FA25AF8A}" dt="2023-10-12T11:38:08.274" v="295"/>
          <ac:spMkLst>
            <pc:docMk/>
            <pc:sldMk cId="2376958513" sldId="260"/>
            <ac:spMk id="5569" creationId="{99CD89DA-CD93-C8F3-64CD-A13C7AF44F75}"/>
          </ac:spMkLst>
        </pc:spChg>
        <pc:spChg chg="mod">
          <ac:chgData name="White, Alex" userId="eff6cc8c-37d8-483b-9c6c-6b27e9afa9bc" providerId="ADAL" clId="{BF04C754-5BF4-4E83-9615-DB14FA25AF8A}" dt="2023-10-12T11:38:08.274" v="295"/>
          <ac:spMkLst>
            <pc:docMk/>
            <pc:sldMk cId="2376958513" sldId="260"/>
            <ac:spMk id="5570" creationId="{C0E885EB-A5C6-DE05-23C9-4962E413812B}"/>
          </ac:spMkLst>
        </pc:spChg>
        <pc:spChg chg="mod">
          <ac:chgData name="White, Alex" userId="eff6cc8c-37d8-483b-9c6c-6b27e9afa9bc" providerId="ADAL" clId="{BF04C754-5BF4-4E83-9615-DB14FA25AF8A}" dt="2023-10-12T11:38:08.274" v="295"/>
          <ac:spMkLst>
            <pc:docMk/>
            <pc:sldMk cId="2376958513" sldId="260"/>
            <ac:spMk id="5571" creationId="{76225321-5030-6AE9-0127-54DC8EF9CB6D}"/>
          </ac:spMkLst>
        </pc:spChg>
        <pc:spChg chg="mod">
          <ac:chgData name="White, Alex" userId="eff6cc8c-37d8-483b-9c6c-6b27e9afa9bc" providerId="ADAL" clId="{BF04C754-5BF4-4E83-9615-DB14FA25AF8A}" dt="2023-10-12T11:38:08.274" v="295"/>
          <ac:spMkLst>
            <pc:docMk/>
            <pc:sldMk cId="2376958513" sldId="260"/>
            <ac:spMk id="5572" creationId="{25DEB123-0882-046B-956C-531B504C9830}"/>
          </ac:spMkLst>
        </pc:spChg>
        <pc:spChg chg="mod">
          <ac:chgData name="White, Alex" userId="eff6cc8c-37d8-483b-9c6c-6b27e9afa9bc" providerId="ADAL" clId="{BF04C754-5BF4-4E83-9615-DB14FA25AF8A}" dt="2023-10-12T11:38:08.274" v="295"/>
          <ac:spMkLst>
            <pc:docMk/>
            <pc:sldMk cId="2376958513" sldId="260"/>
            <ac:spMk id="5573" creationId="{BD70533D-4525-2CAE-79AE-E1BEC3ADDC50}"/>
          </ac:spMkLst>
        </pc:spChg>
        <pc:spChg chg="mod">
          <ac:chgData name="White, Alex" userId="eff6cc8c-37d8-483b-9c6c-6b27e9afa9bc" providerId="ADAL" clId="{BF04C754-5BF4-4E83-9615-DB14FA25AF8A}" dt="2023-10-12T11:38:08.274" v="295"/>
          <ac:spMkLst>
            <pc:docMk/>
            <pc:sldMk cId="2376958513" sldId="260"/>
            <ac:spMk id="5574" creationId="{5B988244-ABCF-0B95-F6F6-40D8ED5F6C69}"/>
          </ac:spMkLst>
        </pc:spChg>
        <pc:spChg chg="mod">
          <ac:chgData name="White, Alex" userId="eff6cc8c-37d8-483b-9c6c-6b27e9afa9bc" providerId="ADAL" clId="{BF04C754-5BF4-4E83-9615-DB14FA25AF8A}" dt="2023-10-12T11:38:08.274" v="295"/>
          <ac:spMkLst>
            <pc:docMk/>
            <pc:sldMk cId="2376958513" sldId="260"/>
            <ac:spMk id="5575" creationId="{9DF100A4-3FA4-8E0B-5BAC-C827BD86883B}"/>
          </ac:spMkLst>
        </pc:spChg>
        <pc:spChg chg="mod">
          <ac:chgData name="White, Alex" userId="eff6cc8c-37d8-483b-9c6c-6b27e9afa9bc" providerId="ADAL" clId="{BF04C754-5BF4-4E83-9615-DB14FA25AF8A}" dt="2023-10-12T11:38:08.274" v="295"/>
          <ac:spMkLst>
            <pc:docMk/>
            <pc:sldMk cId="2376958513" sldId="260"/>
            <ac:spMk id="5576" creationId="{E7D677D1-91F5-E138-ED93-B4AFD4B9D95F}"/>
          </ac:spMkLst>
        </pc:spChg>
        <pc:spChg chg="mod">
          <ac:chgData name="White, Alex" userId="eff6cc8c-37d8-483b-9c6c-6b27e9afa9bc" providerId="ADAL" clId="{BF04C754-5BF4-4E83-9615-DB14FA25AF8A}" dt="2023-10-12T11:38:08.274" v="295"/>
          <ac:spMkLst>
            <pc:docMk/>
            <pc:sldMk cId="2376958513" sldId="260"/>
            <ac:spMk id="5577" creationId="{27F47E99-E585-8A50-FD00-4EEE3991C836}"/>
          </ac:spMkLst>
        </pc:spChg>
        <pc:spChg chg="mod">
          <ac:chgData name="White, Alex" userId="eff6cc8c-37d8-483b-9c6c-6b27e9afa9bc" providerId="ADAL" clId="{BF04C754-5BF4-4E83-9615-DB14FA25AF8A}" dt="2023-10-12T11:38:08.274" v="295"/>
          <ac:spMkLst>
            <pc:docMk/>
            <pc:sldMk cId="2376958513" sldId="260"/>
            <ac:spMk id="5578" creationId="{A5954939-C472-AB00-30F6-6C51EC463817}"/>
          </ac:spMkLst>
        </pc:spChg>
        <pc:spChg chg="mod">
          <ac:chgData name="White, Alex" userId="eff6cc8c-37d8-483b-9c6c-6b27e9afa9bc" providerId="ADAL" clId="{BF04C754-5BF4-4E83-9615-DB14FA25AF8A}" dt="2023-10-12T11:38:08.274" v="295"/>
          <ac:spMkLst>
            <pc:docMk/>
            <pc:sldMk cId="2376958513" sldId="260"/>
            <ac:spMk id="5579" creationId="{505E4E5B-A59D-D711-200C-FC58F0A50AB2}"/>
          </ac:spMkLst>
        </pc:spChg>
        <pc:spChg chg="mod">
          <ac:chgData name="White, Alex" userId="eff6cc8c-37d8-483b-9c6c-6b27e9afa9bc" providerId="ADAL" clId="{BF04C754-5BF4-4E83-9615-DB14FA25AF8A}" dt="2023-10-12T11:38:08.274" v="295"/>
          <ac:spMkLst>
            <pc:docMk/>
            <pc:sldMk cId="2376958513" sldId="260"/>
            <ac:spMk id="5580" creationId="{AE3FCF5D-A344-DD25-786B-AB5DC21F699D}"/>
          </ac:spMkLst>
        </pc:spChg>
        <pc:spChg chg="mod">
          <ac:chgData name="White, Alex" userId="eff6cc8c-37d8-483b-9c6c-6b27e9afa9bc" providerId="ADAL" clId="{BF04C754-5BF4-4E83-9615-DB14FA25AF8A}" dt="2023-10-12T11:38:08.274" v="295"/>
          <ac:spMkLst>
            <pc:docMk/>
            <pc:sldMk cId="2376958513" sldId="260"/>
            <ac:spMk id="5581" creationId="{7DA4DB94-58EA-477C-EC29-959D87205B72}"/>
          </ac:spMkLst>
        </pc:spChg>
        <pc:spChg chg="mod">
          <ac:chgData name="White, Alex" userId="eff6cc8c-37d8-483b-9c6c-6b27e9afa9bc" providerId="ADAL" clId="{BF04C754-5BF4-4E83-9615-DB14FA25AF8A}" dt="2023-10-12T11:38:08.274" v="295"/>
          <ac:spMkLst>
            <pc:docMk/>
            <pc:sldMk cId="2376958513" sldId="260"/>
            <ac:spMk id="5582" creationId="{EA191190-EEDA-3204-A999-4A34B00A7DDB}"/>
          </ac:spMkLst>
        </pc:spChg>
        <pc:spChg chg="mod">
          <ac:chgData name="White, Alex" userId="eff6cc8c-37d8-483b-9c6c-6b27e9afa9bc" providerId="ADAL" clId="{BF04C754-5BF4-4E83-9615-DB14FA25AF8A}" dt="2023-10-12T11:38:08.274" v="295"/>
          <ac:spMkLst>
            <pc:docMk/>
            <pc:sldMk cId="2376958513" sldId="260"/>
            <ac:spMk id="5583" creationId="{3BE110FF-3B11-827D-8648-5B0E7B2432FE}"/>
          </ac:spMkLst>
        </pc:spChg>
        <pc:spChg chg="mod">
          <ac:chgData name="White, Alex" userId="eff6cc8c-37d8-483b-9c6c-6b27e9afa9bc" providerId="ADAL" clId="{BF04C754-5BF4-4E83-9615-DB14FA25AF8A}" dt="2023-10-12T11:38:08.274" v="295"/>
          <ac:spMkLst>
            <pc:docMk/>
            <pc:sldMk cId="2376958513" sldId="260"/>
            <ac:spMk id="5584" creationId="{9BEBDA90-E651-E4B5-C90F-2F9FCC0980C6}"/>
          </ac:spMkLst>
        </pc:spChg>
        <pc:spChg chg="mod">
          <ac:chgData name="White, Alex" userId="eff6cc8c-37d8-483b-9c6c-6b27e9afa9bc" providerId="ADAL" clId="{BF04C754-5BF4-4E83-9615-DB14FA25AF8A}" dt="2023-10-12T11:38:08.274" v="295"/>
          <ac:spMkLst>
            <pc:docMk/>
            <pc:sldMk cId="2376958513" sldId="260"/>
            <ac:spMk id="5585" creationId="{518EC9B0-1B79-81FA-E2DA-3840EDD6C7EF}"/>
          </ac:spMkLst>
        </pc:spChg>
        <pc:spChg chg="mod">
          <ac:chgData name="White, Alex" userId="eff6cc8c-37d8-483b-9c6c-6b27e9afa9bc" providerId="ADAL" clId="{BF04C754-5BF4-4E83-9615-DB14FA25AF8A}" dt="2023-10-12T11:38:08.274" v="295"/>
          <ac:spMkLst>
            <pc:docMk/>
            <pc:sldMk cId="2376958513" sldId="260"/>
            <ac:spMk id="5586" creationId="{98DE6807-023D-6A89-DBDE-D581ED9EB339}"/>
          </ac:spMkLst>
        </pc:spChg>
        <pc:spChg chg="mod">
          <ac:chgData name="White, Alex" userId="eff6cc8c-37d8-483b-9c6c-6b27e9afa9bc" providerId="ADAL" clId="{BF04C754-5BF4-4E83-9615-DB14FA25AF8A}" dt="2023-10-12T11:38:08.274" v="295"/>
          <ac:spMkLst>
            <pc:docMk/>
            <pc:sldMk cId="2376958513" sldId="260"/>
            <ac:spMk id="5587" creationId="{E7BD752A-543F-2F30-7D03-A943721ABB9C}"/>
          </ac:spMkLst>
        </pc:spChg>
        <pc:spChg chg="mod">
          <ac:chgData name="White, Alex" userId="eff6cc8c-37d8-483b-9c6c-6b27e9afa9bc" providerId="ADAL" clId="{BF04C754-5BF4-4E83-9615-DB14FA25AF8A}" dt="2023-10-12T11:38:08.274" v="295"/>
          <ac:spMkLst>
            <pc:docMk/>
            <pc:sldMk cId="2376958513" sldId="260"/>
            <ac:spMk id="5588" creationId="{B3186C94-4CF1-5DF1-082B-05C1C650334A}"/>
          </ac:spMkLst>
        </pc:spChg>
        <pc:spChg chg="mod">
          <ac:chgData name="White, Alex" userId="eff6cc8c-37d8-483b-9c6c-6b27e9afa9bc" providerId="ADAL" clId="{BF04C754-5BF4-4E83-9615-DB14FA25AF8A}" dt="2023-10-12T11:38:08.274" v="295"/>
          <ac:spMkLst>
            <pc:docMk/>
            <pc:sldMk cId="2376958513" sldId="260"/>
            <ac:spMk id="5589" creationId="{73A8541E-1848-3D9A-A6CF-4BFD54770EB6}"/>
          </ac:spMkLst>
        </pc:spChg>
        <pc:spChg chg="mod">
          <ac:chgData name="White, Alex" userId="eff6cc8c-37d8-483b-9c6c-6b27e9afa9bc" providerId="ADAL" clId="{BF04C754-5BF4-4E83-9615-DB14FA25AF8A}" dt="2023-10-12T11:38:08.274" v="295"/>
          <ac:spMkLst>
            <pc:docMk/>
            <pc:sldMk cId="2376958513" sldId="260"/>
            <ac:spMk id="5590" creationId="{57A3BF8F-2B10-5E78-9FE6-64054905BF84}"/>
          </ac:spMkLst>
        </pc:spChg>
        <pc:spChg chg="mod">
          <ac:chgData name="White, Alex" userId="eff6cc8c-37d8-483b-9c6c-6b27e9afa9bc" providerId="ADAL" clId="{BF04C754-5BF4-4E83-9615-DB14FA25AF8A}" dt="2023-10-12T11:38:08.274" v="295"/>
          <ac:spMkLst>
            <pc:docMk/>
            <pc:sldMk cId="2376958513" sldId="260"/>
            <ac:spMk id="5591" creationId="{68C82892-01D5-2CEE-2DBE-5691E76FAB4C}"/>
          </ac:spMkLst>
        </pc:spChg>
        <pc:spChg chg="mod">
          <ac:chgData name="White, Alex" userId="eff6cc8c-37d8-483b-9c6c-6b27e9afa9bc" providerId="ADAL" clId="{BF04C754-5BF4-4E83-9615-DB14FA25AF8A}" dt="2023-10-12T11:38:08.274" v="295"/>
          <ac:spMkLst>
            <pc:docMk/>
            <pc:sldMk cId="2376958513" sldId="260"/>
            <ac:spMk id="5592" creationId="{6BE7FF41-4BBA-DED2-CF92-8DA3D4D6FD1F}"/>
          </ac:spMkLst>
        </pc:spChg>
        <pc:spChg chg="mod">
          <ac:chgData name="White, Alex" userId="eff6cc8c-37d8-483b-9c6c-6b27e9afa9bc" providerId="ADAL" clId="{BF04C754-5BF4-4E83-9615-DB14FA25AF8A}" dt="2023-10-12T11:38:08.274" v="295"/>
          <ac:spMkLst>
            <pc:docMk/>
            <pc:sldMk cId="2376958513" sldId="260"/>
            <ac:spMk id="5593" creationId="{EFC018B6-BB19-69A9-9389-067C817478AE}"/>
          </ac:spMkLst>
        </pc:spChg>
        <pc:spChg chg="mod">
          <ac:chgData name="White, Alex" userId="eff6cc8c-37d8-483b-9c6c-6b27e9afa9bc" providerId="ADAL" clId="{BF04C754-5BF4-4E83-9615-DB14FA25AF8A}" dt="2023-10-12T11:38:08.274" v="295"/>
          <ac:spMkLst>
            <pc:docMk/>
            <pc:sldMk cId="2376958513" sldId="260"/>
            <ac:spMk id="5594" creationId="{6D7619B4-869E-1CD0-A549-3113AAFF8A60}"/>
          </ac:spMkLst>
        </pc:spChg>
        <pc:spChg chg="mod">
          <ac:chgData name="White, Alex" userId="eff6cc8c-37d8-483b-9c6c-6b27e9afa9bc" providerId="ADAL" clId="{BF04C754-5BF4-4E83-9615-DB14FA25AF8A}" dt="2023-10-12T11:38:08.274" v="295"/>
          <ac:spMkLst>
            <pc:docMk/>
            <pc:sldMk cId="2376958513" sldId="260"/>
            <ac:spMk id="5595" creationId="{CDCD2084-D6F6-466D-A76E-442F3C528CA3}"/>
          </ac:spMkLst>
        </pc:spChg>
        <pc:spChg chg="mod">
          <ac:chgData name="White, Alex" userId="eff6cc8c-37d8-483b-9c6c-6b27e9afa9bc" providerId="ADAL" clId="{BF04C754-5BF4-4E83-9615-DB14FA25AF8A}" dt="2023-10-12T11:38:08.274" v="295"/>
          <ac:spMkLst>
            <pc:docMk/>
            <pc:sldMk cId="2376958513" sldId="260"/>
            <ac:spMk id="5596" creationId="{1216C6A9-DA7E-14DD-00C8-60510242B438}"/>
          </ac:spMkLst>
        </pc:spChg>
        <pc:spChg chg="mod">
          <ac:chgData name="White, Alex" userId="eff6cc8c-37d8-483b-9c6c-6b27e9afa9bc" providerId="ADAL" clId="{BF04C754-5BF4-4E83-9615-DB14FA25AF8A}" dt="2023-10-12T11:38:08.274" v="295"/>
          <ac:spMkLst>
            <pc:docMk/>
            <pc:sldMk cId="2376958513" sldId="260"/>
            <ac:spMk id="5597" creationId="{56F5CBAC-2F08-5688-354F-4A1A4E8AC610}"/>
          </ac:spMkLst>
        </pc:spChg>
        <pc:spChg chg="mod">
          <ac:chgData name="White, Alex" userId="eff6cc8c-37d8-483b-9c6c-6b27e9afa9bc" providerId="ADAL" clId="{BF04C754-5BF4-4E83-9615-DB14FA25AF8A}" dt="2023-10-12T11:38:08.274" v="295"/>
          <ac:spMkLst>
            <pc:docMk/>
            <pc:sldMk cId="2376958513" sldId="260"/>
            <ac:spMk id="5598" creationId="{28387168-FED0-8545-BC36-D6EF53E6B913}"/>
          </ac:spMkLst>
        </pc:spChg>
        <pc:spChg chg="mod">
          <ac:chgData name="White, Alex" userId="eff6cc8c-37d8-483b-9c6c-6b27e9afa9bc" providerId="ADAL" clId="{BF04C754-5BF4-4E83-9615-DB14FA25AF8A}" dt="2023-10-12T11:38:08.274" v="295"/>
          <ac:spMkLst>
            <pc:docMk/>
            <pc:sldMk cId="2376958513" sldId="260"/>
            <ac:spMk id="5599" creationId="{35AC6061-DE3E-C994-51B9-EB32854C8BE9}"/>
          </ac:spMkLst>
        </pc:spChg>
        <pc:spChg chg="mod">
          <ac:chgData name="White, Alex" userId="eff6cc8c-37d8-483b-9c6c-6b27e9afa9bc" providerId="ADAL" clId="{BF04C754-5BF4-4E83-9615-DB14FA25AF8A}" dt="2023-10-12T11:38:08.274" v="295"/>
          <ac:spMkLst>
            <pc:docMk/>
            <pc:sldMk cId="2376958513" sldId="260"/>
            <ac:spMk id="5600" creationId="{5FB6BE7B-6E0A-7FB7-1D9C-EC0EDAF31189}"/>
          </ac:spMkLst>
        </pc:spChg>
        <pc:spChg chg="mod">
          <ac:chgData name="White, Alex" userId="eff6cc8c-37d8-483b-9c6c-6b27e9afa9bc" providerId="ADAL" clId="{BF04C754-5BF4-4E83-9615-DB14FA25AF8A}" dt="2023-10-12T11:38:08.274" v="295"/>
          <ac:spMkLst>
            <pc:docMk/>
            <pc:sldMk cId="2376958513" sldId="260"/>
            <ac:spMk id="5601" creationId="{EB068F4F-EFCC-5988-E777-A7AC2B832FE3}"/>
          </ac:spMkLst>
        </pc:spChg>
        <pc:spChg chg="mod">
          <ac:chgData name="White, Alex" userId="eff6cc8c-37d8-483b-9c6c-6b27e9afa9bc" providerId="ADAL" clId="{BF04C754-5BF4-4E83-9615-DB14FA25AF8A}" dt="2023-10-12T11:38:08.274" v="295"/>
          <ac:spMkLst>
            <pc:docMk/>
            <pc:sldMk cId="2376958513" sldId="260"/>
            <ac:spMk id="5602" creationId="{42C46417-46B7-B533-787E-1ADCD4D648F0}"/>
          </ac:spMkLst>
        </pc:spChg>
        <pc:spChg chg="mod">
          <ac:chgData name="White, Alex" userId="eff6cc8c-37d8-483b-9c6c-6b27e9afa9bc" providerId="ADAL" clId="{BF04C754-5BF4-4E83-9615-DB14FA25AF8A}" dt="2023-10-12T11:38:08.274" v="295"/>
          <ac:spMkLst>
            <pc:docMk/>
            <pc:sldMk cId="2376958513" sldId="260"/>
            <ac:spMk id="5603" creationId="{07CB23C2-6D1A-07F1-FAB1-B1B9F8463A89}"/>
          </ac:spMkLst>
        </pc:spChg>
        <pc:spChg chg="mod">
          <ac:chgData name="White, Alex" userId="eff6cc8c-37d8-483b-9c6c-6b27e9afa9bc" providerId="ADAL" clId="{BF04C754-5BF4-4E83-9615-DB14FA25AF8A}" dt="2023-10-12T11:38:08.274" v="295"/>
          <ac:spMkLst>
            <pc:docMk/>
            <pc:sldMk cId="2376958513" sldId="260"/>
            <ac:spMk id="5604" creationId="{4AF42670-9595-18C9-3206-93BBE1020B99}"/>
          </ac:spMkLst>
        </pc:spChg>
        <pc:spChg chg="mod">
          <ac:chgData name="White, Alex" userId="eff6cc8c-37d8-483b-9c6c-6b27e9afa9bc" providerId="ADAL" clId="{BF04C754-5BF4-4E83-9615-DB14FA25AF8A}" dt="2023-10-12T11:38:08.274" v="295"/>
          <ac:spMkLst>
            <pc:docMk/>
            <pc:sldMk cId="2376958513" sldId="260"/>
            <ac:spMk id="5605" creationId="{ABE48B20-B6B2-79A0-A63F-E71B0A01B46E}"/>
          </ac:spMkLst>
        </pc:spChg>
        <pc:spChg chg="mod">
          <ac:chgData name="White, Alex" userId="eff6cc8c-37d8-483b-9c6c-6b27e9afa9bc" providerId="ADAL" clId="{BF04C754-5BF4-4E83-9615-DB14FA25AF8A}" dt="2023-10-12T11:38:08.274" v="295"/>
          <ac:spMkLst>
            <pc:docMk/>
            <pc:sldMk cId="2376958513" sldId="260"/>
            <ac:spMk id="5606" creationId="{42A81E36-6B10-F66D-1BA5-BE68ACF7B47A}"/>
          </ac:spMkLst>
        </pc:spChg>
        <pc:spChg chg="mod">
          <ac:chgData name="White, Alex" userId="eff6cc8c-37d8-483b-9c6c-6b27e9afa9bc" providerId="ADAL" clId="{BF04C754-5BF4-4E83-9615-DB14FA25AF8A}" dt="2023-10-12T11:38:08.274" v="295"/>
          <ac:spMkLst>
            <pc:docMk/>
            <pc:sldMk cId="2376958513" sldId="260"/>
            <ac:spMk id="5607" creationId="{59EFD233-5BB8-2962-A740-849F5CEEFE55}"/>
          </ac:spMkLst>
        </pc:spChg>
        <pc:spChg chg="mod">
          <ac:chgData name="White, Alex" userId="eff6cc8c-37d8-483b-9c6c-6b27e9afa9bc" providerId="ADAL" clId="{BF04C754-5BF4-4E83-9615-DB14FA25AF8A}" dt="2023-10-12T11:38:08.274" v="295"/>
          <ac:spMkLst>
            <pc:docMk/>
            <pc:sldMk cId="2376958513" sldId="260"/>
            <ac:spMk id="5608" creationId="{CAFDA17A-C441-3436-EC3A-04BE3537D01A}"/>
          </ac:spMkLst>
        </pc:spChg>
        <pc:spChg chg="mod">
          <ac:chgData name="White, Alex" userId="eff6cc8c-37d8-483b-9c6c-6b27e9afa9bc" providerId="ADAL" clId="{BF04C754-5BF4-4E83-9615-DB14FA25AF8A}" dt="2023-10-12T11:38:08.274" v="295"/>
          <ac:spMkLst>
            <pc:docMk/>
            <pc:sldMk cId="2376958513" sldId="260"/>
            <ac:spMk id="5609" creationId="{767483D8-F747-8AB8-1311-167564146E46}"/>
          </ac:spMkLst>
        </pc:spChg>
        <pc:spChg chg="mod">
          <ac:chgData name="White, Alex" userId="eff6cc8c-37d8-483b-9c6c-6b27e9afa9bc" providerId="ADAL" clId="{BF04C754-5BF4-4E83-9615-DB14FA25AF8A}" dt="2023-10-12T11:38:08.274" v="295"/>
          <ac:spMkLst>
            <pc:docMk/>
            <pc:sldMk cId="2376958513" sldId="260"/>
            <ac:spMk id="5610" creationId="{8EE61FDE-4267-C345-37D9-41B32580D3AB}"/>
          </ac:spMkLst>
        </pc:spChg>
        <pc:spChg chg="mod">
          <ac:chgData name="White, Alex" userId="eff6cc8c-37d8-483b-9c6c-6b27e9afa9bc" providerId="ADAL" clId="{BF04C754-5BF4-4E83-9615-DB14FA25AF8A}" dt="2023-10-12T11:38:08.274" v="295"/>
          <ac:spMkLst>
            <pc:docMk/>
            <pc:sldMk cId="2376958513" sldId="260"/>
            <ac:spMk id="5611" creationId="{FAE92873-E6EF-CD9B-CB01-30BCF2CEF3DF}"/>
          </ac:spMkLst>
        </pc:spChg>
        <pc:spChg chg="mod">
          <ac:chgData name="White, Alex" userId="eff6cc8c-37d8-483b-9c6c-6b27e9afa9bc" providerId="ADAL" clId="{BF04C754-5BF4-4E83-9615-DB14FA25AF8A}" dt="2023-10-12T11:38:08.274" v="295"/>
          <ac:spMkLst>
            <pc:docMk/>
            <pc:sldMk cId="2376958513" sldId="260"/>
            <ac:spMk id="5612" creationId="{F6598658-F417-AF74-C99D-AA6C533F3414}"/>
          </ac:spMkLst>
        </pc:spChg>
        <pc:spChg chg="mod">
          <ac:chgData name="White, Alex" userId="eff6cc8c-37d8-483b-9c6c-6b27e9afa9bc" providerId="ADAL" clId="{BF04C754-5BF4-4E83-9615-DB14FA25AF8A}" dt="2023-10-12T11:38:08.274" v="295"/>
          <ac:spMkLst>
            <pc:docMk/>
            <pc:sldMk cId="2376958513" sldId="260"/>
            <ac:spMk id="5613" creationId="{A1DD14C3-CB1B-941E-695E-BA584BF6E1F8}"/>
          </ac:spMkLst>
        </pc:spChg>
        <pc:spChg chg="mod">
          <ac:chgData name="White, Alex" userId="eff6cc8c-37d8-483b-9c6c-6b27e9afa9bc" providerId="ADAL" clId="{BF04C754-5BF4-4E83-9615-DB14FA25AF8A}" dt="2023-10-12T11:38:08.274" v="295"/>
          <ac:spMkLst>
            <pc:docMk/>
            <pc:sldMk cId="2376958513" sldId="260"/>
            <ac:spMk id="5614" creationId="{2C9C48A8-8678-01F6-051D-AC44DD4CA23F}"/>
          </ac:spMkLst>
        </pc:spChg>
        <pc:spChg chg="mod">
          <ac:chgData name="White, Alex" userId="eff6cc8c-37d8-483b-9c6c-6b27e9afa9bc" providerId="ADAL" clId="{BF04C754-5BF4-4E83-9615-DB14FA25AF8A}" dt="2023-10-12T11:38:08.274" v="295"/>
          <ac:spMkLst>
            <pc:docMk/>
            <pc:sldMk cId="2376958513" sldId="260"/>
            <ac:spMk id="5615" creationId="{ED370F7B-D6BC-4A05-A711-00B0D5CFFDDD}"/>
          </ac:spMkLst>
        </pc:spChg>
        <pc:spChg chg="mod">
          <ac:chgData name="White, Alex" userId="eff6cc8c-37d8-483b-9c6c-6b27e9afa9bc" providerId="ADAL" clId="{BF04C754-5BF4-4E83-9615-DB14FA25AF8A}" dt="2023-10-12T11:38:08.274" v="295"/>
          <ac:spMkLst>
            <pc:docMk/>
            <pc:sldMk cId="2376958513" sldId="260"/>
            <ac:spMk id="5616" creationId="{8EA0D1EA-F3CE-458E-358C-BFC39D76DD2D}"/>
          </ac:spMkLst>
        </pc:spChg>
        <pc:spChg chg="mod">
          <ac:chgData name="White, Alex" userId="eff6cc8c-37d8-483b-9c6c-6b27e9afa9bc" providerId="ADAL" clId="{BF04C754-5BF4-4E83-9615-DB14FA25AF8A}" dt="2023-10-12T11:38:08.274" v="295"/>
          <ac:spMkLst>
            <pc:docMk/>
            <pc:sldMk cId="2376958513" sldId="260"/>
            <ac:spMk id="5617" creationId="{C9151AD3-F94B-449E-1AF8-E75BA5D56B3C}"/>
          </ac:spMkLst>
        </pc:spChg>
        <pc:spChg chg="mod">
          <ac:chgData name="White, Alex" userId="eff6cc8c-37d8-483b-9c6c-6b27e9afa9bc" providerId="ADAL" clId="{BF04C754-5BF4-4E83-9615-DB14FA25AF8A}" dt="2023-10-12T11:38:08.274" v="295"/>
          <ac:spMkLst>
            <pc:docMk/>
            <pc:sldMk cId="2376958513" sldId="260"/>
            <ac:spMk id="5618" creationId="{90DB99E0-7717-D620-5456-7F5BD4B8B8AD}"/>
          </ac:spMkLst>
        </pc:spChg>
        <pc:spChg chg="mod">
          <ac:chgData name="White, Alex" userId="eff6cc8c-37d8-483b-9c6c-6b27e9afa9bc" providerId="ADAL" clId="{BF04C754-5BF4-4E83-9615-DB14FA25AF8A}" dt="2023-10-12T11:38:08.274" v="295"/>
          <ac:spMkLst>
            <pc:docMk/>
            <pc:sldMk cId="2376958513" sldId="260"/>
            <ac:spMk id="5619" creationId="{701783F7-16B5-D5B8-D250-7A6F06881F84}"/>
          </ac:spMkLst>
        </pc:spChg>
        <pc:spChg chg="mod">
          <ac:chgData name="White, Alex" userId="eff6cc8c-37d8-483b-9c6c-6b27e9afa9bc" providerId="ADAL" clId="{BF04C754-5BF4-4E83-9615-DB14FA25AF8A}" dt="2023-10-12T11:38:08.274" v="295"/>
          <ac:spMkLst>
            <pc:docMk/>
            <pc:sldMk cId="2376958513" sldId="260"/>
            <ac:spMk id="5620" creationId="{35608340-142D-E114-87F8-7BE5036D508A}"/>
          </ac:spMkLst>
        </pc:spChg>
        <pc:spChg chg="mod">
          <ac:chgData name="White, Alex" userId="eff6cc8c-37d8-483b-9c6c-6b27e9afa9bc" providerId="ADAL" clId="{BF04C754-5BF4-4E83-9615-DB14FA25AF8A}" dt="2023-10-12T11:38:08.274" v="295"/>
          <ac:spMkLst>
            <pc:docMk/>
            <pc:sldMk cId="2376958513" sldId="260"/>
            <ac:spMk id="5621" creationId="{30B35D3B-96EB-A0E0-5CCF-1571B3086E26}"/>
          </ac:spMkLst>
        </pc:spChg>
        <pc:spChg chg="mod">
          <ac:chgData name="White, Alex" userId="eff6cc8c-37d8-483b-9c6c-6b27e9afa9bc" providerId="ADAL" clId="{BF04C754-5BF4-4E83-9615-DB14FA25AF8A}" dt="2023-10-12T11:38:08.274" v="295"/>
          <ac:spMkLst>
            <pc:docMk/>
            <pc:sldMk cId="2376958513" sldId="260"/>
            <ac:spMk id="5633" creationId="{C3F757F0-F73C-3B57-B0EF-ABE5422E33FC}"/>
          </ac:spMkLst>
        </pc:spChg>
        <pc:spChg chg="mod">
          <ac:chgData name="White, Alex" userId="eff6cc8c-37d8-483b-9c6c-6b27e9afa9bc" providerId="ADAL" clId="{BF04C754-5BF4-4E83-9615-DB14FA25AF8A}" dt="2023-10-12T11:38:08.274" v="295"/>
          <ac:spMkLst>
            <pc:docMk/>
            <pc:sldMk cId="2376958513" sldId="260"/>
            <ac:spMk id="5634" creationId="{F03142D7-CF50-38AF-8FDF-56B1ACB38B6B}"/>
          </ac:spMkLst>
        </pc:spChg>
        <pc:spChg chg="mod">
          <ac:chgData name="White, Alex" userId="eff6cc8c-37d8-483b-9c6c-6b27e9afa9bc" providerId="ADAL" clId="{BF04C754-5BF4-4E83-9615-DB14FA25AF8A}" dt="2023-10-12T11:38:08.274" v="295"/>
          <ac:spMkLst>
            <pc:docMk/>
            <pc:sldMk cId="2376958513" sldId="260"/>
            <ac:spMk id="5635" creationId="{3CA979A9-4BBA-D4F5-58C5-150DA8BA033F}"/>
          </ac:spMkLst>
        </pc:spChg>
        <pc:spChg chg="mod">
          <ac:chgData name="White, Alex" userId="eff6cc8c-37d8-483b-9c6c-6b27e9afa9bc" providerId="ADAL" clId="{BF04C754-5BF4-4E83-9615-DB14FA25AF8A}" dt="2023-10-12T11:38:08.274" v="295"/>
          <ac:spMkLst>
            <pc:docMk/>
            <pc:sldMk cId="2376958513" sldId="260"/>
            <ac:spMk id="5636" creationId="{CE69C21C-8BC4-5388-9DE2-9EAA37D3D079}"/>
          </ac:spMkLst>
        </pc:spChg>
        <pc:spChg chg="mod">
          <ac:chgData name="White, Alex" userId="eff6cc8c-37d8-483b-9c6c-6b27e9afa9bc" providerId="ADAL" clId="{BF04C754-5BF4-4E83-9615-DB14FA25AF8A}" dt="2023-10-12T11:38:08.274" v="295"/>
          <ac:spMkLst>
            <pc:docMk/>
            <pc:sldMk cId="2376958513" sldId="260"/>
            <ac:spMk id="5637" creationId="{EF4D92F0-E2E2-8851-4CA5-422AE429DEAB}"/>
          </ac:spMkLst>
        </pc:spChg>
        <pc:spChg chg="mod">
          <ac:chgData name="White, Alex" userId="eff6cc8c-37d8-483b-9c6c-6b27e9afa9bc" providerId="ADAL" clId="{BF04C754-5BF4-4E83-9615-DB14FA25AF8A}" dt="2023-10-12T11:38:08.274" v="295"/>
          <ac:spMkLst>
            <pc:docMk/>
            <pc:sldMk cId="2376958513" sldId="260"/>
            <ac:spMk id="5638" creationId="{3731E5C4-F4A1-84C8-4613-00ABFE3B59F5}"/>
          </ac:spMkLst>
        </pc:spChg>
        <pc:spChg chg="mod">
          <ac:chgData name="White, Alex" userId="eff6cc8c-37d8-483b-9c6c-6b27e9afa9bc" providerId="ADAL" clId="{BF04C754-5BF4-4E83-9615-DB14FA25AF8A}" dt="2023-10-12T11:38:08.274" v="295"/>
          <ac:spMkLst>
            <pc:docMk/>
            <pc:sldMk cId="2376958513" sldId="260"/>
            <ac:spMk id="5639" creationId="{347CC5E3-C0F1-FF32-020F-71A166467F23}"/>
          </ac:spMkLst>
        </pc:spChg>
        <pc:spChg chg="mod">
          <ac:chgData name="White, Alex" userId="eff6cc8c-37d8-483b-9c6c-6b27e9afa9bc" providerId="ADAL" clId="{BF04C754-5BF4-4E83-9615-DB14FA25AF8A}" dt="2023-10-12T11:38:08.274" v="295"/>
          <ac:spMkLst>
            <pc:docMk/>
            <pc:sldMk cId="2376958513" sldId="260"/>
            <ac:spMk id="5640" creationId="{FA8FC519-3839-C92A-7B16-5C251E0E07EB}"/>
          </ac:spMkLst>
        </pc:spChg>
        <pc:spChg chg="mod">
          <ac:chgData name="White, Alex" userId="eff6cc8c-37d8-483b-9c6c-6b27e9afa9bc" providerId="ADAL" clId="{BF04C754-5BF4-4E83-9615-DB14FA25AF8A}" dt="2023-10-12T11:38:08.274" v="295"/>
          <ac:spMkLst>
            <pc:docMk/>
            <pc:sldMk cId="2376958513" sldId="260"/>
            <ac:spMk id="5641" creationId="{52463B54-7FB8-A2B5-3E9E-BB0AFD8C587B}"/>
          </ac:spMkLst>
        </pc:spChg>
        <pc:spChg chg="mod">
          <ac:chgData name="White, Alex" userId="eff6cc8c-37d8-483b-9c6c-6b27e9afa9bc" providerId="ADAL" clId="{BF04C754-5BF4-4E83-9615-DB14FA25AF8A}" dt="2023-10-12T11:38:08.274" v="295"/>
          <ac:spMkLst>
            <pc:docMk/>
            <pc:sldMk cId="2376958513" sldId="260"/>
            <ac:spMk id="5642" creationId="{6206376B-45AB-4FE9-9C5D-743FBE032897}"/>
          </ac:spMkLst>
        </pc:spChg>
        <pc:spChg chg="mod">
          <ac:chgData name="White, Alex" userId="eff6cc8c-37d8-483b-9c6c-6b27e9afa9bc" providerId="ADAL" clId="{BF04C754-5BF4-4E83-9615-DB14FA25AF8A}" dt="2023-10-12T11:38:08.274" v="295"/>
          <ac:spMkLst>
            <pc:docMk/>
            <pc:sldMk cId="2376958513" sldId="260"/>
            <ac:spMk id="5643" creationId="{F19ADB87-7A12-56DA-1F81-86A6AAE4A6D2}"/>
          </ac:spMkLst>
        </pc:spChg>
        <pc:spChg chg="mod">
          <ac:chgData name="White, Alex" userId="eff6cc8c-37d8-483b-9c6c-6b27e9afa9bc" providerId="ADAL" clId="{BF04C754-5BF4-4E83-9615-DB14FA25AF8A}" dt="2023-10-12T11:38:08.274" v="295"/>
          <ac:spMkLst>
            <pc:docMk/>
            <pc:sldMk cId="2376958513" sldId="260"/>
            <ac:spMk id="5644" creationId="{58D6A07E-4862-CDCD-FF9E-B606A8F66887}"/>
          </ac:spMkLst>
        </pc:spChg>
        <pc:spChg chg="mod">
          <ac:chgData name="White, Alex" userId="eff6cc8c-37d8-483b-9c6c-6b27e9afa9bc" providerId="ADAL" clId="{BF04C754-5BF4-4E83-9615-DB14FA25AF8A}" dt="2023-10-12T11:38:08.274" v="295"/>
          <ac:spMkLst>
            <pc:docMk/>
            <pc:sldMk cId="2376958513" sldId="260"/>
            <ac:spMk id="5645" creationId="{99C28C27-F064-72BD-5D25-D53BC4ABE463}"/>
          </ac:spMkLst>
        </pc:spChg>
        <pc:spChg chg="mod">
          <ac:chgData name="White, Alex" userId="eff6cc8c-37d8-483b-9c6c-6b27e9afa9bc" providerId="ADAL" clId="{BF04C754-5BF4-4E83-9615-DB14FA25AF8A}" dt="2023-10-12T11:38:08.274" v="295"/>
          <ac:spMkLst>
            <pc:docMk/>
            <pc:sldMk cId="2376958513" sldId="260"/>
            <ac:spMk id="5646" creationId="{571FA974-14ED-6B66-6C41-413DC1C30FB3}"/>
          </ac:spMkLst>
        </pc:spChg>
        <pc:spChg chg="mod">
          <ac:chgData name="White, Alex" userId="eff6cc8c-37d8-483b-9c6c-6b27e9afa9bc" providerId="ADAL" clId="{BF04C754-5BF4-4E83-9615-DB14FA25AF8A}" dt="2023-10-12T11:38:08.274" v="295"/>
          <ac:spMkLst>
            <pc:docMk/>
            <pc:sldMk cId="2376958513" sldId="260"/>
            <ac:spMk id="5647" creationId="{8B9E3E67-FB28-4ADA-1262-1BA79A32A78F}"/>
          </ac:spMkLst>
        </pc:spChg>
        <pc:spChg chg="mod">
          <ac:chgData name="White, Alex" userId="eff6cc8c-37d8-483b-9c6c-6b27e9afa9bc" providerId="ADAL" clId="{BF04C754-5BF4-4E83-9615-DB14FA25AF8A}" dt="2023-10-12T11:38:08.274" v="295"/>
          <ac:spMkLst>
            <pc:docMk/>
            <pc:sldMk cId="2376958513" sldId="260"/>
            <ac:spMk id="5648" creationId="{B184DAF5-6B08-81AF-1651-348DDCCFAA99}"/>
          </ac:spMkLst>
        </pc:spChg>
        <pc:spChg chg="mod">
          <ac:chgData name="White, Alex" userId="eff6cc8c-37d8-483b-9c6c-6b27e9afa9bc" providerId="ADAL" clId="{BF04C754-5BF4-4E83-9615-DB14FA25AF8A}" dt="2023-10-12T11:38:08.274" v="295"/>
          <ac:spMkLst>
            <pc:docMk/>
            <pc:sldMk cId="2376958513" sldId="260"/>
            <ac:spMk id="5649" creationId="{DC5CAE84-AAB5-7F33-48F8-C6D99473B933}"/>
          </ac:spMkLst>
        </pc:spChg>
        <pc:spChg chg="mod">
          <ac:chgData name="White, Alex" userId="eff6cc8c-37d8-483b-9c6c-6b27e9afa9bc" providerId="ADAL" clId="{BF04C754-5BF4-4E83-9615-DB14FA25AF8A}" dt="2023-10-12T11:38:08.274" v="295"/>
          <ac:spMkLst>
            <pc:docMk/>
            <pc:sldMk cId="2376958513" sldId="260"/>
            <ac:spMk id="5650" creationId="{967C7BE4-C500-DA35-2A4B-34CC94FBBC83}"/>
          </ac:spMkLst>
        </pc:spChg>
        <pc:spChg chg="mod">
          <ac:chgData name="White, Alex" userId="eff6cc8c-37d8-483b-9c6c-6b27e9afa9bc" providerId="ADAL" clId="{BF04C754-5BF4-4E83-9615-DB14FA25AF8A}" dt="2023-10-12T11:38:08.274" v="295"/>
          <ac:spMkLst>
            <pc:docMk/>
            <pc:sldMk cId="2376958513" sldId="260"/>
            <ac:spMk id="5651" creationId="{7FC1E3ED-1257-F2B4-41D5-13629250D0F9}"/>
          </ac:spMkLst>
        </pc:spChg>
        <pc:spChg chg="mod">
          <ac:chgData name="White, Alex" userId="eff6cc8c-37d8-483b-9c6c-6b27e9afa9bc" providerId="ADAL" clId="{BF04C754-5BF4-4E83-9615-DB14FA25AF8A}" dt="2023-10-12T11:38:08.274" v="295"/>
          <ac:spMkLst>
            <pc:docMk/>
            <pc:sldMk cId="2376958513" sldId="260"/>
            <ac:spMk id="5652" creationId="{EF1AD1AD-1DE2-F108-BBCE-ABC7E74CFB63}"/>
          </ac:spMkLst>
        </pc:spChg>
        <pc:spChg chg="mod">
          <ac:chgData name="White, Alex" userId="eff6cc8c-37d8-483b-9c6c-6b27e9afa9bc" providerId="ADAL" clId="{BF04C754-5BF4-4E83-9615-DB14FA25AF8A}" dt="2023-10-12T11:38:08.274" v="295"/>
          <ac:spMkLst>
            <pc:docMk/>
            <pc:sldMk cId="2376958513" sldId="260"/>
            <ac:spMk id="5653" creationId="{B377C452-5FFF-6575-192B-1B028B67E1EF}"/>
          </ac:spMkLst>
        </pc:spChg>
        <pc:spChg chg="mod">
          <ac:chgData name="White, Alex" userId="eff6cc8c-37d8-483b-9c6c-6b27e9afa9bc" providerId="ADAL" clId="{BF04C754-5BF4-4E83-9615-DB14FA25AF8A}" dt="2023-10-12T11:38:08.274" v="295"/>
          <ac:spMkLst>
            <pc:docMk/>
            <pc:sldMk cId="2376958513" sldId="260"/>
            <ac:spMk id="5654" creationId="{1F3A7DBF-0291-5A72-62C7-29C5849B9F97}"/>
          </ac:spMkLst>
        </pc:spChg>
        <pc:spChg chg="mod">
          <ac:chgData name="White, Alex" userId="eff6cc8c-37d8-483b-9c6c-6b27e9afa9bc" providerId="ADAL" clId="{BF04C754-5BF4-4E83-9615-DB14FA25AF8A}" dt="2023-10-12T11:38:08.274" v="295"/>
          <ac:spMkLst>
            <pc:docMk/>
            <pc:sldMk cId="2376958513" sldId="260"/>
            <ac:spMk id="5655" creationId="{10292C85-D621-7DB8-83FA-89F7D0C8D9B6}"/>
          </ac:spMkLst>
        </pc:spChg>
        <pc:spChg chg="mod">
          <ac:chgData name="White, Alex" userId="eff6cc8c-37d8-483b-9c6c-6b27e9afa9bc" providerId="ADAL" clId="{BF04C754-5BF4-4E83-9615-DB14FA25AF8A}" dt="2023-10-12T11:38:08.274" v="295"/>
          <ac:spMkLst>
            <pc:docMk/>
            <pc:sldMk cId="2376958513" sldId="260"/>
            <ac:spMk id="5656" creationId="{39223458-D44B-E53F-842F-9B4F76FE906B}"/>
          </ac:spMkLst>
        </pc:spChg>
        <pc:spChg chg="mod">
          <ac:chgData name="White, Alex" userId="eff6cc8c-37d8-483b-9c6c-6b27e9afa9bc" providerId="ADAL" clId="{BF04C754-5BF4-4E83-9615-DB14FA25AF8A}" dt="2023-10-12T11:38:08.274" v="295"/>
          <ac:spMkLst>
            <pc:docMk/>
            <pc:sldMk cId="2376958513" sldId="260"/>
            <ac:spMk id="5657" creationId="{03379812-AD9B-E6E6-4773-A44921D75E8F}"/>
          </ac:spMkLst>
        </pc:spChg>
        <pc:spChg chg="mod">
          <ac:chgData name="White, Alex" userId="eff6cc8c-37d8-483b-9c6c-6b27e9afa9bc" providerId="ADAL" clId="{BF04C754-5BF4-4E83-9615-DB14FA25AF8A}" dt="2023-10-12T11:38:08.274" v="295"/>
          <ac:spMkLst>
            <pc:docMk/>
            <pc:sldMk cId="2376958513" sldId="260"/>
            <ac:spMk id="5658" creationId="{6E4E272E-1FD3-B873-00C2-8E038F22AFD3}"/>
          </ac:spMkLst>
        </pc:spChg>
        <pc:spChg chg="mod">
          <ac:chgData name="White, Alex" userId="eff6cc8c-37d8-483b-9c6c-6b27e9afa9bc" providerId="ADAL" clId="{BF04C754-5BF4-4E83-9615-DB14FA25AF8A}" dt="2023-10-12T11:38:08.274" v="295"/>
          <ac:spMkLst>
            <pc:docMk/>
            <pc:sldMk cId="2376958513" sldId="260"/>
            <ac:spMk id="5659" creationId="{134CDF28-C4A4-E7EE-4B68-29A6C81A72F3}"/>
          </ac:spMkLst>
        </pc:spChg>
        <pc:spChg chg="mod">
          <ac:chgData name="White, Alex" userId="eff6cc8c-37d8-483b-9c6c-6b27e9afa9bc" providerId="ADAL" clId="{BF04C754-5BF4-4E83-9615-DB14FA25AF8A}" dt="2023-10-12T11:38:08.274" v="295"/>
          <ac:spMkLst>
            <pc:docMk/>
            <pc:sldMk cId="2376958513" sldId="260"/>
            <ac:spMk id="5660" creationId="{D59173EC-2CF8-0CE4-5956-66FC50BEB97C}"/>
          </ac:spMkLst>
        </pc:spChg>
        <pc:spChg chg="mod">
          <ac:chgData name="White, Alex" userId="eff6cc8c-37d8-483b-9c6c-6b27e9afa9bc" providerId="ADAL" clId="{BF04C754-5BF4-4E83-9615-DB14FA25AF8A}" dt="2023-10-12T11:38:08.274" v="295"/>
          <ac:spMkLst>
            <pc:docMk/>
            <pc:sldMk cId="2376958513" sldId="260"/>
            <ac:spMk id="5661" creationId="{453DAB29-87C6-4EA2-521D-F6841C0C2ED7}"/>
          </ac:spMkLst>
        </pc:spChg>
        <pc:spChg chg="mod">
          <ac:chgData name="White, Alex" userId="eff6cc8c-37d8-483b-9c6c-6b27e9afa9bc" providerId="ADAL" clId="{BF04C754-5BF4-4E83-9615-DB14FA25AF8A}" dt="2023-10-12T11:38:08.274" v="295"/>
          <ac:spMkLst>
            <pc:docMk/>
            <pc:sldMk cId="2376958513" sldId="260"/>
            <ac:spMk id="5662" creationId="{2877BF26-5AE7-1CC3-021A-411A5458BFD5}"/>
          </ac:spMkLst>
        </pc:spChg>
        <pc:spChg chg="mod">
          <ac:chgData name="White, Alex" userId="eff6cc8c-37d8-483b-9c6c-6b27e9afa9bc" providerId="ADAL" clId="{BF04C754-5BF4-4E83-9615-DB14FA25AF8A}" dt="2023-10-12T11:38:08.274" v="295"/>
          <ac:spMkLst>
            <pc:docMk/>
            <pc:sldMk cId="2376958513" sldId="260"/>
            <ac:spMk id="5663" creationId="{399A5E71-E27C-FA7E-7244-583FFB25E176}"/>
          </ac:spMkLst>
        </pc:spChg>
        <pc:spChg chg="mod">
          <ac:chgData name="White, Alex" userId="eff6cc8c-37d8-483b-9c6c-6b27e9afa9bc" providerId="ADAL" clId="{BF04C754-5BF4-4E83-9615-DB14FA25AF8A}" dt="2023-10-12T11:38:08.274" v="295"/>
          <ac:spMkLst>
            <pc:docMk/>
            <pc:sldMk cId="2376958513" sldId="260"/>
            <ac:spMk id="5664" creationId="{D7CEF45B-433E-B507-7025-5C6EE9AB58E5}"/>
          </ac:spMkLst>
        </pc:spChg>
        <pc:spChg chg="mod">
          <ac:chgData name="White, Alex" userId="eff6cc8c-37d8-483b-9c6c-6b27e9afa9bc" providerId="ADAL" clId="{BF04C754-5BF4-4E83-9615-DB14FA25AF8A}" dt="2023-10-12T11:38:08.274" v="295"/>
          <ac:spMkLst>
            <pc:docMk/>
            <pc:sldMk cId="2376958513" sldId="260"/>
            <ac:spMk id="5665" creationId="{6C7F690F-766C-0CD1-4830-1A5E60CF78E1}"/>
          </ac:spMkLst>
        </pc:spChg>
        <pc:spChg chg="mod">
          <ac:chgData name="White, Alex" userId="eff6cc8c-37d8-483b-9c6c-6b27e9afa9bc" providerId="ADAL" clId="{BF04C754-5BF4-4E83-9615-DB14FA25AF8A}" dt="2023-10-12T11:38:08.274" v="295"/>
          <ac:spMkLst>
            <pc:docMk/>
            <pc:sldMk cId="2376958513" sldId="260"/>
            <ac:spMk id="5666" creationId="{AF7BFC5F-5FB7-F386-F887-3FC3C3D02884}"/>
          </ac:spMkLst>
        </pc:spChg>
        <pc:spChg chg="mod">
          <ac:chgData name="White, Alex" userId="eff6cc8c-37d8-483b-9c6c-6b27e9afa9bc" providerId="ADAL" clId="{BF04C754-5BF4-4E83-9615-DB14FA25AF8A}" dt="2023-10-12T11:38:08.274" v="295"/>
          <ac:spMkLst>
            <pc:docMk/>
            <pc:sldMk cId="2376958513" sldId="260"/>
            <ac:spMk id="5667" creationId="{DB2FAA5C-9903-D8B7-C05B-A10EC7D2E876}"/>
          </ac:spMkLst>
        </pc:spChg>
        <pc:spChg chg="mod">
          <ac:chgData name="White, Alex" userId="eff6cc8c-37d8-483b-9c6c-6b27e9afa9bc" providerId="ADAL" clId="{BF04C754-5BF4-4E83-9615-DB14FA25AF8A}" dt="2023-10-12T11:38:08.274" v="295"/>
          <ac:spMkLst>
            <pc:docMk/>
            <pc:sldMk cId="2376958513" sldId="260"/>
            <ac:spMk id="5668" creationId="{E84F6E5B-6961-4454-F284-2180B9EBAEAA}"/>
          </ac:spMkLst>
        </pc:spChg>
        <pc:spChg chg="mod">
          <ac:chgData name="White, Alex" userId="eff6cc8c-37d8-483b-9c6c-6b27e9afa9bc" providerId="ADAL" clId="{BF04C754-5BF4-4E83-9615-DB14FA25AF8A}" dt="2023-10-12T11:38:08.274" v="295"/>
          <ac:spMkLst>
            <pc:docMk/>
            <pc:sldMk cId="2376958513" sldId="260"/>
            <ac:spMk id="5669" creationId="{27BE341E-3899-6E1B-81D6-98476B8FCCEE}"/>
          </ac:spMkLst>
        </pc:spChg>
        <pc:spChg chg="mod">
          <ac:chgData name="White, Alex" userId="eff6cc8c-37d8-483b-9c6c-6b27e9afa9bc" providerId="ADAL" clId="{BF04C754-5BF4-4E83-9615-DB14FA25AF8A}" dt="2023-10-12T11:38:08.274" v="295"/>
          <ac:spMkLst>
            <pc:docMk/>
            <pc:sldMk cId="2376958513" sldId="260"/>
            <ac:spMk id="5670" creationId="{78034BBA-CA7D-D7E0-3EDD-C3BAC30424E7}"/>
          </ac:spMkLst>
        </pc:spChg>
        <pc:spChg chg="mod">
          <ac:chgData name="White, Alex" userId="eff6cc8c-37d8-483b-9c6c-6b27e9afa9bc" providerId="ADAL" clId="{BF04C754-5BF4-4E83-9615-DB14FA25AF8A}" dt="2023-10-12T11:38:08.274" v="295"/>
          <ac:spMkLst>
            <pc:docMk/>
            <pc:sldMk cId="2376958513" sldId="260"/>
            <ac:spMk id="5671" creationId="{FB7D382C-DCB8-AD7F-AECB-969EAB22378A}"/>
          </ac:spMkLst>
        </pc:spChg>
        <pc:spChg chg="mod">
          <ac:chgData name="White, Alex" userId="eff6cc8c-37d8-483b-9c6c-6b27e9afa9bc" providerId="ADAL" clId="{BF04C754-5BF4-4E83-9615-DB14FA25AF8A}" dt="2023-10-12T11:38:08.274" v="295"/>
          <ac:spMkLst>
            <pc:docMk/>
            <pc:sldMk cId="2376958513" sldId="260"/>
            <ac:spMk id="5672" creationId="{4644E38E-5CDF-28CC-D12E-44F6FC2839F3}"/>
          </ac:spMkLst>
        </pc:spChg>
        <pc:spChg chg="mod">
          <ac:chgData name="White, Alex" userId="eff6cc8c-37d8-483b-9c6c-6b27e9afa9bc" providerId="ADAL" clId="{BF04C754-5BF4-4E83-9615-DB14FA25AF8A}" dt="2023-10-12T11:38:08.274" v="295"/>
          <ac:spMkLst>
            <pc:docMk/>
            <pc:sldMk cId="2376958513" sldId="260"/>
            <ac:spMk id="5673" creationId="{2BA8E7D4-D1D4-6CAA-2F93-6972AA4A1A8C}"/>
          </ac:spMkLst>
        </pc:spChg>
        <pc:spChg chg="mod">
          <ac:chgData name="White, Alex" userId="eff6cc8c-37d8-483b-9c6c-6b27e9afa9bc" providerId="ADAL" clId="{BF04C754-5BF4-4E83-9615-DB14FA25AF8A}" dt="2023-10-12T11:38:08.274" v="295"/>
          <ac:spMkLst>
            <pc:docMk/>
            <pc:sldMk cId="2376958513" sldId="260"/>
            <ac:spMk id="5674" creationId="{91C3BBE7-5314-8D3E-8776-F126A29EF999}"/>
          </ac:spMkLst>
        </pc:spChg>
        <pc:spChg chg="mod">
          <ac:chgData name="White, Alex" userId="eff6cc8c-37d8-483b-9c6c-6b27e9afa9bc" providerId="ADAL" clId="{BF04C754-5BF4-4E83-9615-DB14FA25AF8A}" dt="2023-10-12T11:38:08.274" v="295"/>
          <ac:spMkLst>
            <pc:docMk/>
            <pc:sldMk cId="2376958513" sldId="260"/>
            <ac:spMk id="5675" creationId="{EFAC45D9-4135-F0D0-8640-08CB99167B09}"/>
          </ac:spMkLst>
        </pc:spChg>
        <pc:spChg chg="mod">
          <ac:chgData name="White, Alex" userId="eff6cc8c-37d8-483b-9c6c-6b27e9afa9bc" providerId="ADAL" clId="{BF04C754-5BF4-4E83-9615-DB14FA25AF8A}" dt="2023-10-12T11:38:08.274" v="295"/>
          <ac:spMkLst>
            <pc:docMk/>
            <pc:sldMk cId="2376958513" sldId="260"/>
            <ac:spMk id="5676" creationId="{BE46565F-2C9C-6B87-C7DB-42C97B86BAC6}"/>
          </ac:spMkLst>
        </pc:spChg>
        <pc:spChg chg="mod">
          <ac:chgData name="White, Alex" userId="eff6cc8c-37d8-483b-9c6c-6b27e9afa9bc" providerId="ADAL" clId="{BF04C754-5BF4-4E83-9615-DB14FA25AF8A}" dt="2023-10-12T11:38:08.274" v="295"/>
          <ac:spMkLst>
            <pc:docMk/>
            <pc:sldMk cId="2376958513" sldId="260"/>
            <ac:spMk id="5677" creationId="{995DA27E-6D9F-28F2-16E5-024612D05F30}"/>
          </ac:spMkLst>
        </pc:spChg>
        <pc:spChg chg="mod">
          <ac:chgData name="White, Alex" userId="eff6cc8c-37d8-483b-9c6c-6b27e9afa9bc" providerId="ADAL" clId="{BF04C754-5BF4-4E83-9615-DB14FA25AF8A}" dt="2023-10-12T11:38:08.274" v="295"/>
          <ac:spMkLst>
            <pc:docMk/>
            <pc:sldMk cId="2376958513" sldId="260"/>
            <ac:spMk id="5678" creationId="{A4B4A815-F773-2D74-7BB0-245C6F1D5E25}"/>
          </ac:spMkLst>
        </pc:spChg>
        <pc:spChg chg="mod">
          <ac:chgData name="White, Alex" userId="eff6cc8c-37d8-483b-9c6c-6b27e9afa9bc" providerId="ADAL" clId="{BF04C754-5BF4-4E83-9615-DB14FA25AF8A}" dt="2023-10-12T11:38:08.274" v="295"/>
          <ac:spMkLst>
            <pc:docMk/>
            <pc:sldMk cId="2376958513" sldId="260"/>
            <ac:spMk id="5679" creationId="{9DF4709C-5813-DB46-1360-E7E98E01C632}"/>
          </ac:spMkLst>
        </pc:spChg>
        <pc:spChg chg="mod">
          <ac:chgData name="White, Alex" userId="eff6cc8c-37d8-483b-9c6c-6b27e9afa9bc" providerId="ADAL" clId="{BF04C754-5BF4-4E83-9615-DB14FA25AF8A}" dt="2023-10-12T11:38:08.274" v="295"/>
          <ac:spMkLst>
            <pc:docMk/>
            <pc:sldMk cId="2376958513" sldId="260"/>
            <ac:spMk id="5680" creationId="{9856CADC-910F-5F4E-E867-0922B97CD550}"/>
          </ac:spMkLst>
        </pc:spChg>
        <pc:spChg chg="mod">
          <ac:chgData name="White, Alex" userId="eff6cc8c-37d8-483b-9c6c-6b27e9afa9bc" providerId="ADAL" clId="{BF04C754-5BF4-4E83-9615-DB14FA25AF8A}" dt="2023-10-12T11:38:08.274" v="295"/>
          <ac:spMkLst>
            <pc:docMk/>
            <pc:sldMk cId="2376958513" sldId="260"/>
            <ac:spMk id="5681" creationId="{6B6D4541-A1B4-B06D-4852-E255C084FE1F}"/>
          </ac:spMkLst>
        </pc:spChg>
        <pc:spChg chg="mod">
          <ac:chgData name="White, Alex" userId="eff6cc8c-37d8-483b-9c6c-6b27e9afa9bc" providerId="ADAL" clId="{BF04C754-5BF4-4E83-9615-DB14FA25AF8A}" dt="2023-10-12T11:38:08.274" v="295"/>
          <ac:spMkLst>
            <pc:docMk/>
            <pc:sldMk cId="2376958513" sldId="260"/>
            <ac:spMk id="5682" creationId="{77375A49-3EFB-E9AC-D078-AE3B7BA7E387}"/>
          </ac:spMkLst>
        </pc:spChg>
        <pc:spChg chg="mod">
          <ac:chgData name="White, Alex" userId="eff6cc8c-37d8-483b-9c6c-6b27e9afa9bc" providerId="ADAL" clId="{BF04C754-5BF4-4E83-9615-DB14FA25AF8A}" dt="2023-10-12T11:38:08.274" v="295"/>
          <ac:spMkLst>
            <pc:docMk/>
            <pc:sldMk cId="2376958513" sldId="260"/>
            <ac:spMk id="5683" creationId="{4D63829A-7CE7-4F73-7FD3-209401151D1F}"/>
          </ac:spMkLst>
        </pc:spChg>
        <pc:spChg chg="mod">
          <ac:chgData name="White, Alex" userId="eff6cc8c-37d8-483b-9c6c-6b27e9afa9bc" providerId="ADAL" clId="{BF04C754-5BF4-4E83-9615-DB14FA25AF8A}" dt="2023-10-12T11:38:08.274" v="295"/>
          <ac:spMkLst>
            <pc:docMk/>
            <pc:sldMk cId="2376958513" sldId="260"/>
            <ac:spMk id="5684" creationId="{47A4DAF7-AD8C-5AD8-3F96-14B10E40E1C9}"/>
          </ac:spMkLst>
        </pc:spChg>
        <pc:spChg chg="mod">
          <ac:chgData name="White, Alex" userId="eff6cc8c-37d8-483b-9c6c-6b27e9afa9bc" providerId="ADAL" clId="{BF04C754-5BF4-4E83-9615-DB14FA25AF8A}" dt="2023-10-12T11:38:08.274" v="295"/>
          <ac:spMkLst>
            <pc:docMk/>
            <pc:sldMk cId="2376958513" sldId="260"/>
            <ac:spMk id="5685" creationId="{F97FB698-B89C-CC59-7FAE-4477BFA759A8}"/>
          </ac:spMkLst>
        </pc:spChg>
        <pc:spChg chg="mod">
          <ac:chgData name="White, Alex" userId="eff6cc8c-37d8-483b-9c6c-6b27e9afa9bc" providerId="ADAL" clId="{BF04C754-5BF4-4E83-9615-DB14FA25AF8A}" dt="2023-10-12T11:38:08.274" v="295"/>
          <ac:spMkLst>
            <pc:docMk/>
            <pc:sldMk cId="2376958513" sldId="260"/>
            <ac:spMk id="5686" creationId="{EF92EB3C-C72A-ABF8-CDC4-47AF9E4852AE}"/>
          </ac:spMkLst>
        </pc:spChg>
        <pc:spChg chg="mod">
          <ac:chgData name="White, Alex" userId="eff6cc8c-37d8-483b-9c6c-6b27e9afa9bc" providerId="ADAL" clId="{BF04C754-5BF4-4E83-9615-DB14FA25AF8A}" dt="2023-10-12T11:38:08.274" v="295"/>
          <ac:spMkLst>
            <pc:docMk/>
            <pc:sldMk cId="2376958513" sldId="260"/>
            <ac:spMk id="5687" creationId="{90DC2888-B901-5BCE-C95F-C504017147D3}"/>
          </ac:spMkLst>
        </pc:spChg>
        <pc:spChg chg="mod">
          <ac:chgData name="White, Alex" userId="eff6cc8c-37d8-483b-9c6c-6b27e9afa9bc" providerId="ADAL" clId="{BF04C754-5BF4-4E83-9615-DB14FA25AF8A}" dt="2023-10-12T11:38:08.274" v="295"/>
          <ac:spMkLst>
            <pc:docMk/>
            <pc:sldMk cId="2376958513" sldId="260"/>
            <ac:spMk id="5688" creationId="{ECCFB50A-23BD-C831-90C6-EF6E0E7DD238}"/>
          </ac:spMkLst>
        </pc:spChg>
        <pc:spChg chg="mod">
          <ac:chgData name="White, Alex" userId="eff6cc8c-37d8-483b-9c6c-6b27e9afa9bc" providerId="ADAL" clId="{BF04C754-5BF4-4E83-9615-DB14FA25AF8A}" dt="2023-10-12T11:38:08.274" v="295"/>
          <ac:spMkLst>
            <pc:docMk/>
            <pc:sldMk cId="2376958513" sldId="260"/>
            <ac:spMk id="5689" creationId="{143BC053-1E51-8686-7A63-04864467A7F3}"/>
          </ac:spMkLst>
        </pc:spChg>
        <pc:spChg chg="mod">
          <ac:chgData name="White, Alex" userId="eff6cc8c-37d8-483b-9c6c-6b27e9afa9bc" providerId="ADAL" clId="{BF04C754-5BF4-4E83-9615-DB14FA25AF8A}" dt="2023-10-12T11:38:08.274" v="295"/>
          <ac:spMkLst>
            <pc:docMk/>
            <pc:sldMk cId="2376958513" sldId="260"/>
            <ac:spMk id="5690" creationId="{1C93E63B-BCC1-9835-FE47-006DBC1CDFBF}"/>
          </ac:spMkLst>
        </pc:spChg>
        <pc:spChg chg="mod">
          <ac:chgData name="White, Alex" userId="eff6cc8c-37d8-483b-9c6c-6b27e9afa9bc" providerId="ADAL" clId="{BF04C754-5BF4-4E83-9615-DB14FA25AF8A}" dt="2023-10-12T11:38:08.274" v="295"/>
          <ac:spMkLst>
            <pc:docMk/>
            <pc:sldMk cId="2376958513" sldId="260"/>
            <ac:spMk id="5691" creationId="{BE4C1117-B7F3-9922-456C-CA76CAF7DA15}"/>
          </ac:spMkLst>
        </pc:spChg>
        <pc:spChg chg="mod">
          <ac:chgData name="White, Alex" userId="eff6cc8c-37d8-483b-9c6c-6b27e9afa9bc" providerId="ADAL" clId="{BF04C754-5BF4-4E83-9615-DB14FA25AF8A}" dt="2023-10-12T11:38:08.274" v="295"/>
          <ac:spMkLst>
            <pc:docMk/>
            <pc:sldMk cId="2376958513" sldId="260"/>
            <ac:spMk id="5692" creationId="{6D8312F5-9E4E-8861-B400-A3AB6DFFE151}"/>
          </ac:spMkLst>
        </pc:spChg>
        <pc:spChg chg="mod">
          <ac:chgData name="White, Alex" userId="eff6cc8c-37d8-483b-9c6c-6b27e9afa9bc" providerId="ADAL" clId="{BF04C754-5BF4-4E83-9615-DB14FA25AF8A}" dt="2023-10-12T11:38:08.274" v="295"/>
          <ac:spMkLst>
            <pc:docMk/>
            <pc:sldMk cId="2376958513" sldId="260"/>
            <ac:spMk id="5693" creationId="{565DB6D6-9568-0C7B-3572-ECAC364BFAD0}"/>
          </ac:spMkLst>
        </pc:spChg>
        <pc:spChg chg="mod">
          <ac:chgData name="White, Alex" userId="eff6cc8c-37d8-483b-9c6c-6b27e9afa9bc" providerId="ADAL" clId="{BF04C754-5BF4-4E83-9615-DB14FA25AF8A}" dt="2023-10-12T11:38:08.274" v="295"/>
          <ac:spMkLst>
            <pc:docMk/>
            <pc:sldMk cId="2376958513" sldId="260"/>
            <ac:spMk id="5694" creationId="{C5F22EBF-8577-67CD-1728-8068FAC0409B}"/>
          </ac:spMkLst>
        </pc:spChg>
        <pc:spChg chg="mod">
          <ac:chgData name="White, Alex" userId="eff6cc8c-37d8-483b-9c6c-6b27e9afa9bc" providerId="ADAL" clId="{BF04C754-5BF4-4E83-9615-DB14FA25AF8A}" dt="2023-10-12T11:38:08.274" v="295"/>
          <ac:spMkLst>
            <pc:docMk/>
            <pc:sldMk cId="2376958513" sldId="260"/>
            <ac:spMk id="5695" creationId="{E9966D5E-4DFB-CA09-0CBC-B7244A81FC36}"/>
          </ac:spMkLst>
        </pc:spChg>
        <pc:spChg chg="mod">
          <ac:chgData name="White, Alex" userId="eff6cc8c-37d8-483b-9c6c-6b27e9afa9bc" providerId="ADAL" clId="{BF04C754-5BF4-4E83-9615-DB14FA25AF8A}" dt="2023-10-12T11:38:08.274" v="295"/>
          <ac:spMkLst>
            <pc:docMk/>
            <pc:sldMk cId="2376958513" sldId="260"/>
            <ac:spMk id="5696" creationId="{826AE0E7-C28B-7B1D-16F8-D0F09B7A3643}"/>
          </ac:spMkLst>
        </pc:spChg>
        <pc:spChg chg="mod">
          <ac:chgData name="White, Alex" userId="eff6cc8c-37d8-483b-9c6c-6b27e9afa9bc" providerId="ADAL" clId="{BF04C754-5BF4-4E83-9615-DB14FA25AF8A}" dt="2023-10-12T11:38:08.274" v="295"/>
          <ac:spMkLst>
            <pc:docMk/>
            <pc:sldMk cId="2376958513" sldId="260"/>
            <ac:spMk id="5697" creationId="{A614652F-8CC8-7A21-065F-394CE2A92D90}"/>
          </ac:spMkLst>
        </pc:spChg>
        <pc:spChg chg="mod">
          <ac:chgData name="White, Alex" userId="eff6cc8c-37d8-483b-9c6c-6b27e9afa9bc" providerId="ADAL" clId="{BF04C754-5BF4-4E83-9615-DB14FA25AF8A}" dt="2023-10-12T11:38:08.274" v="295"/>
          <ac:spMkLst>
            <pc:docMk/>
            <pc:sldMk cId="2376958513" sldId="260"/>
            <ac:spMk id="5698" creationId="{57B56CFC-AC91-8AD2-A4AD-1BE2FDDB00C0}"/>
          </ac:spMkLst>
        </pc:spChg>
        <pc:spChg chg="mod">
          <ac:chgData name="White, Alex" userId="eff6cc8c-37d8-483b-9c6c-6b27e9afa9bc" providerId="ADAL" clId="{BF04C754-5BF4-4E83-9615-DB14FA25AF8A}" dt="2023-10-12T11:38:08.274" v="295"/>
          <ac:spMkLst>
            <pc:docMk/>
            <pc:sldMk cId="2376958513" sldId="260"/>
            <ac:spMk id="5699" creationId="{90175055-B93F-EB1A-0217-5271F1AB5306}"/>
          </ac:spMkLst>
        </pc:spChg>
        <pc:spChg chg="mod">
          <ac:chgData name="White, Alex" userId="eff6cc8c-37d8-483b-9c6c-6b27e9afa9bc" providerId="ADAL" clId="{BF04C754-5BF4-4E83-9615-DB14FA25AF8A}" dt="2023-10-12T11:38:08.274" v="295"/>
          <ac:spMkLst>
            <pc:docMk/>
            <pc:sldMk cId="2376958513" sldId="260"/>
            <ac:spMk id="5700" creationId="{55EF3764-B78B-BB1C-27A9-42B5E1E2E02D}"/>
          </ac:spMkLst>
        </pc:spChg>
        <pc:spChg chg="mod">
          <ac:chgData name="White, Alex" userId="eff6cc8c-37d8-483b-9c6c-6b27e9afa9bc" providerId="ADAL" clId="{BF04C754-5BF4-4E83-9615-DB14FA25AF8A}" dt="2023-10-12T11:38:08.274" v="295"/>
          <ac:spMkLst>
            <pc:docMk/>
            <pc:sldMk cId="2376958513" sldId="260"/>
            <ac:spMk id="5701" creationId="{DC8110CD-FCF6-AA36-074E-893CDE59F567}"/>
          </ac:spMkLst>
        </pc:spChg>
        <pc:spChg chg="mod">
          <ac:chgData name="White, Alex" userId="eff6cc8c-37d8-483b-9c6c-6b27e9afa9bc" providerId="ADAL" clId="{BF04C754-5BF4-4E83-9615-DB14FA25AF8A}" dt="2023-10-12T11:38:08.274" v="295"/>
          <ac:spMkLst>
            <pc:docMk/>
            <pc:sldMk cId="2376958513" sldId="260"/>
            <ac:spMk id="5702" creationId="{44802295-E526-B71B-7B0E-9665664EE741}"/>
          </ac:spMkLst>
        </pc:spChg>
        <pc:spChg chg="mod">
          <ac:chgData name="White, Alex" userId="eff6cc8c-37d8-483b-9c6c-6b27e9afa9bc" providerId="ADAL" clId="{BF04C754-5BF4-4E83-9615-DB14FA25AF8A}" dt="2023-10-12T11:38:08.274" v="295"/>
          <ac:spMkLst>
            <pc:docMk/>
            <pc:sldMk cId="2376958513" sldId="260"/>
            <ac:spMk id="5703" creationId="{DB489FE7-3A3E-75CB-86FF-518812C77A10}"/>
          </ac:spMkLst>
        </pc:spChg>
        <pc:spChg chg="mod">
          <ac:chgData name="White, Alex" userId="eff6cc8c-37d8-483b-9c6c-6b27e9afa9bc" providerId="ADAL" clId="{BF04C754-5BF4-4E83-9615-DB14FA25AF8A}" dt="2023-10-12T11:38:08.274" v="295"/>
          <ac:spMkLst>
            <pc:docMk/>
            <pc:sldMk cId="2376958513" sldId="260"/>
            <ac:spMk id="5704" creationId="{708C59B1-56B3-2FCD-27D4-CFF9B69E3C37}"/>
          </ac:spMkLst>
        </pc:spChg>
        <pc:spChg chg="mod">
          <ac:chgData name="White, Alex" userId="eff6cc8c-37d8-483b-9c6c-6b27e9afa9bc" providerId="ADAL" clId="{BF04C754-5BF4-4E83-9615-DB14FA25AF8A}" dt="2023-10-12T11:38:08.274" v="295"/>
          <ac:spMkLst>
            <pc:docMk/>
            <pc:sldMk cId="2376958513" sldId="260"/>
            <ac:spMk id="5705" creationId="{B1E5C8ED-BA82-953D-B7A8-0F010D1EE75A}"/>
          </ac:spMkLst>
        </pc:spChg>
        <pc:spChg chg="mod">
          <ac:chgData name="White, Alex" userId="eff6cc8c-37d8-483b-9c6c-6b27e9afa9bc" providerId="ADAL" clId="{BF04C754-5BF4-4E83-9615-DB14FA25AF8A}" dt="2023-10-12T11:38:08.274" v="295"/>
          <ac:spMkLst>
            <pc:docMk/>
            <pc:sldMk cId="2376958513" sldId="260"/>
            <ac:spMk id="5706" creationId="{C3C24AC9-31BA-D672-7A84-E8342B6BB04F}"/>
          </ac:spMkLst>
        </pc:spChg>
        <pc:spChg chg="mod">
          <ac:chgData name="White, Alex" userId="eff6cc8c-37d8-483b-9c6c-6b27e9afa9bc" providerId="ADAL" clId="{BF04C754-5BF4-4E83-9615-DB14FA25AF8A}" dt="2023-10-12T11:38:08.274" v="295"/>
          <ac:spMkLst>
            <pc:docMk/>
            <pc:sldMk cId="2376958513" sldId="260"/>
            <ac:spMk id="5707" creationId="{CDFE1A84-ABEA-C6F5-FCAB-6AB08EE42A93}"/>
          </ac:spMkLst>
        </pc:spChg>
        <pc:spChg chg="mod">
          <ac:chgData name="White, Alex" userId="eff6cc8c-37d8-483b-9c6c-6b27e9afa9bc" providerId="ADAL" clId="{BF04C754-5BF4-4E83-9615-DB14FA25AF8A}" dt="2023-10-12T11:38:08.274" v="295"/>
          <ac:spMkLst>
            <pc:docMk/>
            <pc:sldMk cId="2376958513" sldId="260"/>
            <ac:spMk id="5708" creationId="{03AFF6FF-CF12-CA6B-54F7-D9619B44EF1A}"/>
          </ac:spMkLst>
        </pc:spChg>
        <pc:spChg chg="mod">
          <ac:chgData name="White, Alex" userId="eff6cc8c-37d8-483b-9c6c-6b27e9afa9bc" providerId="ADAL" clId="{BF04C754-5BF4-4E83-9615-DB14FA25AF8A}" dt="2023-10-12T11:38:08.274" v="295"/>
          <ac:spMkLst>
            <pc:docMk/>
            <pc:sldMk cId="2376958513" sldId="260"/>
            <ac:spMk id="5709" creationId="{1F2BF75B-E84F-FF49-AE22-28D75FF911BF}"/>
          </ac:spMkLst>
        </pc:spChg>
        <pc:spChg chg="mod">
          <ac:chgData name="White, Alex" userId="eff6cc8c-37d8-483b-9c6c-6b27e9afa9bc" providerId="ADAL" clId="{BF04C754-5BF4-4E83-9615-DB14FA25AF8A}" dt="2023-10-12T11:38:08.274" v="295"/>
          <ac:spMkLst>
            <pc:docMk/>
            <pc:sldMk cId="2376958513" sldId="260"/>
            <ac:spMk id="5710" creationId="{7C0B0A52-1544-1384-9F42-1FDE809EEB5F}"/>
          </ac:spMkLst>
        </pc:spChg>
        <pc:spChg chg="mod">
          <ac:chgData name="White, Alex" userId="eff6cc8c-37d8-483b-9c6c-6b27e9afa9bc" providerId="ADAL" clId="{BF04C754-5BF4-4E83-9615-DB14FA25AF8A}" dt="2023-10-12T11:38:08.274" v="295"/>
          <ac:spMkLst>
            <pc:docMk/>
            <pc:sldMk cId="2376958513" sldId="260"/>
            <ac:spMk id="5711" creationId="{C09F6AF1-85D0-175E-047C-A6D3A09B0D30}"/>
          </ac:spMkLst>
        </pc:spChg>
        <pc:spChg chg="mod">
          <ac:chgData name="White, Alex" userId="eff6cc8c-37d8-483b-9c6c-6b27e9afa9bc" providerId="ADAL" clId="{BF04C754-5BF4-4E83-9615-DB14FA25AF8A}" dt="2023-10-12T11:38:08.274" v="295"/>
          <ac:spMkLst>
            <pc:docMk/>
            <pc:sldMk cId="2376958513" sldId="260"/>
            <ac:spMk id="5712" creationId="{485A7BB7-44CA-3CFA-B914-578EF6049AA2}"/>
          </ac:spMkLst>
        </pc:spChg>
        <pc:spChg chg="mod">
          <ac:chgData name="White, Alex" userId="eff6cc8c-37d8-483b-9c6c-6b27e9afa9bc" providerId="ADAL" clId="{BF04C754-5BF4-4E83-9615-DB14FA25AF8A}" dt="2023-10-12T11:38:08.274" v="295"/>
          <ac:spMkLst>
            <pc:docMk/>
            <pc:sldMk cId="2376958513" sldId="260"/>
            <ac:spMk id="5713" creationId="{777527A7-B90D-C8DF-6565-412BA89562F7}"/>
          </ac:spMkLst>
        </pc:spChg>
        <pc:spChg chg="mod">
          <ac:chgData name="White, Alex" userId="eff6cc8c-37d8-483b-9c6c-6b27e9afa9bc" providerId="ADAL" clId="{BF04C754-5BF4-4E83-9615-DB14FA25AF8A}" dt="2023-10-12T11:38:08.274" v="295"/>
          <ac:spMkLst>
            <pc:docMk/>
            <pc:sldMk cId="2376958513" sldId="260"/>
            <ac:spMk id="5714" creationId="{0DF9F28D-F8A5-EC83-2F54-9E6FC83F363A}"/>
          </ac:spMkLst>
        </pc:spChg>
        <pc:spChg chg="mod">
          <ac:chgData name="White, Alex" userId="eff6cc8c-37d8-483b-9c6c-6b27e9afa9bc" providerId="ADAL" clId="{BF04C754-5BF4-4E83-9615-DB14FA25AF8A}" dt="2023-10-12T11:38:08.274" v="295"/>
          <ac:spMkLst>
            <pc:docMk/>
            <pc:sldMk cId="2376958513" sldId="260"/>
            <ac:spMk id="5715" creationId="{CD7ADD87-0B88-CF94-8018-1CC35A8B9B22}"/>
          </ac:spMkLst>
        </pc:spChg>
        <pc:spChg chg="mod">
          <ac:chgData name="White, Alex" userId="eff6cc8c-37d8-483b-9c6c-6b27e9afa9bc" providerId="ADAL" clId="{BF04C754-5BF4-4E83-9615-DB14FA25AF8A}" dt="2023-10-12T11:38:08.274" v="295"/>
          <ac:spMkLst>
            <pc:docMk/>
            <pc:sldMk cId="2376958513" sldId="260"/>
            <ac:spMk id="5716" creationId="{9356E30A-C982-A9DE-28A7-745B11947E00}"/>
          </ac:spMkLst>
        </pc:spChg>
        <pc:spChg chg="mod">
          <ac:chgData name="White, Alex" userId="eff6cc8c-37d8-483b-9c6c-6b27e9afa9bc" providerId="ADAL" clId="{BF04C754-5BF4-4E83-9615-DB14FA25AF8A}" dt="2023-10-12T11:38:08.274" v="295"/>
          <ac:spMkLst>
            <pc:docMk/>
            <pc:sldMk cId="2376958513" sldId="260"/>
            <ac:spMk id="5717" creationId="{4FA5F3FB-1128-F2CC-2B9E-493DB6D7CA75}"/>
          </ac:spMkLst>
        </pc:spChg>
        <pc:spChg chg="mod">
          <ac:chgData name="White, Alex" userId="eff6cc8c-37d8-483b-9c6c-6b27e9afa9bc" providerId="ADAL" clId="{BF04C754-5BF4-4E83-9615-DB14FA25AF8A}" dt="2023-10-12T11:38:08.274" v="295"/>
          <ac:spMkLst>
            <pc:docMk/>
            <pc:sldMk cId="2376958513" sldId="260"/>
            <ac:spMk id="5718" creationId="{C6DC0CED-9DA2-7C87-8A03-BF9AB1CB8281}"/>
          </ac:spMkLst>
        </pc:spChg>
        <pc:spChg chg="mod">
          <ac:chgData name="White, Alex" userId="eff6cc8c-37d8-483b-9c6c-6b27e9afa9bc" providerId="ADAL" clId="{BF04C754-5BF4-4E83-9615-DB14FA25AF8A}" dt="2023-10-12T11:38:08.274" v="295"/>
          <ac:spMkLst>
            <pc:docMk/>
            <pc:sldMk cId="2376958513" sldId="260"/>
            <ac:spMk id="5719" creationId="{8E7ABFC2-B82B-D34B-1C71-541089AFDF75}"/>
          </ac:spMkLst>
        </pc:spChg>
        <pc:spChg chg="mod">
          <ac:chgData name="White, Alex" userId="eff6cc8c-37d8-483b-9c6c-6b27e9afa9bc" providerId="ADAL" clId="{BF04C754-5BF4-4E83-9615-DB14FA25AF8A}" dt="2023-10-12T11:38:08.274" v="295"/>
          <ac:spMkLst>
            <pc:docMk/>
            <pc:sldMk cId="2376958513" sldId="260"/>
            <ac:spMk id="5720" creationId="{5539509F-7ABB-C19A-0ECF-14E0A3229D76}"/>
          </ac:spMkLst>
        </pc:spChg>
        <pc:spChg chg="mod">
          <ac:chgData name="White, Alex" userId="eff6cc8c-37d8-483b-9c6c-6b27e9afa9bc" providerId="ADAL" clId="{BF04C754-5BF4-4E83-9615-DB14FA25AF8A}" dt="2023-10-12T11:38:08.274" v="295"/>
          <ac:spMkLst>
            <pc:docMk/>
            <pc:sldMk cId="2376958513" sldId="260"/>
            <ac:spMk id="5721" creationId="{05EB2FD6-41D5-3B94-FBD3-BAB09509972D}"/>
          </ac:spMkLst>
        </pc:spChg>
        <pc:spChg chg="mod">
          <ac:chgData name="White, Alex" userId="eff6cc8c-37d8-483b-9c6c-6b27e9afa9bc" providerId="ADAL" clId="{BF04C754-5BF4-4E83-9615-DB14FA25AF8A}" dt="2023-10-12T11:38:08.274" v="295"/>
          <ac:spMkLst>
            <pc:docMk/>
            <pc:sldMk cId="2376958513" sldId="260"/>
            <ac:spMk id="5722" creationId="{9783793C-A1B4-AEDA-F414-133384C05594}"/>
          </ac:spMkLst>
        </pc:spChg>
        <pc:spChg chg="mod">
          <ac:chgData name="White, Alex" userId="eff6cc8c-37d8-483b-9c6c-6b27e9afa9bc" providerId="ADAL" clId="{BF04C754-5BF4-4E83-9615-DB14FA25AF8A}" dt="2023-10-12T11:38:08.274" v="295"/>
          <ac:spMkLst>
            <pc:docMk/>
            <pc:sldMk cId="2376958513" sldId="260"/>
            <ac:spMk id="5723" creationId="{53C64C23-F5FD-1D3A-2500-1A948C523B07}"/>
          </ac:spMkLst>
        </pc:spChg>
        <pc:spChg chg="mod">
          <ac:chgData name="White, Alex" userId="eff6cc8c-37d8-483b-9c6c-6b27e9afa9bc" providerId="ADAL" clId="{BF04C754-5BF4-4E83-9615-DB14FA25AF8A}" dt="2023-10-12T11:38:08.274" v="295"/>
          <ac:spMkLst>
            <pc:docMk/>
            <pc:sldMk cId="2376958513" sldId="260"/>
            <ac:spMk id="5724" creationId="{66CD1F67-6AA3-DDC1-A6B7-00BCD5B15322}"/>
          </ac:spMkLst>
        </pc:spChg>
        <pc:spChg chg="mod">
          <ac:chgData name="White, Alex" userId="eff6cc8c-37d8-483b-9c6c-6b27e9afa9bc" providerId="ADAL" clId="{BF04C754-5BF4-4E83-9615-DB14FA25AF8A}" dt="2023-10-12T11:38:08.274" v="295"/>
          <ac:spMkLst>
            <pc:docMk/>
            <pc:sldMk cId="2376958513" sldId="260"/>
            <ac:spMk id="5725" creationId="{1A7B56B0-5D2B-F014-247C-74C044211228}"/>
          </ac:spMkLst>
        </pc:spChg>
        <pc:spChg chg="mod">
          <ac:chgData name="White, Alex" userId="eff6cc8c-37d8-483b-9c6c-6b27e9afa9bc" providerId="ADAL" clId="{BF04C754-5BF4-4E83-9615-DB14FA25AF8A}" dt="2023-10-12T11:38:08.274" v="295"/>
          <ac:spMkLst>
            <pc:docMk/>
            <pc:sldMk cId="2376958513" sldId="260"/>
            <ac:spMk id="5726" creationId="{4C164F87-FC7F-65BD-A64B-07CCDADED71C}"/>
          </ac:spMkLst>
        </pc:spChg>
        <pc:spChg chg="mod">
          <ac:chgData name="White, Alex" userId="eff6cc8c-37d8-483b-9c6c-6b27e9afa9bc" providerId="ADAL" clId="{BF04C754-5BF4-4E83-9615-DB14FA25AF8A}" dt="2023-10-12T11:38:08.274" v="295"/>
          <ac:spMkLst>
            <pc:docMk/>
            <pc:sldMk cId="2376958513" sldId="260"/>
            <ac:spMk id="5727" creationId="{11340CEE-3523-6451-203F-43ED99AA2D7E}"/>
          </ac:spMkLst>
        </pc:spChg>
        <pc:spChg chg="mod">
          <ac:chgData name="White, Alex" userId="eff6cc8c-37d8-483b-9c6c-6b27e9afa9bc" providerId="ADAL" clId="{BF04C754-5BF4-4E83-9615-DB14FA25AF8A}" dt="2023-10-12T11:38:08.274" v="295"/>
          <ac:spMkLst>
            <pc:docMk/>
            <pc:sldMk cId="2376958513" sldId="260"/>
            <ac:spMk id="5728" creationId="{8FD837D5-5413-5D05-9CEB-39BDC9FC5F90}"/>
          </ac:spMkLst>
        </pc:spChg>
        <pc:spChg chg="mod">
          <ac:chgData name="White, Alex" userId="eff6cc8c-37d8-483b-9c6c-6b27e9afa9bc" providerId="ADAL" clId="{BF04C754-5BF4-4E83-9615-DB14FA25AF8A}" dt="2023-10-12T11:38:08.274" v="295"/>
          <ac:spMkLst>
            <pc:docMk/>
            <pc:sldMk cId="2376958513" sldId="260"/>
            <ac:spMk id="5729" creationId="{E0610931-182E-6496-6537-0C03C479E308}"/>
          </ac:spMkLst>
        </pc:spChg>
        <pc:spChg chg="mod">
          <ac:chgData name="White, Alex" userId="eff6cc8c-37d8-483b-9c6c-6b27e9afa9bc" providerId="ADAL" clId="{BF04C754-5BF4-4E83-9615-DB14FA25AF8A}" dt="2023-10-12T11:38:08.274" v="295"/>
          <ac:spMkLst>
            <pc:docMk/>
            <pc:sldMk cId="2376958513" sldId="260"/>
            <ac:spMk id="5730" creationId="{CCDA6C81-55CB-E4E2-CB61-369FA52E3D47}"/>
          </ac:spMkLst>
        </pc:spChg>
        <pc:spChg chg="mod">
          <ac:chgData name="White, Alex" userId="eff6cc8c-37d8-483b-9c6c-6b27e9afa9bc" providerId="ADAL" clId="{BF04C754-5BF4-4E83-9615-DB14FA25AF8A}" dt="2023-10-12T11:38:08.274" v="295"/>
          <ac:spMkLst>
            <pc:docMk/>
            <pc:sldMk cId="2376958513" sldId="260"/>
            <ac:spMk id="5731" creationId="{7BFA5BBB-AB6B-D428-85C2-AD75BFA747E6}"/>
          </ac:spMkLst>
        </pc:spChg>
        <pc:spChg chg="mod">
          <ac:chgData name="White, Alex" userId="eff6cc8c-37d8-483b-9c6c-6b27e9afa9bc" providerId="ADAL" clId="{BF04C754-5BF4-4E83-9615-DB14FA25AF8A}" dt="2023-10-12T11:38:08.274" v="295"/>
          <ac:spMkLst>
            <pc:docMk/>
            <pc:sldMk cId="2376958513" sldId="260"/>
            <ac:spMk id="5732" creationId="{E9A47331-CA1D-411F-1869-378DCBCAC62D}"/>
          </ac:spMkLst>
        </pc:spChg>
        <pc:spChg chg="mod">
          <ac:chgData name="White, Alex" userId="eff6cc8c-37d8-483b-9c6c-6b27e9afa9bc" providerId="ADAL" clId="{BF04C754-5BF4-4E83-9615-DB14FA25AF8A}" dt="2023-10-12T11:38:08.274" v="295"/>
          <ac:spMkLst>
            <pc:docMk/>
            <pc:sldMk cId="2376958513" sldId="260"/>
            <ac:spMk id="5733" creationId="{C11D5C04-401D-F7B4-5EAA-656DCD57F2C3}"/>
          </ac:spMkLst>
        </pc:spChg>
        <pc:spChg chg="mod">
          <ac:chgData name="White, Alex" userId="eff6cc8c-37d8-483b-9c6c-6b27e9afa9bc" providerId="ADAL" clId="{BF04C754-5BF4-4E83-9615-DB14FA25AF8A}" dt="2023-10-12T11:38:08.274" v="295"/>
          <ac:spMkLst>
            <pc:docMk/>
            <pc:sldMk cId="2376958513" sldId="260"/>
            <ac:spMk id="5734" creationId="{B03B9F19-A234-2317-8BFC-A952A3248B1E}"/>
          </ac:spMkLst>
        </pc:spChg>
        <pc:spChg chg="mod">
          <ac:chgData name="White, Alex" userId="eff6cc8c-37d8-483b-9c6c-6b27e9afa9bc" providerId="ADAL" clId="{BF04C754-5BF4-4E83-9615-DB14FA25AF8A}" dt="2023-10-12T11:38:08.274" v="295"/>
          <ac:spMkLst>
            <pc:docMk/>
            <pc:sldMk cId="2376958513" sldId="260"/>
            <ac:spMk id="5735" creationId="{95FCA51A-40D7-D14D-E41E-FC7733D048CD}"/>
          </ac:spMkLst>
        </pc:spChg>
        <pc:spChg chg="mod">
          <ac:chgData name="White, Alex" userId="eff6cc8c-37d8-483b-9c6c-6b27e9afa9bc" providerId="ADAL" clId="{BF04C754-5BF4-4E83-9615-DB14FA25AF8A}" dt="2023-10-12T11:38:08.274" v="295"/>
          <ac:spMkLst>
            <pc:docMk/>
            <pc:sldMk cId="2376958513" sldId="260"/>
            <ac:spMk id="5736" creationId="{6F82A5E6-4B51-E4D0-3D6A-2C1BFC55EA0B}"/>
          </ac:spMkLst>
        </pc:spChg>
        <pc:spChg chg="mod">
          <ac:chgData name="White, Alex" userId="eff6cc8c-37d8-483b-9c6c-6b27e9afa9bc" providerId="ADAL" clId="{BF04C754-5BF4-4E83-9615-DB14FA25AF8A}" dt="2023-10-12T11:38:08.274" v="295"/>
          <ac:spMkLst>
            <pc:docMk/>
            <pc:sldMk cId="2376958513" sldId="260"/>
            <ac:spMk id="5737" creationId="{2E0579C7-7E5A-8883-971A-397E8684D5A8}"/>
          </ac:spMkLst>
        </pc:spChg>
        <pc:spChg chg="mod">
          <ac:chgData name="White, Alex" userId="eff6cc8c-37d8-483b-9c6c-6b27e9afa9bc" providerId="ADAL" clId="{BF04C754-5BF4-4E83-9615-DB14FA25AF8A}" dt="2023-10-12T11:38:08.274" v="295"/>
          <ac:spMkLst>
            <pc:docMk/>
            <pc:sldMk cId="2376958513" sldId="260"/>
            <ac:spMk id="5738" creationId="{E5F6B4F9-8947-A675-DF0F-84B03E328084}"/>
          </ac:spMkLst>
        </pc:spChg>
        <pc:spChg chg="mod">
          <ac:chgData name="White, Alex" userId="eff6cc8c-37d8-483b-9c6c-6b27e9afa9bc" providerId="ADAL" clId="{BF04C754-5BF4-4E83-9615-DB14FA25AF8A}" dt="2023-10-12T11:38:08.274" v="295"/>
          <ac:spMkLst>
            <pc:docMk/>
            <pc:sldMk cId="2376958513" sldId="260"/>
            <ac:spMk id="5739" creationId="{C0720037-31E2-6947-9FBC-3BEA7A8B170B}"/>
          </ac:spMkLst>
        </pc:spChg>
        <pc:spChg chg="mod">
          <ac:chgData name="White, Alex" userId="eff6cc8c-37d8-483b-9c6c-6b27e9afa9bc" providerId="ADAL" clId="{BF04C754-5BF4-4E83-9615-DB14FA25AF8A}" dt="2023-10-12T11:38:08.274" v="295"/>
          <ac:spMkLst>
            <pc:docMk/>
            <pc:sldMk cId="2376958513" sldId="260"/>
            <ac:spMk id="5740" creationId="{DADC870B-C2B0-CE43-291A-7BA51822404C}"/>
          </ac:spMkLst>
        </pc:spChg>
        <pc:spChg chg="mod">
          <ac:chgData name="White, Alex" userId="eff6cc8c-37d8-483b-9c6c-6b27e9afa9bc" providerId="ADAL" clId="{BF04C754-5BF4-4E83-9615-DB14FA25AF8A}" dt="2023-10-12T11:38:08.274" v="295"/>
          <ac:spMkLst>
            <pc:docMk/>
            <pc:sldMk cId="2376958513" sldId="260"/>
            <ac:spMk id="5741" creationId="{3D5D6F73-C6D1-BC52-898C-4EB3019D6BE8}"/>
          </ac:spMkLst>
        </pc:spChg>
        <pc:spChg chg="mod">
          <ac:chgData name="White, Alex" userId="eff6cc8c-37d8-483b-9c6c-6b27e9afa9bc" providerId="ADAL" clId="{BF04C754-5BF4-4E83-9615-DB14FA25AF8A}" dt="2023-10-12T11:38:08.274" v="295"/>
          <ac:spMkLst>
            <pc:docMk/>
            <pc:sldMk cId="2376958513" sldId="260"/>
            <ac:spMk id="5742" creationId="{79DA7331-E72F-92B4-3169-FA70004E9D98}"/>
          </ac:spMkLst>
        </pc:spChg>
        <pc:spChg chg="mod">
          <ac:chgData name="White, Alex" userId="eff6cc8c-37d8-483b-9c6c-6b27e9afa9bc" providerId="ADAL" clId="{BF04C754-5BF4-4E83-9615-DB14FA25AF8A}" dt="2023-10-12T11:38:08.274" v="295"/>
          <ac:spMkLst>
            <pc:docMk/>
            <pc:sldMk cId="2376958513" sldId="260"/>
            <ac:spMk id="5743" creationId="{C5D3BD87-F0E9-606A-257A-2F797D5DF424}"/>
          </ac:spMkLst>
        </pc:spChg>
        <pc:spChg chg="mod">
          <ac:chgData name="White, Alex" userId="eff6cc8c-37d8-483b-9c6c-6b27e9afa9bc" providerId="ADAL" clId="{BF04C754-5BF4-4E83-9615-DB14FA25AF8A}" dt="2023-10-12T11:38:08.274" v="295"/>
          <ac:spMkLst>
            <pc:docMk/>
            <pc:sldMk cId="2376958513" sldId="260"/>
            <ac:spMk id="5744" creationId="{6C1D364C-6F26-8174-A7CF-B79A46C24592}"/>
          </ac:spMkLst>
        </pc:spChg>
        <pc:spChg chg="mod">
          <ac:chgData name="White, Alex" userId="eff6cc8c-37d8-483b-9c6c-6b27e9afa9bc" providerId="ADAL" clId="{BF04C754-5BF4-4E83-9615-DB14FA25AF8A}" dt="2023-10-12T11:38:08.274" v="295"/>
          <ac:spMkLst>
            <pc:docMk/>
            <pc:sldMk cId="2376958513" sldId="260"/>
            <ac:spMk id="5745" creationId="{CBC1EAAC-3868-F5A2-964B-A6E9C7C9716C}"/>
          </ac:spMkLst>
        </pc:spChg>
        <pc:spChg chg="mod">
          <ac:chgData name="White, Alex" userId="eff6cc8c-37d8-483b-9c6c-6b27e9afa9bc" providerId="ADAL" clId="{BF04C754-5BF4-4E83-9615-DB14FA25AF8A}" dt="2023-10-12T11:38:08.274" v="295"/>
          <ac:spMkLst>
            <pc:docMk/>
            <pc:sldMk cId="2376958513" sldId="260"/>
            <ac:spMk id="5746" creationId="{C0AC087D-AB00-A194-9EBA-982EB49B5593}"/>
          </ac:spMkLst>
        </pc:spChg>
        <pc:spChg chg="mod">
          <ac:chgData name="White, Alex" userId="eff6cc8c-37d8-483b-9c6c-6b27e9afa9bc" providerId="ADAL" clId="{BF04C754-5BF4-4E83-9615-DB14FA25AF8A}" dt="2023-10-12T11:38:08.274" v="295"/>
          <ac:spMkLst>
            <pc:docMk/>
            <pc:sldMk cId="2376958513" sldId="260"/>
            <ac:spMk id="5747" creationId="{638158F9-83E8-F68D-E140-164528B78819}"/>
          </ac:spMkLst>
        </pc:spChg>
        <pc:spChg chg="mod">
          <ac:chgData name="White, Alex" userId="eff6cc8c-37d8-483b-9c6c-6b27e9afa9bc" providerId="ADAL" clId="{BF04C754-5BF4-4E83-9615-DB14FA25AF8A}" dt="2023-10-12T11:38:08.274" v="295"/>
          <ac:spMkLst>
            <pc:docMk/>
            <pc:sldMk cId="2376958513" sldId="260"/>
            <ac:spMk id="5748" creationId="{6B41F5E2-3BB0-BF91-63F8-006A0C6FC2C7}"/>
          </ac:spMkLst>
        </pc:spChg>
        <pc:spChg chg="mod">
          <ac:chgData name="White, Alex" userId="eff6cc8c-37d8-483b-9c6c-6b27e9afa9bc" providerId="ADAL" clId="{BF04C754-5BF4-4E83-9615-DB14FA25AF8A}" dt="2023-10-12T11:38:08.274" v="295"/>
          <ac:spMkLst>
            <pc:docMk/>
            <pc:sldMk cId="2376958513" sldId="260"/>
            <ac:spMk id="5749" creationId="{052BB35E-0CE6-D21F-FB81-67D1F3F09837}"/>
          </ac:spMkLst>
        </pc:spChg>
        <pc:spChg chg="mod">
          <ac:chgData name="White, Alex" userId="eff6cc8c-37d8-483b-9c6c-6b27e9afa9bc" providerId="ADAL" clId="{BF04C754-5BF4-4E83-9615-DB14FA25AF8A}" dt="2023-10-12T11:38:08.274" v="295"/>
          <ac:spMkLst>
            <pc:docMk/>
            <pc:sldMk cId="2376958513" sldId="260"/>
            <ac:spMk id="5750" creationId="{9BB5625E-AF28-5726-6995-0D5EBAEB0DE7}"/>
          </ac:spMkLst>
        </pc:spChg>
        <pc:spChg chg="mod">
          <ac:chgData name="White, Alex" userId="eff6cc8c-37d8-483b-9c6c-6b27e9afa9bc" providerId="ADAL" clId="{BF04C754-5BF4-4E83-9615-DB14FA25AF8A}" dt="2023-10-12T11:38:08.274" v="295"/>
          <ac:spMkLst>
            <pc:docMk/>
            <pc:sldMk cId="2376958513" sldId="260"/>
            <ac:spMk id="5751" creationId="{C7237258-19D0-590E-0923-DB9C43E7B666}"/>
          </ac:spMkLst>
        </pc:spChg>
        <pc:spChg chg="mod">
          <ac:chgData name="White, Alex" userId="eff6cc8c-37d8-483b-9c6c-6b27e9afa9bc" providerId="ADAL" clId="{BF04C754-5BF4-4E83-9615-DB14FA25AF8A}" dt="2023-10-12T11:38:08.274" v="295"/>
          <ac:spMkLst>
            <pc:docMk/>
            <pc:sldMk cId="2376958513" sldId="260"/>
            <ac:spMk id="5752" creationId="{6E209B34-CC4D-4E2C-99FA-28758F8D4B66}"/>
          </ac:spMkLst>
        </pc:spChg>
        <pc:spChg chg="mod">
          <ac:chgData name="White, Alex" userId="eff6cc8c-37d8-483b-9c6c-6b27e9afa9bc" providerId="ADAL" clId="{BF04C754-5BF4-4E83-9615-DB14FA25AF8A}" dt="2023-10-12T11:38:08.274" v="295"/>
          <ac:spMkLst>
            <pc:docMk/>
            <pc:sldMk cId="2376958513" sldId="260"/>
            <ac:spMk id="5753" creationId="{7F43A73B-4E11-8FC0-1C71-CDA60F8A2BDA}"/>
          </ac:spMkLst>
        </pc:spChg>
        <pc:spChg chg="mod">
          <ac:chgData name="White, Alex" userId="eff6cc8c-37d8-483b-9c6c-6b27e9afa9bc" providerId="ADAL" clId="{BF04C754-5BF4-4E83-9615-DB14FA25AF8A}" dt="2023-10-12T11:38:08.274" v="295"/>
          <ac:spMkLst>
            <pc:docMk/>
            <pc:sldMk cId="2376958513" sldId="260"/>
            <ac:spMk id="5754" creationId="{EC6D41CD-3660-9539-F257-5048A21EEED3}"/>
          </ac:spMkLst>
        </pc:spChg>
        <pc:spChg chg="mod">
          <ac:chgData name="White, Alex" userId="eff6cc8c-37d8-483b-9c6c-6b27e9afa9bc" providerId="ADAL" clId="{BF04C754-5BF4-4E83-9615-DB14FA25AF8A}" dt="2023-10-12T11:38:08.274" v="295"/>
          <ac:spMkLst>
            <pc:docMk/>
            <pc:sldMk cId="2376958513" sldId="260"/>
            <ac:spMk id="5755" creationId="{FD263AD5-3DCF-C390-93AD-5279B68E2422}"/>
          </ac:spMkLst>
        </pc:spChg>
        <pc:spChg chg="mod">
          <ac:chgData name="White, Alex" userId="eff6cc8c-37d8-483b-9c6c-6b27e9afa9bc" providerId="ADAL" clId="{BF04C754-5BF4-4E83-9615-DB14FA25AF8A}" dt="2023-10-12T11:38:08.274" v="295"/>
          <ac:spMkLst>
            <pc:docMk/>
            <pc:sldMk cId="2376958513" sldId="260"/>
            <ac:spMk id="5756" creationId="{2CE9D65D-81AD-E811-4FE9-0593D7800623}"/>
          </ac:spMkLst>
        </pc:spChg>
        <pc:spChg chg="mod">
          <ac:chgData name="White, Alex" userId="eff6cc8c-37d8-483b-9c6c-6b27e9afa9bc" providerId="ADAL" clId="{BF04C754-5BF4-4E83-9615-DB14FA25AF8A}" dt="2023-10-12T11:38:08.274" v="295"/>
          <ac:spMkLst>
            <pc:docMk/>
            <pc:sldMk cId="2376958513" sldId="260"/>
            <ac:spMk id="5757" creationId="{A513FFCD-0CB4-7257-7A29-2CD19649A7D0}"/>
          </ac:spMkLst>
        </pc:spChg>
        <pc:spChg chg="mod">
          <ac:chgData name="White, Alex" userId="eff6cc8c-37d8-483b-9c6c-6b27e9afa9bc" providerId="ADAL" clId="{BF04C754-5BF4-4E83-9615-DB14FA25AF8A}" dt="2023-10-12T11:38:08.274" v="295"/>
          <ac:spMkLst>
            <pc:docMk/>
            <pc:sldMk cId="2376958513" sldId="260"/>
            <ac:spMk id="5758" creationId="{62C69E18-38DD-9AE9-3529-94BD51942357}"/>
          </ac:spMkLst>
        </pc:spChg>
        <pc:spChg chg="mod">
          <ac:chgData name="White, Alex" userId="eff6cc8c-37d8-483b-9c6c-6b27e9afa9bc" providerId="ADAL" clId="{BF04C754-5BF4-4E83-9615-DB14FA25AF8A}" dt="2023-10-12T11:38:08.274" v="295"/>
          <ac:spMkLst>
            <pc:docMk/>
            <pc:sldMk cId="2376958513" sldId="260"/>
            <ac:spMk id="5759" creationId="{2F3AA7C3-67FD-7BAC-3136-3923F745D024}"/>
          </ac:spMkLst>
        </pc:spChg>
        <pc:spChg chg="mod">
          <ac:chgData name="White, Alex" userId="eff6cc8c-37d8-483b-9c6c-6b27e9afa9bc" providerId="ADAL" clId="{BF04C754-5BF4-4E83-9615-DB14FA25AF8A}" dt="2023-10-12T11:38:08.274" v="295"/>
          <ac:spMkLst>
            <pc:docMk/>
            <pc:sldMk cId="2376958513" sldId="260"/>
            <ac:spMk id="5760" creationId="{62EFB54A-869E-4FA6-D70F-D9786B0E42AC}"/>
          </ac:spMkLst>
        </pc:spChg>
        <pc:spChg chg="mod">
          <ac:chgData name="White, Alex" userId="eff6cc8c-37d8-483b-9c6c-6b27e9afa9bc" providerId="ADAL" clId="{BF04C754-5BF4-4E83-9615-DB14FA25AF8A}" dt="2023-10-12T11:38:08.274" v="295"/>
          <ac:spMkLst>
            <pc:docMk/>
            <pc:sldMk cId="2376958513" sldId="260"/>
            <ac:spMk id="5761" creationId="{F0571D5D-C1C8-958B-5A60-9A16E799F30E}"/>
          </ac:spMkLst>
        </pc:spChg>
        <pc:spChg chg="mod">
          <ac:chgData name="White, Alex" userId="eff6cc8c-37d8-483b-9c6c-6b27e9afa9bc" providerId="ADAL" clId="{BF04C754-5BF4-4E83-9615-DB14FA25AF8A}" dt="2023-10-12T11:38:08.274" v="295"/>
          <ac:spMkLst>
            <pc:docMk/>
            <pc:sldMk cId="2376958513" sldId="260"/>
            <ac:spMk id="5762" creationId="{15B9037C-6E42-9040-D30E-0CD96C4EC996}"/>
          </ac:spMkLst>
        </pc:spChg>
        <pc:spChg chg="mod">
          <ac:chgData name="White, Alex" userId="eff6cc8c-37d8-483b-9c6c-6b27e9afa9bc" providerId="ADAL" clId="{BF04C754-5BF4-4E83-9615-DB14FA25AF8A}" dt="2023-10-12T11:38:08.274" v="295"/>
          <ac:spMkLst>
            <pc:docMk/>
            <pc:sldMk cId="2376958513" sldId="260"/>
            <ac:spMk id="5763" creationId="{44D15B9C-11B3-2236-C6DD-5F38C8945700}"/>
          </ac:spMkLst>
        </pc:spChg>
        <pc:spChg chg="mod">
          <ac:chgData name="White, Alex" userId="eff6cc8c-37d8-483b-9c6c-6b27e9afa9bc" providerId="ADAL" clId="{BF04C754-5BF4-4E83-9615-DB14FA25AF8A}" dt="2023-10-12T11:38:08.274" v="295"/>
          <ac:spMkLst>
            <pc:docMk/>
            <pc:sldMk cId="2376958513" sldId="260"/>
            <ac:spMk id="5764" creationId="{45903769-8D3E-9FA9-6E5F-BA8C6B695B20}"/>
          </ac:spMkLst>
        </pc:spChg>
        <pc:spChg chg="mod">
          <ac:chgData name="White, Alex" userId="eff6cc8c-37d8-483b-9c6c-6b27e9afa9bc" providerId="ADAL" clId="{BF04C754-5BF4-4E83-9615-DB14FA25AF8A}" dt="2023-10-12T11:38:08.274" v="295"/>
          <ac:spMkLst>
            <pc:docMk/>
            <pc:sldMk cId="2376958513" sldId="260"/>
            <ac:spMk id="5765" creationId="{8DA2A67E-0E45-D95F-9DCC-7C8BAA05E248}"/>
          </ac:spMkLst>
        </pc:spChg>
        <pc:spChg chg="mod">
          <ac:chgData name="White, Alex" userId="eff6cc8c-37d8-483b-9c6c-6b27e9afa9bc" providerId="ADAL" clId="{BF04C754-5BF4-4E83-9615-DB14FA25AF8A}" dt="2023-10-12T11:38:08.274" v="295"/>
          <ac:spMkLst>
            <pc:docMk/>
            <pc:sldMk cId="2376958513" sldId="260"/>
            <ac:spMk id="5766" creationId="{495C4515-784C-15B3-7192-503FBE87D685}"/>
          </ac:spMkLst>
        </pc:spChg>
        <pc:spChg chg="mod">
          <ac:chgData name="White, Alex" userId="eff6cc8c-37d8-483b-9c6c-6b27e9afa9bc" providerId="ADAL" clId="{BF04C754-5BF4-4E83-9615-DB14FA25AF8A}" dt="2023-10-12T11:38:08.274" v="295"/>
          <ac:spMkLst>
            <pc:docMk/>
            <pc:sldMk cId="2376958513" sldId="260"/>
            <ac:spMk id="5767" creationId="{91AF4C51-91AF-7D0D-2312-0FA6F0C6FA68}"/>
          </ac:spMkLst>
        </pc:spChg>
        <pc:spChg chg="mod">
          <ac:chgData name="White, Alex" userId="eff6cc8c-37d8-483b-9c6c-6b27e9afa9bc" providerId="ADAL" clId="{BF04C754-5BF4-4E83-9615-DB14FA25AF8A}" dt="2023-10-12T11:38:08.274" v="295"/>
          <ac:spMkLst>
            <pc:docMk/>
            <pc:sldMk cId="2376958513" sldId="260"/>
            <ac:spMk id="5768" creationId="{EDA05C04-CE0F-AA5D-3958-E4A5DC22A99D}"/>
          </ac:spMkLst>
        </pc:spChg>
        <pc:spChg chg="mod">
          <ac:chgData name="White, Alex" userId="eff6cc8c-37d8-483b-9c6c-6b27e9afa9bc" providerId="ADAL" clId="{BF04C754-5BF4-4E83-9615-DB14FA25AF8A}" dt="2023-10-12T11:38:08.274" v="295"/>
          <ac:spMkLst>
            <pc:docMk/>
            <pc:sldMk cId="2376958513" sldId="260"/>
            <ac:spMk id="5769" creationId="{15AEC187-9DE4-E274-3125-06F6F3D56D44}"/>
          </ac:spMkLst>
        </pc:spChg>
        <pc:spChg chg="mod">
          <ac:chgData name="White, Alex" userId="eff6cc8c-37d8-483b-9c6c-6b27e9afa9bc" providerId="ADAL" clId="{BF04C754-5BF4-4E83-9615-DB14FA25AF8A}" dt="2023-10-12T11:38:08.274" v="295"/>
          <ac:spMkLst>
            <pc:docMk/>
            <pc:sldMk cId="2376958513" sldId="260"/>
            <ac:spMk id="5770" creationId="{9E013378-1706-7E1C-8791-E4CEFBCC9D2C}"/>
          </ac:spMkLst>
        </pc:spChg>
        <pc:spChg chg="mod">
          <ac:chgData name="White, Alex" userId="eff6cc8c-37d8-483b-9c6c-6b27e9afa9bc" providerId="ADAL" clId="{BF04C754-5BF4-4E83-9615-DB14FA25AF8A}" dt="2023-10-12T11:38:08.274" v="295"/>
          <ac:spMkLst>
            <pc:docMk/>
            <pc:sldMk cId="2376958513" sldId="260"/>
            <ac:spMk id="5771" creationId="{DC44A115-041D-E521-AE19-42A2AE3BF178}"/>
          </ac:spMkLst>
        </pc:spChg>
        <pc:spChg chg="mod">
          <ac:chgData name="White, Alex" userId="eff6cc8c-37d8-483b-9c6c-6b27e9afa9bc" providerId="ADAL" clId="{BF04C754-5BF4-4E83-9615-DB14FA25AF8A}" dt="2023-10-12T11:38:08.274" v="295"/>
          <ac:spMkLst>
            <pc:docMk/>
            <pc:sldMk cId="2376958513" sldId="260"/>
            <ac:spMk id="5772" creationId="{CE2D1319-1E57-5B61-FC10-0CA0914922CF}"/>
          </ac:spMkLst>
        </pc:spChg>
        <pc:spChg chg="mod">
          <ac:chgData name="White, Alex" userId="eff6cc8c-37d8-483b-9c6c-6b27e9afa9bc" providerId="ADAL" clId="{BF04C754-5BF4-4E83-9615-DB14FA25AF8A}" dt="2023-10-12T11:38:08.274" v="295"/>
          <ac:spMkLst>
            <pc:docMk/>
            <pc:sldMk cId="2376958513" sldId="260"/>
            <ac:spMk id="5773" creationId="{6177CFB4-55B8-24F3-8857-974B8ED1DDCD}"/>
          </ac:spMkLst>
        </pc:spChg>
        <pc:spChg chg="mod">
          <ac:chgData name="White, Alex" userId="eff6cc8c-37d8-483b-9c6c-6b27e9afa9bc" providerId="ADAL" clId="{BF04C754-5BF4-4E83-9615-DB14FA25AF8A}" dt="2023-10-12T11:38:08.274" v="295"/>
          <ac:spMkLst>
            <pc:docMk/>
            <pc:sldMk cId="2376958513" sldId="260"/>
            <ac:spMk id="5774" creationId="{7ECB175A-340D-A8DE-4B8F-359B2E25B35E}"/>
          </ac:spMkLst>
        </pc:spChg>
        <pc:spChg chg="mod">
          <ac:chgData name="White, Alex" userId="eff6cc8c-37d8-483b-9c6c-6b27e9afa9bc" providerId="ADAL" clId="{BF04C754-5BF4-4E83-9615-DB14FA25AF8A}" dt="2023-10-12T11:38:08.274" v="295"/>
          <ac:spMkLst>
            <pc:docMk/>
            <pc:sldMk cId="2376958513" sldId="260"/>
            <ac:spMk id="5775" creationId="{CE33B021-0AFE-0E0C-86FD-B8D3AF94C1DA}"/>
          </ac:spMkLst>
        </pc:spChg>
        <pc:spChg chg="mod">
          <ac:chgData name="White, Alex" userId="eff6cc8c-37d8-483b-9c6c-6b27e9afa9bc" providerId="ADAL" clId="{BF04C754-5BF4-4E83-9615-DB14FA25AF8A}" dt="2023-10-12T11:38:08.274" v="295"/>
          <ac:spMkLst>
            <pc:docMk/>
            <pc:sldMk cId="2376958513" sldId="260"/>
            <ac:spMk id="5776" creationId="{847ACF38-9D4F-A51C-6A2D-BB1CF3C2E58E}"/>
          </ac:spMkLst>
        </pc:spChg>
        <pc:spChg chg="mod">
          <ac:chgData name="White, Alex" userId="eff6cc8c-37d8-483b-9c6c-6b27e9afa9bc" providerId="ADAL" clId="{BF04C754-5BF4-4E83-9615-DB14FA25AF8A}" dt="2023-10-12T11:38:08.274" v="295"/>
          <ac:spMkLst>
            <pc:docMk/>
            <pc:sldMk cId="2376958513" sldId="260"/>
            <ac:spMk id="5777" creationId="{FAAA4B37-D045-7A85-D365-420A9F67F999}"/>
          </ac:spMkLst>
        </pc:spChg>
        <pc:spChg chg="mod">
          <ac:chgData name="White, Alex" userId="eff6cc8c-37d8-483b-9c6c-6b27e9afa9bc" providerId="ADAL" clId="{BF04C754-5BF4-4E83-9615-DB14FA25AF8A}" dt="2023-10-12T11:38:08.274" v="295"/>
          <ac:spMkLst>
            <pc:docMk/>
            <pc:sldMk cId="2376958513" sldId="260"/>
            <ac:spMk id="5778" creationId="{ED2E5962-F973-F90D-70DB-3A8442A639A2}"/>
          </ac:spMkLst>
        </pc:spChg>
        <pc:spChg chg="mod">
          <ac:chgData name="White, Alex" userId="eff6cc8c-37d8-483b-9c6c-6b27e9afa9bc" providerId="ADAL" clId="{BF04C754-5BF4-4E83-9615-DB14FA25AF8A}" dt="2023-10-12T11:38:08.274" v="295"/>
          <ac:spMkLst>
            <pc:docMk/>
            <pc:sldMk cId="2376958513" sldId="260"/>
            <ac:spMk id="5779" creationId="{EDD71665-15B9-C224-DBBD-6C964B46E8ED}"/>
          </ac:spMkLst>
        </pc:spChg>
        <pc:spChg chg="mod">
          <ac:chgData name="White, Alex" userId="eff6cc8c-37d8-483b-9c6c-6b27e9afa9bc" providerId="ADAL" clId="{BF04C754-5BF4-4E83-9615-DB14FA25AF8A}" dt="2023-10-12T11:38:08.274" v="295"/>
          <ac:spMkLst>
            <pc:docMk/>
            <pc:sldMk cId="2376958513" sldId="260"/>
            <ac:spMk id="5780" creationId="{57FA2F04-8F86-B29E-8E1A-EE03A62131A8}"/>
          </ac:spMkLst>
        </pc:spChg>
        <pc:spChg chg="mod">
          <ac:chgData name="White, Alex" userId="eff6cc8c-37d8-483b-9c6c-6b27e9afa9bc" providerId="ADAL" clId="{BF04C754-5BF4-4E83-9615-DB14FA25AF8A}" dt="2023-10-12T11:38:08.274" v="295"/>
          <ac:spMkLst>
            <pc:docMk/>
            <pc:sldMk cId="2376958513" sldId="260"/>
            <ac:spMk id="5781" creationId="{58CFAEE9-6089-D23D-B3B6-60E6559A6B0F}"/>
          </ac:spMkLst>
        </pc:spChg>
        <pc:spChg chg="mod">
          <ac:chgData name="White, Alex" userId="eff6cc8c-37d8-483b-9c6c-6b27e9afa9bc" providerId="ADAL" clId="{BF04C754-5BF4-4E83-9615-DB14FA25AF8A}" dt="2023-10-12T11:38:08.274" v="295"/>
          <ac:spMkLst>
            <pc:docMk/>
            <pc:sldMk cId="2376958513" sldId="260"/>
            <ac:spMk id="5782" creationId="{9D0BDC78-7015-14E9-5A45-D550B3434025}"/>
          </ac:spMkLst>
        </pc:spChg>
        <pc:spChg chg="mod">
          <ac:chgData name="White, Alex" userId="eff6cc8c-37d8-483b-9c6c-6b27e9afa9bc" providerId="ADAL" clId="{BF04C754-5BF4-4E83-9615-DB14FA25AF8A}" dt="2023-10-12T11:38:08.274" v="295"/>
          <ac:spMkLst>
            <pc:docMk/>
            <pc:sldMk cId="2376958513" sldId="260"/>
            <ac:spMk id="5783" creationId="{12912B87-0412-C85C-6DF2-866D8B34794D}"/>
          </ac:spMkLst>
        </pc:spChg>
        <pc:spChg chg="mod">
          <ac:chgData name="White, Alex" userId="eff6cc8c-37d8-483b-9c6c-6b27e9afa9bc" providerId="ADAL" clId="{BF04C754-5BF4-4E83-9615-DB14FA25AF8A}" dt="2023-10-12T11:38:08.274" v="295"/>
          <ac:spMkLst>
            <pc:docMk/>
            <pc:sldMk cId="2376958513" sldId="260"/>
            <ac:spMk id="5784" creationId="{D2478A86-1D41-39D1-0202-F07E06A77962}"/>
          </ac:spMkLst>
        </pc:spChg>
        <pc:spChg chg="mod">
          <ac:chgData name="White, Alex" userId="eff6cc8c-37d8-483b-9c6c-6b27e9afa9bc" providerId="ADAL" clId="{BF04C754-5BF4-4E83-9615-DB14FA25AF8A}" dt="2023-10-12T11:38:08.274" v="295"/>
          <ac:spMkLst>
            <pc:docMk/>
            <pc:sldMk cId="2376958513" sldId="260"/>
            <ac:spMk id="5785" creationId="{BCE486C4-016B-27BA-E07E-9B554605C2ED}"/>
          </ac:spMkLst>
        </pc:spChg>
        <pc:spChg chg="mod">
          <ac:chgData name="White, Alex" userId="eff6cc8c-37d8-483b-9c6c-6b27e9afa9bc" providerId="ADAL" clId="{BF04C754-5BF4-4E83-9615-DB14FA25AF8A}" dt="2023-10-12T11:38:08.274" v="295"/>
          <ac:spMkLst>
            <pc:docMk/>
            <pc:sldMk cId="2376958513" sldId="260"/>
            <ac:spMk id="5786" creationId="{4927877F-4A34-DC88-F141-7924178AE10A}"/>
          </ac:spMkLst>
        </pc:spChg>
        <pc:spChg chg="mod">
          <ac:chgData name="White, Alex" userId="eff6cc8c-37d8-483b-9c6c-6b27e9afa9bc" providerId="ADAL" clId="{BF04C754-5BF4-4E83-9615-DB14FA25AF8A}" dt="2023-10-12T11:38:08.274" v="295"/>
          <ac:spMkLst>
            <pc:docMk/>
            <pc:sldMk cId="2376958513" sldId="260"/>
            <ac:spMk id="5787" creationId="{CE2E9C47-5971-3271-4D7F-C86BEE346982}"/>
          </ac:spMkLst>
        </pc:spChg>
        <pc:spChg chg="mod">
          <ac:chgData name="White, Alex" userId="eff6cc8c-37d8-483b-9c6c-6b27e9afa9bc" providerId="ADAL" clId="{BF04C754-5BF4-4E83-9615-DB14FA25AF8A}" dt="2023-10-12T11:38:08.274" v="295"/>
          <ac:spMkLst>
            <pc:docMk/>
            <pc:sldMk cId="2376958513" sldId="260"/>
            <ac:spMk id="5788" creationId="{2E06A62C-325B-10F6-0B37-46F9EC3F8469}"/>
          </ac:spMkLst>
        </pc:spChg>
        <pc:spChg chg="mod">
          <ac:chgData name="White, Alex" userId="eff6cc8c-37d8-483b-9c6c-6b27e9afa9bc" providerId="ADAL" clId="{BF04C754-5BF4-4E83-9615-DB14FA25AF8A}" dt="2023-10-12T11:38:08.274" v="295"/>
          <ac:spMkLst>
            <pc:docMk/>
            <pc:sldMk cId="2376958513" sldId="260"/>
            <ac:spMk id="5789" creationId="{53D0586E-2108-DB08-8301-4E5E9DA27DEF}"/>
          </ac:spMkLst>
        </pc:spChg>
        <pc:spChg chg="mod">
          <ac:chgData name="White, Alex" userId="eff6cc8c-37d8-483b-9c6c-6b27e9afa9bc" providerId="ADAL" clId="{BF04C754-5BF4-4E83-9615-DB14FA25AF8A}" dt="2023-10-12T11:38:08.274" v="295"/>
          <ac:spMkLst>
            <pc:docMk/>
            <pc:sldMk cId="2376958513" sldId="260"/>
            <ac:spMk id="5790" creationId="{5A64D6C6-9494-6010-0D0D-99BD7B2919BB}"/>
          </ac:spMkLst>
        </pc:spChg>
        <pc:spChg chg="mod">
          <ac:chgData name="White, Alex" userId="eff6cc8c-37d8-483b-9c6c-6b27e9afa9bc" providerId="ADAL" clId="{BF04C754-5BF4-4E83-9615-DB14FA25AF8A}" dt="2023-10-12T11:38:08.274" v="295"/>
          <ac:spMkLst>
            <pc:docMk/>
            <pc:sldMk cId="2376958513" sldId="260"/>
            <ac:spMk id="5791" creationId="{A25457C1-3BBD-45BC-A7DF-1AB0BF591961}"/>
          </ac:spMkLst>
        </pc:spChg>
        <pc:spChg chg="mod">
          <ac:chgData name="White, Alex" userId="eff6cc8c-37d8-483b-9c6c-6b27e9afa9bc" providerId="ADAL" clId="{BF04C754-5BF4-4E83-9615-DB14FA25AF8A}" dt="2023-10-12T11:38:08.274" v="295"/>
          <ac:spMkLst>
            <pc:docMk/>
            <pc:sldMk cId="2376958513" sldId="260"/>
            <ac:spMk id="5792" creationId="{05395E8E-F090-2E23-C87B-7BC1C2FC070D}"/>
          </ac:spMkLst>
        </pc:spChg>
        <pc:spChg chg="mod">
          <ac:chgData name="White, Alex" userId="eff6cc8c-37d8-483b-9c6c-6b27e9afa9bc" providerId="ADAL" clId="{BF04C754-5BF4-4E83-9615-DB14FA25AF8A}" dt="2023-10-12T11:38:08.274" v="295"/>
          <ac:spMkLst>
            <pc:docMk/>
            <pc:sldMk cId="2376958513" sldId="260"/>
            <ac:spMk id="5793" creationId="{315931C9-3172-D44D-DB17-73D2340DA77F}"/>
          </ac:spMkLst>
        </pc:spChg>
        <pc:spChg chg="mod">
          <ac:chgData name="White, Alex" userId="eff6cc8c-37d8-483b-9c6c-6b27e9afa9bc" providerId="ADAL" clId="{BF04C754-5BF4-4E83-9615-DB14FA25AF8A}" dt="2023-10-12T11:38:08.274" v="295"/>
          <ac:spMkLst>
            <pc:docMk/>
            <pc:sldMk cId="2376958513" sldId="260"/>
            <ac:spMk id="5794" creationId="{15D02D8F-36BA-DF97-4D9B-44235476B869}"/>
          </ac:spMkLst>
        </pc:spChg>
        <pc:spChg chg="mod">
          <ac:chgData name="White, Alex" userId="eff6cc8c-37d8-483b-9c6c-6b27e9afa9bc" providerId="ADAL" clId="{BF04C754-5BF4-4E83-9615-DB14FA25AF8A}" dt="2023-10-12T11:38:08.274" v="295"/>
          <ac:spMkLst>
            <pc:docMk/>
            <pc:sldMk cId="2376958513" sldId="260"/>
            <ac:spMk id="5795" creationId="{BFBC882B-0199-5DC6-CC8B-3A28EDFCE48C}"/>
          </ac:spMkLst>
        </pc:spChg>
        <pc:spChg chg="mod">
          <ac:chgData name="White, Alex" userId="eff6cc8c-37d8-483b-9c6c-6b27e9afa9bc" providerId="ADAL" clId="{BF04C754-5BF4-4E83-9615-DB14FA25AF8A}" dt="2023-10-12T11:38:08.274" v="295"/>
          <ac:spMkLst>
            <pc:docMk/>
            <pc:sldMk cId="2376958513" sldId="260"/>
            <ac:spMk id="5796" creationId="{7C810D81-43DE-6060-EE4A-E6B73B29AD3A}"/>
          </ac:spMkLst>
        </pc:spChg>
        <pc:spChg chg="mod">
          <ac:chgData name="White, Alex" userId="eff6cc8c-37d8-483b-9c6c-6b27e9afa9bc" providerId="ADAL" clId="{BF04C754-5BF4-4E83-9615-DB14FA25AF8A}" dt="2023-10-12T11:38:08.274" v="295"/>
          <ac:spMkLst>
            <pc:docMk/>
            <pc:sldMk cId="2376958513" sldId="260"/>
            <ac:spMk id="5797" creationId="{0D479970-1709-79F1-E376-1ED933CACB1E}"/>
          </ac:spMkLst>
        </pc:spChg>
        <pc:spChg chg="mod">
          <ac:chgData name="White, Alex" userId="eff6cc8c-37d8-483b-9c6c-6b27e9afa9bc" providerId="ADAL" clId="{BF04C754-5BF4-4E83-9615-DB14FA25AF8A}" dt="2023-10-12T11:38:08.274" v="295"/>
          <ac:spMkLst>
            <pc:docMk/>
            <pc:sldMk cId="2376958513" sldId="260"/>
            <ac:spMk id="5798" creationId="{61DCCF25-8A9A-0031-80D8-F356A1FE6D69}"/>
          </ac:spMkLst>
        </pc:spChg>
        <pc:spChg chg="mod">
          <ac:chgData name="White, Alex" userId="eff6cc8c-37d8-483b-9c6c-6b27e9afa9bc" providerId="ADAL" clId="{BF04C754-5BF4-4E83-9615-DB14FA25AF8A}" dt="2023-10-12T11:38:08.274" v="295"/>
          <ac:spMkLst>
            <pc:docMk/>
            <pc:sldMk cId="2376958513" sldId="260"/>
            <ac:spMk id="5799" creationId="{B53DA151-BC51-4FBB-2DFF-A02FFCB61DC7}"/>
          </ac:spMkLst>
        </pc:spChg>
        <pc:spChg chg="mod">
          <ac:chgData name="White, Alex" userId="eff6cc8c-37d8-483b-9c6c-6b27e9afa9bc" providerId="ADAL" clId="{BF04C754-5BF4-4E83-9615-DB14FA25AF8A}" dt="2023-10-12T11:38:08.274" v="295"/>
          <ac:spMkLst>
            <pc:docMk/>
            <pc:sldMk cId="2376958513" sldId="260"/>
            <ac:spMk id="5800" creationId="{AA28D4ED-8201-E23E-17E2-E28800FFC69E}"/>
          </ac:spMkLst>
        </pc:spChg>
        <pc:spChg chg="mod">
          <ac:chgData name="White, Alex" userId="eff6cc8c-37d8-483b-9c6c-6b27e9afa9bc" providerId="ADAL" clId="{BF04C754-5BF4-4E83-9615-DB14FA25AF8A}" dt="2023-10-12T11:38:08.274" v="295"/>
          <ac:spMkLst>
            <pc:docMk/>
            <pc:sldMk cId="2376958513" sldId="260"/>
            <ac:spMk id="5801" creationId="{15B60717-9E3F-A31D-563D-E2236E1DF66C}"/>
          </ac:spMkLst>
        </pc:spChg>
        <pc:spChg chg="mod">
          <ac:chgData name="White, Alex" userId="eff6cc8c-37d8-483b-9c6c-6b27e9afa9bc" providerId="ADAL" clId="{BF04C754-5BF4-4E83-9615-DB14FA25AF8A}" dt="2023-10-12T11:38:08.274" v="295"/>
          <ac:spMkLst>
            <pc:docMk/>
            <pc:sldMk cId="2376958513" sldId="260"/>
            <ac:spMk id="5802" creationId="{5C8D3E62-E9B1-CB86-64A7-F0F5CA062D72}"/>
          </ac:spMkLst>
        </pc:spChg>
        <pc:spChg chg="mod">
          <ac:chgData name="White, Alex" userId="eff6cc8c-37d8-483b-9c6c-6b27e9afa9bc" providerId="ADAL" clId="{BF04C754-5BF4-4E83-9615-DB14FA25AF8A}" dt="2023-10-12T11:38:08.274" v="295"/>
          <ac:spMkLst>
            <pc:docMk/>
            <pc:sldMk cId="2376958513" sldId="260"/>
            <ac:spMk id="5803" creationId="{85D40834-2F76-89F3-A477-CA5EB75F914F}"/>
          </ac:spMkLst>
        </pc:spChg>
        <pc:spChg chg="mod">
          <ac:chgData name="White, Alex" userId="eff6cc8c-37d8-483b-9c6c-6b27e9afa9bc" providerId="ADAL" clId="{BF04C754-5BF4-4E83-9615-DB14FA25AF8A}" dt="2023-10-12T11:38:08.274" v="295"/>
          <ac:spMkLst>
            <pc:docMk/>
            <pc:sldMk cId="2376958513" sldId="260"/>
            <ac:spMk id="5804" creationId="{C0BAE7EE-BD7F-ACA6-FB49-A419700E66FD}"/>
          </ac:spMkLst>
        </pc:spChg>
        <pc:spChg chg="mod">
          <ac:chgData name="White, Alex" userId="eff6cc8c-37d8-483b-9c6c-6b27e9afa9bc" providerId="ADAL" clId="{BF04C754-5BF4-4E83-9615-DB14FA25AF8A}" dt="2023-10-12T11:38:08.274" v="295"/>
          <ac:spMkLst>
            <pc:docMk/>
            <pc:sldMk cId="2376958513" sldId="260"/>
            <ac:spMk id="5805" creationId="{21BE594E-3EA5-BF74-8E7E-AE150D4DC3FA}"/>
          </ac:spMkLst>
        </pc:spChg>
        <pc:spChg chg="mod">
          <ac:chgData name="White, Alex" userId="eff6cc8c-37d8-483b-9c6c-6b27e9afa9bc" providerId="ADAL" clId="{BF04C754-5BF4-4E83-9615-DB14FA25AF8A}" dt="2023-10-12T11:38:08.274" v="295"/>
          <ac:spMkLst>
            <pc:docMk/>
            <pc:sldMk cId="2376958513" sldId="260"/>
            <ac:spMk id="5806" creationId="{16199E55-CFDC-4013-6150-206FF42B4838}"/>
          </ac:spMkLst>
        </pc:spChg>
        <pc:spChg chg="mod">
          <ac:chgData name="White, Alex" userId="eff6cc8c-37d8-483b-9c6c-6b27e9afa9bc" providerId="ADAL" clId="{BF04C754-5BF4-4E83-9615-DB14FA25AF8A}" dt="2023-10-12T11:38:08.274" v="295"/>
          <ac:spMkLst>
            <pc:docMk/>
            <pc:sldMk cId="2376958513" sldId="260"/>
            <ac:spMk id="5807" creationId="{EFA995D3-CBE8-F330-89AA-EB1D9A030BBF}"/>
          </ac:spMkLst>
        </pc:spChg>
        <pc:spChg chg="mod">
          <ac:chgData name="White, Alex" userId="eff6cc8c-37d8-483b-9c6c-6b27e9afa9bc" providerId="ADAL" clId="{BF04C754-5BF4-4E83-9615-DB14FA25AF8A}" dt="2023-10-12T11:38:08.274" v="295"/>
          <ac:spMkLst>
            <pc:docMk/>
            <pc:sldMk cId="2376958513" sldId="260"/>
            <ac:spMk id="5808" creationId="{92D5E31B-25B1-6AC0-1033-C2B7E145D1B8}"/>
          </ac:spMkLst>
        </pc:spChg>
        <pc:spChg chg="mod">
          <ac:chgData name="White, Alex" userId="eff6cc8c-37d8-483b-9c6c-6b27e9afa9bc" providerId="ADAL" clId="{BF04C754-5BF4-4E83-9615-DB14FA25AF8A}" dt="2023-10-12T11:38:08.274" v="295"/>
          <ac:spMkLst>
            <pc:docMk/>
            <pc:sldMk cId="2376958513" sldId="260"/>
            <ac:spMk id="5809" creationId="{7B42A1AD-1850-E335-972D-9A2E7F947216}"/>
          </ac:spMkLst>
        </pc:spChg>
        <pc:spChg chg="mod">
          <ac:chgData name="White, Alex" userId="eff6cc8c-37d8-483b-9c6c-6b27e9afa9bc" providerId="ADAL" clId="{BF04C754-5BF4-4E83-9615-DB14FA25AF8A}" dt="2023-10-12T11:38:08.274" v="295"/>
          <ac:spMkLst>
            <pc:docMk/>
            <pc:sldMk cId="2376958513" sldId="260"/>
            <ac:spMk id="5810" creationId="{E79D480B-9F81-842D-FDCB-E94FE21E09F5}"/>
          </ac:spMkLst>
        </pc:spChg>
        <pc:spChg chg="mod">
          <ac:chgData name="White, Alex" userId="eff6cc8c-37d8-483b-9c6c-6b27e9afa9bc" providerId="ADAL" clId="{BF04C754-5BF4-4E83-9615-DB14FA25AF8A}" dt="2023-10-12T11:38:08.274" v="295"/>
          <ac:spMkLst>
            <pc:docMk/>
            <pc:sldMk cId="2376958513" sldId="260"/>
            <ac:spMk id="5811" creationId="{DC30B377-AFF8-0CE6-9587-532A695D8138}"/>
          </ac:spMkLst>
        </pc:spChg>
        <pc:spChg chg="mod">
          <ac:chgData name="White, Alex" userId="eff6cc8c-37d8-483b-9c6c-6b27e9afa9bc" providerId="ADAL" clId="{BF04C754-5BF4-4E83-9615-DB14FA25AF8A}" dt="2023-10-12T11:38:08.274" v="295"/>
          <ac:spMkLst>
            <pc:docMk/>
            <pc:sldMk cId="2376958513" sldId="260"/>
            <ac:spMk id="5812" creationId="{90B07D89-C4BE-5E21-124A-664338544400}"/>
          </ac:spMkLst>
        </pc:spChg>
        <pc:spChg chg="mod">
          <ac:chgData name="White, Alex" userId="eff6cc8c-37d8-483b-9c6c-6b27e9afa9bc" providerId="ADAL" clId="{BF04C754-5BF4-4E83-9615-DB14FA25AF8A}" dt="2023-10-12T11:38:08.274" v="295"/>
          <ac:spMkLst>
            <pc:docMk/>
            <pc:sldMk cId="2376958513" sldId="260"/>
            <ac:spMk id="5813" creationId="{1DF4EACA-F936-8B5B-9450-4B1FE88C5465}"/>
          </ac:spMkLst>
        </pc:spChg>
        <pc:spChg chg="mod">
          <ac:chgData name="White, Alex" userId="eff6cc8c-37d8-483b-9c6c-6b27e9afa9bc" providerId="ADAL" clId="{BF04C754-5BF4-4E83-9615-DB14FA25AF8A}" dt="2023-10-12T11:38:08.274" v="295"/>
          <ac:spMkLst>
            <pc:docMk/>
            <pc:sldMk cId="2376958513" sldId="260"/>
            <ac:spMk id="5814" creationId="{8DF634EC-D73C-84AB-C579-6AF3769460F3}"/>
          </ac:spMkLst>
        </pc:spChg>
        <pc:spChg chg="mod">
          <ac:chgData name="White, Alex" userId="eff6cc8c-37d8-483b-9c6c-6b27e9afa9bc" providerId="ADAL" clId="{BF04C754-5BF4-4E83-9615-DB14FA25AF8A}" dt="2023-10-12T11:38:08.274" v="295"/>
          <ac:spMkLst>
            <pc:docMk/>
            <pc:sldMk cId="2376958513" sldId="260"/>
            <ac:spMk id="5815" creationId="{F4D25A84-DB9D-421C-47CC-7DE207AA7EED}"/>
          </ac:spMkLst>
        </pc:spChg>
        <pc:spChg chg="mod">
          <ac:chgData name="White, Alex" userId="eff6cc8c-37d8-483b-9c6c-6b27e9afa9bc" providerId="ADAL" clId="{BF04C754-5BF4-4E83-9615-DB14FA25AF8A}" dt="2023-10-12T11:38:08.274" v="295"/>
          <ac:spMkLst>
            <pc:docMk/>
            <pc:sldMk cId="2376958513" sldId="260"/>
            <ac:spMk id="5816" creationId="{2B6C9D70-5852-65EB-B56D-62BEF89BB32D}"/>
          </ac:spMkLst>
        </pc:spChg>
        <pc:spChg chg="mod">
          <ac:chgData name="White, Alex" userId="eff6cc8c-37d8-483b-9c6c-6b27e9afa9bc" providerId="ADAL" clId="{BF04C754-5BF4-4E83-9615-DB14FA25AF8A}" dt="2023-10-12T11:38:08.274" v="295"/>
          <ac:spMkLst>
            <pc:docMk/>
            <pc:sldMk cId="2376958513" sldId="260"/>
            <ac:spMk id="5817" creationId="{E97E699F-7C3F-0240-E5E9-DFC023897D3E}"/>
          </ac:spMkLst>
        </pc:spChg>
        <pc:spChg chg="mod">
          <ac:chgData name="White, Alex" userId="eff6cc8c-37d8-483b-9c6c-6b27e9afa9bc" providerId="ADAL" clId="{BF04C754-5BF4-4E83-9615-DB14FA25AF8A}" dt="2023-10-12T11:38:08.274" v="295"/>
          <ac:spMkLst>
            <pc:docMk/>
            <pc:sldMk cId="2376958513" sldId="260"/>
            <ac:spMk id="5818" creationId="{75AA7F23-D8D7-5B77-8064-9A3FFB5D3331}"/>
          </ac:spMkLst>
        </pc:spChg>
        <pc:spChg chg="mod">
          <ac:chgData name="White, Alex" userId="eff6cc8c-37d8-483b-9c6c-6b27e9afa9bc" providerId="ADAL" clId="{BF04C754-5BF4-4E83-9615-DB14FA25AF8A}" dt="2023-10-12T11:38:08.274" v="295"/>
          <ac:spMkLst>
            <pc:docMk/>
            <pc:sldMk cId="2376958513" sldId="260"/>
            <ac:spMk id="5819" creationId="{D4D5DB4F-D43E-8352-E490-BC115F50EFD3}"/>
          </ac:spMkLst>
        </pc:spChg>
        <pc:spChg chg="mod">
          <ac:chgData name="White, Alex" userId="eff6cc8c-37d8-483b-9c6c-6b27e9afa9bc" providerId="ADAL" clId="{BF04C754-5BF4-4E83-9615-DB14FA25AF8A}" dt="2023-10-12T11:38:08.274" v="295"/>
          <ac:spMkLst>
            <pc:docMk/>
            <pc:sldMk cId="2376958513" sldId="260"/>
            <ac:spMk id="5820" creationId="{D7E1C283-2155-6F18-F368-E8702251CA3D}"/>
          </ac:spMkLst>
        </pc:spChg>
        <pc:spChg chg="mod">
          <ac:chgData name="White, Alex" userId="eff6cc8c-37d8-483b-9c6c-6b27e9afa9bc" providerId="ADAL" clId="{BF04C754-5BF4-4E83-9615-DB14FA25AF8A}" dt="2023-10-12T11:38:08.274" v="295"/>
          <ac:spMkLst>
            <pc:docMk/>
            <pc:sldMk cId="2376958513" sldId="260"/>
            <ac:spMk id="5821" creationId="{9C41C6C5-DD3D-08E7-9C26-44C7275FC250}"/>
          </ac:spMkLst>
        </pc:spChg>
        <pc:spChg chg="mod">
          <ac:chgData name="White, Alex" userId="eff6cc8c-37d8-483b-9c6c-6b27e9afa9bc" providerId="ADAL" clId="{BF04C754-5BF4-4E83-9615-DB14FA25AF8A}" dt="2023-10-12T11:38:08.274" v="295"/>
          <ac:spMkLst>
            <pc:docMk/>
            <pc:sldMk cId="2376958513" sldId="260"/>
            <ac:spMk id="5822" creationId="{B2F6E090-9D48-8C88-EB83-C6FB230B354B}"/>
          </ac:spMkLst>
        </pc:spChg>
        <pc:spChg chg="mod">
          <ac:chgData name="White, Alex" userId="eff6cc8c-37d8-483b-9c6c-6b27e9afa9bc" providerId="ADAL" clId="{BF04C754-5BF4-4E83-9615-DB14FA25AF8A}" dt="2023-10-12T11:38:08.274" v="295"/>
          <ac:spMkLst>
            <pc:docMk/>
            <pc:sldMk cId="2376958513" sldId="260"/>
            <ac:spMk id="5823" creationId="{2B4CFA9E-294F-11F7-0DE7-2F2AE16E38E6}"/>
          </ac:spMkLst>
        </pc:spChg>
        <pc:spChg chg="mod">
          <ac:chgData name="White, Alex" userId="eff6cc8c-37d8-483b-9c6c-6b27e9afa9bc" providerId="ADAL" clId="{BF04C754-5BF4-4E83-9615-DB14FA25AF8A}" dt="2023-10-12T11:38:08.274" v="295"/>
          <ac:spMkLst>
            <pc:docMk/>
            <pc:sldMk cId="2376958513" sldId="260"/>
            <ac:spMk id="5824" creationId="{8AA84990-CC21-7A8A-7881-522301A0991C}"/>
          </ac:spMkLst>
        </pc:spChg>
        <pc:spChg chg="mod">
          <ac:chgData name="White, Alex" userId="eff6cc8c-37d8-483b-9c6c-6b27e9afa9bc" providerId="ADAL" clId="{BF04C754-5BF4-4E83-9615-DB14FA25AF8A}" dt="2023-10-12T11:38:08.274" v="295"/>
          <ac:spMkLst>
            <pc:docMk/>
            <pc:sldMk cId="2376958513" sldId="260"/>
            <ac:spMk id="5825" creationId="{45517512-17BF-CD44-3664-B079546193C5}"/>
          </ac:spMkLst>
        </pc:spChg>
        <pc:spChg chg="mod">
          <ac:chgData name="White, Alex" userId="eff6cc8c-37d8-483b-9c6c-6b27e9afa9bc" providerId="ADAL" clId="{BF04C754-5BF4-4E83-9615-DB14FA25AF8A}" dt="2023-10-12T11:38:08.274" v="295"/>
          <ac:spMkLst>
            <pc:docMk/>
            <pc:sldMk cId="2376958513" sldId="260"/>
            <ac:spMk id="5826" creationId="{4A457888-ABE3-CBA0-95F6-AA4C57A399B6}"/>
          </ac:spMkLst>
        </pc:spChg>
        <pc:spChg chg="mod">
          <ac:chgData name="White, Alex" userId="eff6cc8c-37d8-483b-9c6c-6b27e9afa9bc" providerId="ADAL" clId="{BF04C754-5BF4-4E83-9615-DB14FA25AF8A}" dt="2023-10-12T11:38:08.274" v="295"/>
          <ac:spMkLst>
            <pc:docMk/>
            <pc:sldMk cId="2376958513" sldId="260"/>
            <ac:spMk id="5827" creationId="{D5BF5B59-4F1B-99A7-6CEA-23A21C174A35}"/>
          </ac:spMkLst>
        </pc:spChg>
        <pc:spChg chg="mod">
          <ac:chgData name="White, Alex" userId="eff6cc8c-37d8-483b-9c6c-6b27e9afa9bc" providerId="ADAL" clId="{BF04C754-5BF4-4E83-9615-DB14FA25AF8A}" dt="2023-10-12T11:38:08.274" v="295"/>
          <ac:spMkLst>
            <pc:docMk/>
            <pc:sldMk cId="2376958513" sldId="260"/>
            <ac:spMk id="5828" creationId="{E3F7EE28-F619-7DFA-35A1-113EFF9C36B9}"/>
          </ac:spMkLst>
        </pc:spChg>
        <pc:spChg chg="mod">
          <ac:chgData name="White, Alex" userId="eff6cc8c-37d8-483b-9c6c-6b27e9afa9bc" providerId="ADAL" clId="{BF04C754-5BF4-4E83-9615-DB14FA25AF8A}" dt="2023-10-12T11:38:08.274" v="295"/>
          <ac:spMkLst>
            <pc:docMk/>
            <pc:sldMk cId="2376958513" sldId="260"/>
            <ac:spMk id="5829" creationId="{5F656B6F-DD9E-A745-88FD-C340EC40F550}"/>
          </ac:spMkLst>
        </pc:spChg>
        <pc:spChg chg="mod">
          <ac:chgData name="White, Alex" userId="eff6cc8c-37d8-483b-9c6c-6b27e9afa9bc" providerId="ADAL" clId="{BF04C754-5BF4-4E83-9615-DB14FA25AF8A}" dt="2023-10-12T11:38:08.274" v="295"/>
          <ac:spMkLst>
            <pc:docMk/>
            <pc:sldMk cId="2376958513" sldId="260"/>
            <ac:spMk id="5830" creationId="{D0F62948-EE31-1132-9C13-AE72E55921A8}"/>
          </ac:spMkLst>
        </pc:spChg>
        <pc:spChg chg="mod">
          <ac:chgData name="White, Alex" userId="eff6cc8c-37d8-483b-9c6c-6b27e9afa9bc" providerId="ADAL" clId="{BF04C754-5BF4-4E83-9615-DB14FA25AF8A}" dt="2023-10-12T11:38:08.274" v="295"/>
          <ac:spMkLst>
            <pc:docMk/>
            <pc:sldMk cId="2376958513" sldId="260"/>
            <ac:spMk id="5831" creationId="{19823F05-C49B-DA1B-0346-CF9587EB1914}"/>
          </ac:spMkLst>
        </pc:spChg>
        <pc:spChg chg="mod">
          <ac:chgData name="White, Alex" userId="eff6cc8c-37d8-483b-9c6c-6b27e9afa9bc" providerId="ADAL" clId="{BF04C754-5BF4-4E83-9615-DB14FA25AF8A}" dt="2023-10-12T11:38:08.274" v="295"/>
          <ac:spMkLst>
            <pc:docMk/>
            <pc:sldMk cId="2376958513" sldId="260"/>
            <ac:spMk id="5832" creationId="{72284A94-CDD1-B938-292B-77EA4F0D168E}"/>
          </ac:spMkLst>
        </pc:spChg>
        <pc:spChg chg="mod">
          <ac:chgData name="White, Alex" userId="eff6cc8c-37d8-483b-9c6c-6b27e9afa9bc" providerId="ADAL" clId="{BF04C754-5BF4-4E83-9615-DB14FA25AF8A}" dt="2023-10-12T11:38:08.274" v="295"/>
          <ac:spMkLst>
            <pc:docMk/>
            <pc:sldMk cId="2376958513" sldId="260"/>
            <ac:spMk id="5833" creationId="{46DBAC73-84D7-E084-F1D2-9EAD988B097E}"/>
          </ac:spMkLst>
        </pc:spChg>
        <pc:spChg chg="mod">
          <ac:chgData name="White, Alex" userId="eff6cc8c-37d8-483b-9c6c-6b27e9afa9bc" providerId="ADAL" clId="{BF04C754-5BF4-4E83-9615-DB14FA25AF8A}" dt="2023-10-12T11:38:08.274" v="295"/>
          <ac:spMkLst>
            <pc:docMk/>
            <pc:sldMk cId="2376958513" sldId="260"/>
            <ac:spMk id="5834" creationId="{C6BD8DEF-CCA5-338B-8107-B0294D8CC62D}"/>
          </ac:spMkLst>
        </pc:spChg>
        <pc:spChg chg="mod">
          <ac:chgData name="White, Alex" userId="eff6cc8c-37d8-483b-9c6c-6b27e9afa9bc" providerId="ADAL" clId="{BF04C754-5BF4-4E83-9615-DB14FA25AF8A}" dt="2023-10-12T11:38:08.274" v="295"/>
          <ac:spMkLst>
            <pc:docMk/>
            <pc:sldMk cId="2376958513" sldId="260"/>
            <ac:spMk id="5835" creationId="{86A29997-0B3D-5A65-E2BF-C1FDD750D141}"/>
          </ac:spMkLst>
        </pc:spChg>
        <pc:spChg chg="mod">
          <ac:chgData name="White, Alex" userId="eff6cc8c-37d8-483b-9c6c-6b27e9afa9bc" providerId="ADAL" clId="{BF04C754-5BF4-4E83-9615-DB14FA25AF8A}" dt="2023-10-12T11:38:08.274" v="295"/>
          <ac:spMkLst>
            <pc:docMk/>
            <pc:sldMk cId="2376958513" sldId="260"/>
            <ac:spMk id="5836" creationId="{B085A9B8-4B52-AC50-1E8C-585816431880}"/>
          </ac:spMkLst>
        </pc:spChg>
        <pc:spChg chg="mod">
          <ac:chgData name="White, Alex" userId="eff6cc8c-37d8-483b-9c6c-6b27e9afa9bc" providerId="ADAL" clId="{BF04C754-5BF4-4E83-9615-DB14FA25AF8A}" dt="2023-10-12T11:38:08.274" v="295"/>
          <ac:spMkLst>
            <pc:docMk/>
            <pc:sldMk cId="2376958513" sldId="260"/>
            <ac:spMk id="5837" creationId="{69F6F2E3-D13F-5098-4C1C-8044C23669CA}"/>
          </ac:spMkLst>
        </pc:spChg>
        <pc:spChg chg="mod">
          <ac:chgData name="White, Alex" userId="eff6cc8c-37d8-483b-9c6c-6b27e9afa9bc" providerId="ADAL" clId="{BF04C754-5BF4-4E83-9615-DB14FA25AF8A}" dt="2023-10-12T11:38:08.274" v="295"/>
          <ac:spMkLst>
            <pc:docMk/>
            <pc:sldMk cId="2376958513" sldId="260"/>
            <ac:spMk id="5838" creationId="{F2AF3F6B-D5F1-3D14-FD30-E637592145F8}"/>
          </ac:spMkLst>
        </pc:spChg>
        <pc:spChg chg="mod">
          <ac:chgData name="White, Alex" userId="eff6cc8c-37d8-483b-9c6c-6b27e9afa9bc" providerId="ADAL" clId="{BF04C754-5BF4-4E83-9615-DB14FA25AF8A}" dt="2023-10-12T11:38:08.274" v="295"/>
          <ac:spMkLst>
            <pc:docMk/>
            <pc:sldMk cId="2376958513" sldId="260"/>
            <ac:spMk id="5839" creationId="{3E5CE74D-343F-F09D-3E89-86497B4BC176}"/>
          </ac:spMkLst>
        </pc:spChg>
        <pc:spChg chg="mod">
          <ac:chgData name="White, Alex" userId="eff6cc8c-37d8-483b-9c6c-6b27e9afa9bc" providerId="ADAL" clId="{BF04C754-5BF4-4E83-9615-DB14FA25AF8A}" dt="2023-10-12T11:38:08.274" v="295"/>
          <ac:spMkLst>
            <pc:docMk/>
            <pc:sldMk cId="2376958513" sldId="260"/>
            <ac:spMk id="5840" creationId="{86D9250F-3EA4-EAFF-6021-1686A0C36932}"/>
          </ac:spMkLst>
        </pc:spChg>
        <pc:spChg chg="mod">
          <ac:chgData name="White, Alex" userId="eff6cc8c-37d8-483b-9c6c-6b27e9afa9bc" providerId="ADAL" clId="{BF04C754-5BF4-4E83-9615-DB14FA25AF8A}" dt="2023-10-12T11:38:08.274" v="295"/>
          <ac:spMkLst>
            <pc:docMk/>
            <pc:sldMk cId="2376958513" sldId="260"/>
            <ac:spMk id="5841" creationId="{4E201F6A-C363-A014-D95A-4F9B08916281}"/>
          </ac:spMkLst>
        </pc:spChg>
        <pc:spChg chg="mod">
          <ac:chgData name="White, Alex" userId="eff6cc8c-37d8-483b-9c6c-6b27e9afa9bc" providerId="ADAL" clId="{BF04C754-5BF4-4E83-9615-DB14FA25AF8A}" dt="2023-10-12T11:38:08.274" v="295"/>
          <ac:spMkLst>
            <pc:docMk/>
            <pc:sldMk cId="2376958513" sldId="260"/>
            <ac:spMk id="5842" creationId="{D608DB5F-433D-FE20-18E8-37C9CADD4171}"/>
          </ac:spMkLst>
        </pc:spChg>
        <pc:spChg chg="mod">
          <ac:chgData name="White, Alex" userId="eff6cc8c-37d8-483b-9c6c-6b27e9afa9bc" providerId="ADAL" clId="{BF04C754-5BF4-4E83-9615-DB14FA25AF8A}" dt="2023-10-12T11:38:08.274" v="295"/>
          <ac:spMkLst>
            <pc:docMk/>
            <pc:sldMk cId="2376958513" sldId="260"/>
            <ac:spMk id="5843" creationId="{5D5137D3-1C22-DD9B-4267-981F429E1DF7}"/>
          </ac:spMkLst>
        </pc:spChg>
        <pc:spChg chg="mod">
          <ac:chgData name="White, Alex" userId="eff6cc8c-37d8-483b-9c6c-6b27e9afa9bc" providerId="ADAL" clId="{BF04C754-5BF4-4E83-9615-DB14FA25AF8A}" dt="2023-10-12T11:38:08.274" v="295"/>
          <ac:spMkLst>
            <pc:docMk/>
            <pc:sldMk cId="2376958513" sldId="260"/>
            <ac:spMk id="5844" creationId="{727E5F75-C095-3DFA-DD2B-DBA422E75056}"/>
          </ac:spMkLst>
        </pc:spChg>
        <pc:spChg chg="mod">
          <ac:chgData name="White, Alex" userId="eff6cc8c-37d8-483b-9c6c-6b27e9afa9bc" providerId="ADAL" clId="{BF04C754-5BF4-4E83-9615-DB14FA25AF8A}" dt="2023-10-12T11:38:08.274" v="295"/>
          <ac:spMkLst>
            <pc:docMk/>
            <pc:sldMk cId="2376958513" sldId="260"/>
            <ac:spMk id="5845" creationId="{AE831EDF-B59B-0280-93D6-088B3B2FB779}"/>
          </ac:spMkLst>
        </pc:spChg>
        <pc:spChg chg="mod">
          <ac:chgData name="White, Alex" userId="eff6cc8c-37d8-483b-9c6c-6b27e9afa9bc" providerId="ADAL" clId="{BF04C754-5BF4-4E83-9615-DB14FA25AF8A}" dt="2023-10-12T11:38:08.274" v="295"/>
          <ac:spMkLst>
            <pc:docMk/>
            <pc:sldMk cId="2376958513" sldId="260"/>
            <ac:spMk id="5846" creationId="{F28B2419-1E57-240C-6806-27C4C662AC01}"/>
          </ac:spMkLst>
        </pc:spChg>
        <pc:spChg chg="mod">
          <ac:chgData name="White, Alex" userId="eff6cc8c-37d8-483b-9c6c-6b27e9afa9bc" providerId="ADAL" clId="{BF04C754-5BF4-4E83-9615-DB14FA25AF8A}" dt="2023-10-12T11:38:08.274" v="295"/>
          <ac:spMkLst>
            <pc:docMk/>
            <pc:sldMk cId="2376958513" sldId="260"/>
            <ac:spMk id="5847" creationId="{93954F5A-C412-06D8-39B0-656FA59FDEE6}"/>
          </ac:spMkLst>
        </pc:spChg>
        <pc:spChg chg="mod">
          <ac:chgData name="White, Alex" userId="eff6cc8c-37d8-483b-9c6c-6b27e9afa9bc" providerId="ADAL" clId="{BF04C754-5BF4-4E83-9615-DB14FA25AF8A}" dt="2023-10-12T11:38:08.274" v="295"/>
          <ac:spMkLst>
            <pc:docMk/>
            <pc:sldMk cId="2376958513" sldId="260"/>
            <ac:spMk id="5848" creationId="{0F803F68-D6CD-F273-0EE8-72F3D4502792}"/>
          </ac:spMkLst>
        </pc:spChg>
        <pc:spChg chg="mod">
          <ac:chgData name="White, Alex" userId="eff6cc8c-37d8-483b-9c6c-6b27e9afa9bc" providerId="ADAL" clId="{BF04C754-5BF4-4E83-9615-DB14FA25AF8A}" dt="2023-10-12T11:38:08.274" v="295"/>
          <ac:spMkLst>
            <pc:docMk/>
            <pc:sldMk cId="2376958513" sldId="260"/>
            <ac:spMk id="5849" creationId="{0A1916DD-C707-42FB-A16D-7167DFCA6D3F}"/>
          </ac:spMkLst>
        </pc:spChg>
        <pc:spChg chg="mod">
          <ac:chgData name="White, Alex" userId="eff6cc8c-37d8-483b-9c6c-6b27e9afa9bc" providerId="ADAL" clId="{BF04C754-5BF4-4E83-9615-DB14FA25AF8A}" dt="2023-10-12T11:38:08.274" v="295"/>
          <ac:spMkLst>
            <pc:docMk/>
            <pc:sldMk cId="2376958513" sldId="260"/>
            <ac:spMk id="5850" creationId="{B467718E-6EB1-1970-8F05-075DDDD21CA5}"/>
          </ac:spMkLst>
        </pc:spChg>
        <pc:spChg chg="mod">
          <ac:chgData name="White, Alex" userId="eff6cc8c-37d8-483b-9c6c-6b27e9afa9bc" providerId="ADAL" clId="{BF04C754-5BF4-4E83-9615-DB14FA25AF8A}" dt="2023-10-12T11:38:08.274" v="295"/>
          <ac:spMkLst>
            <pc:docMk/>
            <pc:sldMk cId="2376958513" sldId="260"/>
            <ac:spMk id="5851" creationId="{B214369D-7587-85FF-6A35-BB51B8826D31}"/>
          </ac:spMkLst>
        </pc:spChg>
        <pc:spChg chg="mod">
          <ac:chgData name="White, Alex" userId="eff6cc8c-37d8-483b-9c6c-6b27e9afa9bc" providerId="ADAL" clId="{BF04C754-5BF4-4E83-9615-DB14FA25AF8A}" dt="2023-10-12T11:38:08.274" v="295"/>
          <ac:spMkLst>
            <pc:docMk/>
            <pc:sldMk cId="2376958513" sldId="260"/>
            <ac:spMk id="5852" creationId="{74560E15-7E00-1002-02F0-CE00F463E6E0}"/>
          </ac:spMkLst>
        </pc:spChg>
        <pc:spChg chg="mod">
          <ac:chgData name="White, Alex" userId="eff6cc8c-37d8-483b-9c6c-6b27e9afa9bc" providerId="ADAL" clId="{BF04C754-5BF4-4E83-9615-DB14FA25AF8A}" dt="2023-10-12T11:38:08.274" v="295"/>
          <ac:spMkLst>
            <pc:docMk/>
            <pc:sldMk cId="2376958513" sldId="260"/>
            <ac:spMk id="5853" creationId="{58DB1A97-1C08-FFF7-B0B3-27B1BEF92EED}"/>
          </ac:spMkLst>
        </pc:spChg>
        <pc:spChg chg="mod">
          <ac:chgData name="White, Alex" userId="eff6cc8c-37d8-483b-9c6c-6b27e9afa9bc" providerId="ADAL" clId="{BF04C754-5BF4-4E83-9615-DB14FA25AF8A}" dt="2023-10-12T11:38:08.274" v="295"/>
          <ac:spMkLst>
            <pc:docMk/>
            <pc:sldMk cId="2376958513" sldId="260"/>
            <ac:spMk id="5854" creationId="{79A03B0A-9A97-2D8A-CBF6-67B5F4B38294}"/>
          </ac:spMkLst>
        </pc:spChg>
        <pc:spChg chg="mod">
          <ac:chgData name="White, Alex" userId="eff6cc8c-37d8-483b-9c6c-6b27e9afa9bc" providerId="ADAL" clId="{BF04C754-5BF4-4E83-9615-DB14FA25AF8A}" dt="2023-10-12T11:38:08.274" v="295"/>
          <ac:spMkLst>
            <pc:docMk/>
            <pc:sldMk cId="2376958513" sldId="260"/>
            <ac:spMk id="5855" creationId="{054AFBC4-BEC7-375E-E764-827A2A635458}"/>
          </ac:spMkLst>
        </pc:spChg>
        <pc:spChg chg="mod">
          <ac:chgData name="White, Alex" userId="eff6cc8c-37d8-483b-9c6c-6b27e9afa9bc" providerId="ADAL" clId="{BF04C754-5BF4-4E83-9615-DB14FA25AF8A}" dt="2023-10-12T11:38:08.274" v="295"/>
          <ac:spMkLst>
            <pc:docMk/>
            <pc:sldMk cId="2376958513" sldId="260"/>
            <ac:spMk id="5856" creationId="{CD51E919-7717-92E1-5EF1-D850C6C4AE9A}"/>
          </ac:spMkLst>
        </pc:spChg>
        <pc:spChg chg="mod">
          <ac:chgData name="White, Alex" userId="eff6cc8c-37d8-483b-9c6c-6b27e9afa9bc" providerId="ADAL" clId="{BF04C754-5BF4-4E83-9615-DB14FA25AF8A}" dt="2023-10-12T11:38:08.274" v="295"/>
          <ac:spMkLst>
            <pc:docMk/>
            <pc:sldMk cId="2376958513" sldId="260"/>
            <ac:spMk id="5857" creationId="{B523FAA0-A2E5-8C60-B335-A5D0771DFC28}"/>
          </ac:spMkLst>
        </pc:spChg>
        <pc:spChg chg="mod">
          <ac:chgData name="White, Alex" userId="eff6cc8c-37d8-483b-9c6c-6b27e9afa9bc" providerId="ADAL" clId="{BF04C754-5BF4-4E83-9615-DB14FA25AF8A}" dt="2023-10-12T11:38:08.274" v="295"/>
          <ac:spMkLst>
            <pc:docMk/>
            <pc:sldMk cId="2376958513" sldId="260"/>
            <ac:spMk id="5858" creationId="{FED0991C-E59C-3E97-204E-DC2979CB9C85}"/>
          </ac:spMkLst>
        </pc:spChg>
        <pc:spChg chg="mod">
          <ac:chgData name="White, Alex" userId="eff6cc8c-37d8-483b-9c6c-6b27e9afa9bc" providerId="ADAL" clId="{BF04C754-5BF4-4E83-9615-DB14FA25AF8A}" dt="2023-10-12T11:38:08.274" v="295"/>
          <ac:spMkLst>
            <pc:docMk/>
            <pc:sldMk cId="2376958513" sldId="260"/>
            <ac:spMk id="5859" creationId="{762DA7E3-9565-276C-4F35-46DB6368E139}"/>
          </ac:spMkLst>
        </pc:spChg>
        <pc:spChg chg="mod">
          <ac:chgData name="White, Alex" userId="eff6cc8c-37d8-483b-9c6c-6b27e9afa9bc" providerId="ADAL" clId="{BF04C754-5BF4-4E83-9615-DB14FA25AF8A}" dt="2023-10-12T11:38:08.274" v="295"/>
          <ac:spMkLst>
            <pc:docMk/>
            <pc:sldMk cId="2376958513" sldId="260"/>
            <ac:spMk id="5860" creationId="{EC0C4186-B24F-61E4-62F1-8F425886C419}"/>
          </ac:spMkLst>
        </pc:spChg>
        <pc:spChg chg="mod">
          <ac:chgData name="White, Alex" userId="eff6cc8c-37d8-483b-9c6c-6b27e9afa9bc" providerId="ADAL" clId="{BF04C754-5BF4-4E83-9615-DB14FA25AF8A}" dt="2023-10-12T11:38:08.274" v="295"/>
          <ac:spMkLst>
            <pc:docMk/>
            <pc:sldMk cId="2376958513" sldId="260"/>
            <ac:spMk id="5861" creationId="{D6A6F08B-3F62-3508-F553-DA249C144F5B}"/>
          </ac:spMkLst>
        </pc:spChg>
        <pc:spChg chg="mod">
          <ac:chgData name="White, Alex" userId="eff6cc8c-37d8-483b-9c6c-6b27e9afa9bc" providerId="ADAL" clId="{BF04C754-5BF4-4E83-9615-DB14FA25AF8A}" dt="2023-10-12T11:38:08.274" v="295"/>
          <ac:spMkLst>
            <pc:docMk/>
            <pc:sldMk cId="2376958513" sldId="260"/>
            <ac:spMk id="5862" creationId="{B542140E-6BAE-017B-35A7-C28DEC32DA2B}"/>
          </ac:spMkLst>
        </pc:spChg>
        <pc:spChg chg="mod">
          <ac:chgData name="White, Alex" userId="eff6cc8c-37d8-483b-9c6c-6b27e9afa9bc" providerId="ADAL" clId="{BF04C754-5BF4-4E83-9615-DB14FA25AF8A}" dt="2023-10-12T11:38:08.274" v="295"/>
          <ac:spMkLst>
            <pc:docMk/>
            <pc:sldMk cId="2376958513" sldId="260"/>
            <ac:spMk id="5863" creationId="{96D0E633-05A6-B456-35B8-0B3A8005726B}"/>
          </ac:spMkLst>
        </pc:spChg>
        <pc:spChg chg="mod">
          <ac:chgData name="White, Alex" userId="eff6cc8c-37d8-483b-9c6c-6b27e9afa9bc" providerId="ADAL" clId="{BF04C754-5BF4-4E83-9615-DB14FA25AF8A}" dt="2023-10-12T11:38:08.274" v="295"/>
          <ac:spMkLst>
            <pc:docMk/>
            <pc:sldMk cId="2376958513" sldId="260"/>
            <ac:spMk id="5864" creationId="{548CB5AD-5329-E435-167B-E40DF05DB6F1}"/>
          </ac:spMkLst>
        </pc:spChg>
        <pc:spChg chg="mod">
          <ac:chgData name="White, Alex" userId="eff6cc8c-37d8-483b-9c6c-6b27e9afa9bc" providerId="ADAL" clId="{BF04C754-5BF4-4E83-9615-DB14FA25AF8A}" dt="2023-10-12T11:38:08.274" v="295"/>
          <ac:spMkLst>
            <pc:docMk/>
            <pc:sldMk cId="2376958513" sldId="260"/>
            <ac:spMk id="5865" creationId="{BDA91259-99E6-EDE7-6E97-6D0E28C62F9F}"/>
          </ac:spMkLst>
        </pc:spChg>
        <pc:spChg chg="mod">
          <ac:chgData name="White, Alex" userId="eff6cc8c-37d8-483b-9c6c-6b27e9afa9bc" providerId="ADAL" clId="{BF04C754-5BF4-4E83-9615-DB14FA25AF8A}" dt="2023-10-12T11:38:08.274" v="295"/>
          <ac:spMkLst>
            <pc:docMk/>
            <pc:sldMk cId="2376958513" sldId="260"/>
            <ac:spMk id="5866" creationId="{E5BB3846-AD9F-1324-5391-55DE59116343}"/>
          </ac:spMkLst>
        </pc:spChg>
        <pc:spChg chg="mod">
          <ac:chgData name="White, Alex" userId="eff6cc8c-37d8-483b-9c6c-6b27e9afa9bc" providerId="ADAL" clId="{BF04C754-5BF4-4E83-9615-DB14FA25AF8A}" dt="2023-10-12T11:38:08.274" v="295"/>
          <ac:spMkLst>
            <pc:docMk/>
            <pc:sldMk cId="2376958513" sldId="260"/>
            <ac:spMk id="5867" creationId="{BB0A8E12-ECD7-6DEB-B605-6862711197F5}"/>
          </ac:spMkLst>
        </pc:spChg>
        <pc:spChg chg="mod">
          <ac:chgData name="White, Alex" userId="eff6cc8c-37d8-483b-9c6c-6b27e9afa9bc" providerId="ADAL" clId="{BF04C754-5BF4-4E83-9615-DB14FA25AF8A}" dt="2023-10-12T11:38:08.274" v="295"/>
          <ac:spMkLst>
            <pc:docMk/>
            <pc:sldMk cId="2376958513" sldId="260"/>
            <ac:spMk id="5868" creationId="{232DC0DB-7CE0-9D2D-67E8-F0B0766128C9}"/>
          </ac:spMkLst>
        </pc:spChg>
        <pc:spChg chg="mod">
          <ac:chgData name="White, Alex" userId="eff6cc8c-37d8-483b-9c6c-6b27e9afa9bc" providerId="ADAL" clId="{BF04C754-5BF4-4E83-9615-DB14FA25AF8A}" dt="2023-10-12T11:38:08.274" v="295"/>
          <ac:spMkLst>
            <pc:docMk/>
            <pc:sldMk cId="2376958513" sldId="260"/>
            <ac:spMk id="5869" creationId="{07740B24-A2C1-2E33-2670-28E126E4E995}"/>
          </ac:spMkLst>
        </pc:spChg>
        <pc:spChg chg="mod">
          <ac:chgData name="White, Alex" userId="eff6cc8c-37d8-483b-9c6c-6b27e9afa9bc" providerId="ADAL" clId="{BF04C754-5BF4-4E83-9615-DB14FA25AF8A}" dt="2023-10-12T11:38:08.274" v="295"/>
          <ac:spMkLst>
            <pc:docMk/>
            <pc:sldMk cId="2376958513" sldId="260"/>
            <ac:spMk id="5870" creationId="{C53C86C7-E207-2822-1F91-ED1E25869086}"/>
          </ac:spMkLst>
        </pc:spChg>
        <pc:spChg chg="mod">
          <ac:chgData name="White, Alex" userId="eff6cc8c-37d8-483b-9c6c-6b27e9afa9bc" providerId="ADAL" clId="{BF04C754-5BF4-4E83-9615-DB14FA25AF8A}" dt="2023-10-12T11:38:08.274" v="295"/>
          <ac:spMkLst>
            <pc:docMk/>
            <pc:sldMk cId="2376958513" sldId="260"/>
            <ac:spMk id="5871" creationId="{3DAFCB5B-AE76-25D0-56E6-90F095104726}"/>
          </ac:spMkLst>
        </pc:spChg>
        <pc:spChg chg="mod">
          <ac:chgData name="White, Alex" userId="eff6cc8c-37d8-483b-9c6c-6b27e9afa9bc" providerId="ADAL" clId="{BF04C754-5BF4-4E83-9615-DB14FA25AF8A}" dt="2023-10-12T11:38:08.274" v="295"/>
          <ac:spMkLst>
            <pc:docMk/>
            <pc:sldMk cId="2376958513" sldId="260"/>
            <ac:spMk id="5872" creationId="{787817E3-DA2A-34CD-BA59-9660651E35CC}"/>
          </ac:spMkLst>
        </pc:spChg>
        <pc:spChg chg="mod">
          <ac:chgData name="White, Alex" userId="eff6cc8c-37d8-483b-9c6c-6b27e9afa9bc" providerId="ADAL" clId="{BF04C754-5BF4-4E83-9615-DB14FA25AF8A}" dt="2023-10-12T11:38:08.274" v="295"/>
          <ac:spMkLst>
            <pc:docMk/>
            <pc:sldMk cId="2376958513" sldId="260"/>
            <ac:spMk id="5873" creationId="{B4C6866B-7F70-BCC5-FFBF-8CD34685D9FB}"/>
          </ac:spMkLst>
        </pc:spChg>
        <pc:spChg chg="mod">
          <ac:chgData name="White, Alex" userId="eff6cc8c-37d8-483b-9c6c-6b27e9afa9bc" providerId="ADAL" clId="{BF04C754-5BF4-4E83-9615-DB14FA25AF8A}" dt="2023-10-12T11:38:08.274" v="295"/>
          <ac:spMkLst>
            <pc:docMk/>
            <pc:sldMk cId="2376958513" sldId="260"/>
            <ac:spMk id="5874" creationId="{DCB05B56-E47C-CF1B-716A-BF25D6FFF87D}"/>
          </ac:spMkLst>
        </pc:spChg>
        <pc:spChg chg="mod">
          <ac:chgData name="White, Alex" userId="eff6cc8c-37d8-483b-9c6c-6b27e9afa9bc" providerId="ADAL" clId="{BF04C754-5BF4-4E83-9615-DB14FA25AF8A}" dt="2023-10-12T11:38:08.274" v="295"/>
          <ac:spMkLst>
            <pc:docMk/>
            <pc:sldMk cId="2376958513" sldId="260"/>
            <ac:spMk id="5875" creationId="{3618374F-4CC1-61CF-7F75-363C1D175636}"/>
          </ac:spMkLst>
        </pc:spChg>
        <pc:spChg chg="mod">
          <ac:chgData name="White, Alex" userId="eff6cc8c-37d8-483b-9c6c-6b27e9afa9bc" providerId="ADAL" clId="{BF04C754-5BF4-4E83-9615-DB14FA25AF8A}" dt="2023-10-12T11:38:08.274" v="295"/>
          <ac:spMkLst>
            <pc:docMk/>
            <pc:sldMk cId="2376958513" sldId="260"/>
            <ac:spMk id="5876" creationId="{C6D00833-3DFE-5789-D125-393F04A5D508}"/>
          </ac:spMkLst>
        </pc:spChg>
        <pc:spChg chg="mod">
          <ac:chgData name="White, Alex" userId="eff6cc8c-37d8-483b-9c6c-6b27e9afa9bc" providerId="ADAL" clId="{BF04C754-5BF4-4E83-9615-DB14FA25AF8A}" dt="2023-10-12T11:38:08.274" v="295"/>
          <ac:spMkLst>
            <pc:docMk/>
            <pc:sldMk cId="2376958513" sldId="260"/>
            <ac:spMk id="5877" creationId="{C3A47C4C-1442-2AF3-1822-03293AA3EC96}"/>
          </ac:spMkLst>
        </pc:spChg>
        <pc:spChg chg="mod">
          <ac:chgData name="White, Alex" userId="eff6cc8c-37d8-483b-9c6c-6b27e9afa9bc" providerId="ADAL" clId="{BF04C754-5BF4-4E83-9615-DB14FA25AF8A}" dt="2023-10-12T11:38:08.274" v="295"/>
          <ac:spMkLst>
            <pc:docMk/>
            <pc:sldMk cId="2376958513" sldId="260"/>
            <ac:spMk id="5878" creationId="{2D1B2EF7-5036-0041-18E0-B1897C5790B8}"/>
          </ac:spMkLst>
        </pc:spChg>
        <pc:spChg chg="mod">
          <ac:chgData name="White, Alex" userId="eff6cc8c-37d8-483b-9c6c-6b27e9afa9bc" providerId="ADAL" clId="{BF04C754-5BF4-4E83-9615-DB14FA25AF8A}" dt="2023-10-12T11:38:08.274" v="295"/>
          <ac:spMkLst>
            <pc:docMk/>
            <pc:sldMk cId="2376958513" sldId="260"/>
            <ac:spMk id="5879" creationId="{35FB8E0A-A440-3D22-EAEB-B59C493764C3}"/>
          </ac:spMkLst>
        </pc:spChg>
        <pc:spChg chg="mod">
          <ac:chgData name="White, Alex" userId="eff6cc8c-37d8-483b-9c6c-6b27e9afa9bc" providerId="ADAL" clId="{BF04C754-5BF4-4E83-9615-DB14FA25AF8A}" dt="2023-10-12T11:38:08.274" v="295"/>
          <ac:spMkLst>
            <pc:docMk/>
            <pc:sldMk cId="2376958513" sldId="260"/>
            <ac:spMk id="5880" creationId="{948EAF4D-83C5-5D80-2223-90A5AAB1F9EE}"/>
          </ac:spMkLst>
        </pc:spChg>
        <pc:spChg chg="mod">
          <ac:chgData name="White, Alex" userId="eff6cc8c-37d8-483b-9c6c-6b27e9afa9bc" providerId="ADAL" clId="{BF04C754-5BF4-4E83-9615-DB14FA25AF8A}" dt="2023-10-12T11:38:08.274" v="295"/>
          <ac:spMkLst>
            <pc:docMk/>
            <pc:sldMk cId="2376958513" sldId="260"/>
            <ac:spMk id="5881" creationId="{C60EE43B-0374-E05E-B358-503F0AB812D3}"/>
          </ac:spMkLst>
        </pc:spChg>
        <pc:spChg chg="mod">
          <ac:chgData name="White, Alex" userId="eff6cc8c-37d8-483b-9c6c-6b27e9afa9bc" providerId="ADAL" clId="{BF04C754-5BF4-4E83-9615-DB14FA25AF8A}" dt="2023-10-12T11:38:08.274" v="295"/>
          <ac:spMkLst>
            <pc:docMk/>
            <pc:sldMk cId="2376958513" sldId="260"/>
            <ac:spMk id="5882" creationId="{0475AE6F-FD00-5A08-8468-74FEB5609E27}"/>
          </ac:spMkLst>
        </pc:spChg>
        <pc:spChg chg="mod">
          <ac:chgData name="White, Alex" userId="eff6cc8c-37d8-483b-9c6c-6b27e9afa9bc" providerId="ADAL" clId="{BF04C754-5BF4-4E83-9615-DB14FA25AF8A}" dt="2023-10-12T11:38:08.274" v="295"/>
          <ac:spMkLst>
            <pc:docMk/>
            <pc:sldMk cId="2376958513" sldId="260"/>
            <ac:spMk id="5883" creationId="{A0A92DCC-82A2-A130-B9BE-CED8A44D85B8}"/>
          </ac:spMkLst>
        </pc:spChg>
        <pc:spChg chg="mod">
          <ac:chgData name="White, Alex" userId="eff6cc8c-37d8-483b-9c6c-6b27e9afa9bc" providerId="ADAL" clId="{BF04C754-5BF4-4E83-9615-DB14FA25AF8A}" dt="2023-10-12T11:38:08.274" v="295"/>
          <ac:spMkLst>
            <pc:docMk/>
            <pc:sldMk cId="2376958513" sldId="260"/>
            <ac:spMk id="5884" creationId="{8C927625-A556-E82E-1409-1F060FA8491E}"/>
          </ac:spMkLst>
        </pc:spChg>
        <pc:spChg chg="mod">
          <ac:chgData name="White, Alex" userId="eff6cc8c-37d8-483b-9c6c-6b27e9afa9bc" providerId="ADAL" clId="{BF04C754-5BF4-4E83-9615-DB14FA25AF8A}" dt="2023-10-12T11:38:08.274" v="295"/>
          <ac:spMkLst>
            <pc:docMk/>
            <pc:sldMk cId="2376958513" sldId="260"/>
            <ac:spMk id="5885" creationId="{D2E38242-E3E6-5FB4-8BB6-3194E5971518}"/>
          </ac:spMkLst>
        </pc:spChg>
        <pc:spChg chg="mod">
          <ac:chgData name="White, Alex" userId="eff6cc8c-37d8-483b-9c6c-6b27e9afa9bc" providerId="ADAL" clId="{BF04C754-5BF4-4E83-9615-DB14FA25AF8A}" dt="2023-10-12T11:38:08.274" v="295"/>
          <ac:spMkLst>
            <pc:docMk/>
            <pc:sldMk cId="2376958513" sldId="260"/>
            <ac:spMk id="5886" creationId="{5752FFEB-1BEC-8FF4-0246-33F9C99FC9AC}"/>
          </ac:spMkLst>
        </pc:spChg>
        <pc:spChg chg="mod">
          <ac:chgData name="White, Alex" userId="eff6cc8c-37d8-483b-9c6c-6b27e9afa9bc" providerId="ADAL" clId="{BF04C754-5BF4-4E83-9615-DB14FA25AF8A}" dt="2023-10-12T11:38:08.274" v="295"/>
          <ac:spMkLst>
            <pc:docMk/>
            <pc:sldMk cId="2376958513" sldId="260"/>
            <ac:spMk id="5887" creationId="{0178DE2C-39E0-2677-78EF-905DE24DD16C}"/>
          </ac:spMkLst>
        </pc:spChg>
        <pc:spChg chg="mod">
          <ac:chgData name="White, Alex" userId="eff6cc8c-37d8-483b-9c6c-6b27e9afa9bc" providerId="ADAL" clId="{BF04C754-5BF4-4E83-9615-DB14FA25AF8A}" dt="2023-10-12T11:38:08.274" v="295"/>
          <ac:spMkLst>
            <pc:docMk/>
            <pc:sldMk cId="2376958513" sldId="260"/>
            <ac:spMk id="5888" creationId="{0A6879B7-49C5-CE58-1F52-396452245AC0}"/>
          </ac:spMkLst>
        </pc:spChg>
        <pc:spChg chg="mod">
          <ac:chgData name="White, Alex" userId="eff6cc8c-37d8-483b-9c6c-6b27e9afa9bc" providerId="ADAL" clId="{BF04C754-5BF4-4E83-9615-DB14FA25AF8A}" dt="2023-10-12T11:38:08.274" v="295"/>
          <ac:spMkLst>
            <pc:docMk/>
            <pc:sldMk cId="2376958513" sldId="260"/>
            <ac:spMk id="5889" creationId="{061D0F72-0420-D614-7A67-D54EEDA3D81C}"/>
          </ac:spMkLst>
        </pc:spChg>
        <pc:spChg chg="mod">
          <ac:chgData name="White, Alex" userId="eff6cc8c-37d8-483b-9c6c-6b27e9afa9bc" providerId="ADAL" clId="{BF04C754-5BF4-4E83-9615-DB14FA25AF8A}" dt="2023-10-12T11:38:08.274" v="295"/>
          <ac:spMkLst>
            <pc:docMk/>
            <pc:sldMk cId="2376958513" sldId="260"/>
            <ac:spMk id="5890" creationId="{E7E29E47-6D4C-4015-E949-BE013D2EB3EF}"/>
          </ac:spMkLst>
        </pc:spChg>
        <pc:spChg chg="mod">
          <ac:chgData name="White, Alex" userId="eff6cc8c-37d8-483b-9c6c-6b27e9afa9bc" providerId="ADAL" clId="{BF04C754-5BF4-4E83-9615-DB14FA25AF8A}" dt="2023-10-12T11:38:08.274" v="295"/>
          <ac:spMkLst>
            <pc:docMk/>
            <pc:sldMk cId="2376958513" sldId="260"/>
            <ac:spMk id="5891" creationId="{793330D9-BDE3-A075-1819-4037858536C5}"/>
          </ac:spMkLst>
        </pc:spChg>
        <pc:spChg chg="mod">
          <ac:chgData name="White, Alex" userId="eff6cc8c-37d8-483b-9c6c-6b27e9afa9bc" providerId="ADAL" clId="{BF04C754-5BF4-4E83-9615-DB14FA25AF8A}" dt="2023-10-12T11:38:08.274" v="295"/>
          <ac:spMkLst>
            <pc:docMk/>
            <pc:sldMk cId="2376958513" sldId="260"/>
            <ac:spMk id="5892" creationId="{C85EBE75-88D0-B03A-720A-BCCC759BD8A5}"/>
          </ac:spMkLst>
        </pc:spChg>
        <pc:spChg chg="mod">
          <ac:chgData name="White, Alex" userId="eff6cc8c-37d8-483b-9c6c-6b27e9afa9bc" providerId="ADAL" clId="{BF04C754-5BF4-4E83-9615-DB14FA25AF8A}" dt="2023-10-12T11:38:08.274" v="295"/>
          <ac:spMkLst>
            <pc:docMk/>
            <pc:sldMk cId="2376958513" sldId="260"/>
            <ac:spMk id="5893" creationId="{EC7A95EB-F663-0E83-ABC6-FE3B499F176B}"/>
          </ac:spMkLst>
        </pc:spChg>
        <pc:spChg chg="mod">
          <ac:chgData name="White, Alex" userId="eff6cc8c-37d8-483b-9c6c-6b27e9afa9bc" providerId="ADAL" clId="{BF04C754-5BF4-4E83-9615-DB14FA25AF8A}" dt="2023-10-12T11:38:08.274" v="295"/>
          <ac:spMkLst>
            <pc:docMk/>
            <pc:sldMk cId="2376958513" sldId="260"/>
            <ac:spMk id="5894" creationId="{5FBF0EF6-D28C-087B-58F4-939ECE285EBB}"/>
          </ac:spMkLst>
        </pc:spChg>
        <pc:spChg chg="mod">
          <ac:chgData name="White, Alex" userId="eff6cc8c-37d8-483b-9c6c-6b27e9afa9bc" providerId="ADAL" clId="{BF04C754-5BF4-4E83-9615-DB14FA25AF8A}" dt="2023-10-12T11:38:08.274" v="295"/>
          <ac:spMkLst>
            <pc:docMk/>
            <pc:sldMk cId="2376958513" sldId="260"/>
            <ac:spMk id="5895" creationId="{DDDA54D0-5DB1-B4CE-EFF4-DA118D320547}"/>
          </ac:spMkLst>
        </pc:spChg>
        <pc:spChg chg="mod">
          <ac:chgData name="White, Alex" userId="eff6cc8c-37d8-483b-9c6c-6b27e9afa9bc" providerId="ADAL" clId="{BF04C754-5BF4-4E83-9615-DB14FA25AF8A}" dt="2023-10-12T11:38:08.274" v="295"/>
          <ac:spMkLst>
            <pc:docMk/>
            <pc:sldMk cId="2376958513" sldId="260"/>
            <ac:spMk id="5896" creationId="{6ACB2619-3C14-5D66-E08A-766B5AB87213}"/>
          </ac:spMkLst>
        </pc:spChg>
        <pc:spChg chg="mod">
          <ac:chgData name="White, Alex" userId="eff6cc8c-37d8-483b-9c6c-6b27e9afa9bc" providerId="ADAL" clId="{BF04C754-5BF4-4E83-9615-DB14FA25AF8A}" dt="2023-10-12T11:38:08.274" v="295"/>
          <ac:spMkLst>
            <pc:docMk/>
            <pc:sldMk cId="2376958513" sldId="260"/>
            <ac:spMk id="5897" creationId="{D11769B9-18D6-136F-69D8-3979DAEE3FF2}"/>
          </ac:spMkLst>
        </pc:spChg>
        <pc:spChg chg="mod">
          <ac:chgData name="White, Alex" userId="eff6cc8c-37d8-483b-9c6c-6b27e9afa9bc" providerId="ADAL" clId="{BF04C754-5BF4-4E83-9615-DB14FA25AF8A}" dt="2023-10-12T11:38:08.274" v="295"/>
          <ac:spMkLst>
            <pc:docMk/>
            <pc:sldMk cId="2376958513" sldId="260"/>
            <ac:spMk id="5898" creationId="{AAD3FD4B-7D11-47B3-5FAE-2E00114BDEA4}"/>
          </ac:spMkLst>
        </pc:spChg>
        <pc:spChg chg="mod">
          <ac:chgData name="White, Alex" userId="eff6cc8c-37d8-483b-9c6c-6b27e9afa9bc" providerId="ADAL" clId="{BF04C754-5BF4-4E83-9615-DB14FA25AF8A}" dt="2023-10-12T11:38:08.274" v="295"/>
          <ac:spMkLst>
            <pc:docMk/>
            <pc:sldMk cId="2376958513" sldId="260"/>
            <ac:spMk id="5899" creationId="{15B79741-9882-12E3-CB31-C61DEA12142E}"/>
          </ac:spMkLst>
        </pc:spChg>
        <pc:spChg chg="mod">
          <ac:chgData name="White, Alex" userId="eff6cc8c-37d8-483b-9c6c-6b27e9afa9bc" providerId="ADAL" clId="{BF04C754-5BF4-4E83-9615-DB14FA25AF8A}" dt="2023-10-12T11:38:08.274" v="295"/>
          <ac:spMkLst>
            <pc:docMk/>
            <pc:sldMk cId="2376958513" sldId="260"/>
            <ac:spMk id="5900" creationId="{CA20E769-D043-C7E5-1CDE-AD4ECB84A630}"/>
          </ac:spMkLst>
        </pc:spChg>
        <pc:spChg chg="mod">
          <ac:chgData name="White, Alex" userId="eff6cc8c-37d8-483b-9c6c-6b27e9afa9bc" providerId="ADAL" clId="{BF04C754-5BF4-4E83-9615-DB14FA25AF8A}" dt="2023-10-12T11:38:08.274" v="295"/>
          <ac:spMkLst>
            <pc:docMk/>
            <pc:sldMk cId="2376958513" sldId="260"/>
            <ac:spMk id="5901" creationId="{595B31B8-2705-6B41-D84B-C779BE57761B}"/>
          </ac:spMkLst>
        </pc:spChg>
        <pc:spChg chg="mod">
          <ac:chgData name="White, Alex" userId="eff6cc8c-37d8-483b-9c6c-6b27e9afa9bc" providerId="ADAL" clId="{BF04C754-5BF4-4E83-9615-DB14FA25AF8A}" dt="2023-10-12T11:38:08.274" v="295"/>
          <ac:spMkLst>
            <pc:docMk/>
            <pc:sldMk cId="2376958513" sldId="260"/>
            <ac:spMk id="5902" creationId="{D1254680-3DAA-734F-3551-FDEA3B1F5571}"/>
          </ac:spMkLst>
        </pc:spChg>
        <pc:spChg chg="mod">
          <ac:chgData name="White, Alex" userId="eff6cc8c-37d8-483b-9c6c-6b27e9afa9bc" providerId="ADAL" clId="{BF04C754-5BF4-4E83-9615-DB14FA25AF8A}" dt="2023-10-12T11:38:08.274" v="295"/>
          <ac:spMkLst>
            <pc:docMk/>
            <pc:sldMk cId="2376958513" sldId="260"/>
            <ac:spMk id="5903" creationId="{4FB6E899-4ACD-B5C5-053B-0A71C0A78C6A}"/>
          </ac:spMkLst>
        </pc:spChg>
        <pc:spChg chg="mod">
          <ac:chgData name="White, Alex" userId="eff6cc8c-37d8-483b-9c6c-6b27e9afa9bc" providerId="ADAL" clId="{BF04C754-5BF4-4E83-9615-DB14FA25AF8A}" dt="2023-10-12T11:38:08.274" v="295"/>
          <ac:spMkLst>
            <pc:docMk/>
            <pc:sldMk cId="2376958513" sldId="260"/>
            <ac:spMk id="5904" creationId="{A7AEF9FF-9AE1-2574-2BBD-F1A12E66409C}"/>
          </ac:spMkLst>
        </pc:spChg>
        <pc:spChg chg="mod">
          <ac:chgData name="White, Alex" userId="eff6cc8c-37d8-483b-9c6c-6b27e9afa9bc" providerId="ADAL" clId="{BF04C754-5BF4-4E83-9615-DB14FA25AF8A}" dt="2023-10-12T11:38:08.274" v="295"/>
          <ac:spMkLst>
            <pc:docMk/>
            <pc:sldMk cId="2376958513" sldId="260"/>
            <ac:spMk id="5905" creationId="{0523FFD5-BE1B-B2E5-B99E-5905684D8AAC}"/>
          </ac:spMkLst>
        </pc:spChg>
        <pc:spChg chg="mod">
          <ac:chgData name="White, Alex" userId="eff6cc8c-37d8-483b-9c6c-6b27e9afa9bc" providerId="ADAL" clId="{BF04C754-5BF4-4E83-9615-DB14FA25AF8A}" dt="2023-10-12T11:38:08.274" v="295"/>
          <ac:spMkLst>
            <pc:docMk/>
            <pc:sldMk cId="2376958513" sldId="260"/>
            <ac:spMk id="5906" creationId="{1C4A25FC-B3DE-32EE-FCEF-B67F79C77873}"/>
          </ac:spMkLst>
        </pc:spChg>
        <pc:spChg chg="mod">
          <ac:chgData name="White, Alex" userId="eff6cc8c-37d8-483b-9c6c-6b27e9afa9bc" providerId="ADAL" clId="{BF04C754-5BF4-4E83-9615-DB14FA25AF8A}" dt="2023-10-12T11:38:08.274" v="295"/>
          <ac:spMkLst>
            <pc:docMk/>
            <pc:sldMk cId="2376958513" sldId="260"/>
            <ac:spMk id="5907" creationId="{0B375A55-54ED-2384-97FD-E113449E23E9}"/>
          </ac:spMkLst>
        </pc:spChg>
        <pc:spChg chg="mod">
          <ac:chgData name="White, Alex" userId="eff6cc8c-37d8-483b-9c6c-6b27e9afa9bc" providerId="ADAL" clId="{BF04C754-5BF4-4E83-9615-DB14FA25AF8A}" dt="2023-10-12T11:38:08.274" v="295"/>
          <ac:spMkLst>
            <pc:docMk/>
            <pc:sldMk cId="2376958513" sldId="260"/>
            <ac:spMk id="5908" creationId="{0E3BFC8E-6CD3-9312-1F02-30CDD0DC0B45}"/>
          </ac:spMkLst>
        </pc:spChg>
        <pc:spChg chg="mod">
          <ac:chgData name="White, Alex" userId="eff6cc8c-37d8-483b-9c6c-6b27e9afa9bc" providerId="ADAL" clId="{BF04C754-5BF4-4E83-9615-DB14FA25AF8A}" dt="2023-10-12T11:38:08.274" v="295"/>
          <ac:spMkLst>
            <pc:docMk/>
            <pc:sldMk cId="2376958513" sldId="260"/>
            <ac:spMk id="5909" creationId="{B7034EC9-1D4C-BDA1-A131-C8AF85A93A26}"/>
          </ac:spMkLst>
        </pc:spChg>
        <pc:spChg chg="mod">
          <ac:chgData name="White, Alex" userId="eff6cc8c-37d8-483b-9c6c-6b27e9afa9bc" providerId="ADAL" clId="{BF04C754-5BF4-4E83-9615-DB14FA25AF8A}" dt="2023-10-12T11:38:08.274" v="295"/>
          <ac:spMkLst>
            <pc:docMk/>
            <pc:sldMk cId="2376958513" sldId="260"/>
            <ac:spMk id="5910" creationId="{F21E020E-33BD-B2A3-CEA2-65F3B9DCC9B6}"/>
          </ac:spMkLst>
        </pc:spChg>
        <pc:spChg chg="mod">
          <ac:chgData name="White, Alex" userId="eff6cc8c-37d8-483b-9c6c-6b27e9afa9bc" providerId="ADAL" clId="{BF04C754-5BF4-4E83-9615-DB14FA25AF8A}" dt="2023-10-12T11:38:08.274" v="295"/>
          <ac:spMkLst>
            <pc:docMk/>
            <pc:sldMk cId="2376958513" sldId="260"/>
            <ac:spMk id="5911" creationId="{54F04CD7-85A0-5B68-EFE8-256CF5DDD1B3}"/>
          </ac:spMkLst>
        </pc:spChg>
        <pc:spChg chg="mod">
          <ac:chgData name="White, Alex" userId="eff6cc8c-37d8-483b-9c6c-6b27e9afa9bc" providerId="ADAL" clId="{BF04C754-5BF4-4E83-9615-DB14FA25AF8A}" dt="2023-10-12T11:38:08.274" v="295"/>
          <ac:spMkLst>
            <pc:docMk/>
            <pc:sldMk cId="2376958513" sldId="260"/>
            <ac:spMk id="5912" creationId="{A7FA2347-8A49-189C-1121-C608410DF038}"/>
          </ac:spMkLst>
        </pc:spChg>
        <pc:spChg chg="mod">
          <ac:chgData name="White, Alex" userId="eff6cc8c-37d8-483b-9c6c-6b27e9afa9bc" providerId="ADAL" clId="{BF04C754-5BF4-4E83-9615-DB14FA25AF8A}" dt="2023-10-12T11:38:08.274" v="295"/>
          <ac:spMkLst>
            <pc:docMk/>
            <pc:sldMk cId="2376958513" sldId="260"/>
            <ac:spMk id="5913" creationId="{B97AF0A3-575E-E528-5932-AEADE84C05CF}"/>
          </ac:spMkLst>
        </pc:spChg>
        <pc:spChg chg="mod">
          <ac:chgData name="White, Alex" userId="eff6cc8c-37d8-483b-9c6c-6b27e9afa9bc" providerId="ADAL" clId="{BF04C754-5BF4-4E83-9615-DB14FA25AF8A}" dt="2023-10-12T11:38:08.274" v="295"/>
          <ac:spMkLst>
            <pc:docMk/>
            <pc:sldMk cId="2376958513" sldId="260"/>
            <ac:spMk id="5914" creationId="{4B439E8F-A01F-5879-2A74-347E5D74EDB6}"/>
          </ac:spMkLst>
        </pc:spChg>
        <pc:spChg chg="mod">
          <ac:chgData name="White, Alex" userId="eff6cc8c-37d8-483b-9c6c-6b27e9afa9bc" providerId="ADAL" clId="{BF04C754-5BF4-4E83-9615-DB14FA25AF8A}" dt="2023-10-12T11:38:08.274" v="295"/>
          <ac:spMkLst>
            <pc:docMk/>
            <pc:sldMk cId="2376958513" sldId="260"/>
            <ac:spMk id="5915" creationId="{6E121D68-B26C-884A-8971-6D9C3A197F84}"/>
          </ac:spMkLst>
        </pc:spChg>
        <pc:spChg chg="mod">
          <ac:chgData name="White, Alex" userId="eff6cc8c-37d8-483b-9c6c-6b27e9afa9bc" providerId="ADAL" clId="{BF04C754-5BF4-4E83-9615-DB14FA25AF8A}" dt="2023-10-12T11:38:08.274" v="295"/>
          <ac:spMkLst>
            <pc:docMk/>
            <pc:sldMk cId="2376958513" sldId="260"/>
            <ac:spMk id="5916" creationId="{720A060A-0421-06DE-5E3B-35EDD0EE5B66}"/>
          </ac:spMkLst>
        </pc:spChg>
        <pc:spChg chg="mod">
          <ac:chgData name="White, Alex" userId="eff6cc8c-37d8-483b-9c6c-6b27e9afa9bc" providerId="ADAL" clId="{BF04C754-5BF4-4E83-9615-DB14FA25AF8A}" dt="2023-10-12T11:38:08.274" v="295"/>
          <ac:spMkLst>
            <pc:docMk/>
            <pc:sldMk cId="2376958513" sldId="260"/>
            <ac:spMk id="5917" creationId="{40CD72BF-4C35-0A95-4408-42F2728D3CDF}"/>
          </ac:spMkLst>
        </pc:spChg>
        <pc:spChg chg="mod">
          <ac:chgData name="White, Alex" userId="eff6cc8c-37d8-483b-9c6c-6b27e9afa9bc" providerId="ADAL" clId="{BF04C754-5BF4-4E83-9615-DB14FA25AF8A}" dt="2023-10-12T11:38:08.274" v="295"/>
          <ac:spMkLst>
            <pc:docMk/>
            <pc:sldMk cId="2376958513" sldId="260"/>
            <ac:spMk id="5918" creationId="{7EE8F069-0CF2-599B-98EB-789A2C5FC651}"/>
          </ac:spMkLst>
        </pc:spChg>
        <pc:spChg chg="mod">
          <ac:chgData name="White, Alex" userId="eff6cc8c-37d8-483b-9c6c-6b27e9afa9bc" providerId="ADAL" clId="{BF04C754-5BF4-4E83-9615-DB14FA25AF8A}" dt="2023-10-12T11:38:08.274" v="295"/>
          <ac:spMkLst>
            <pc:docMk/>
            <pc:sldMk cId="2376958513" sldId="260"/>
            <ac:spMk id="5919" creationId="{0080B19E-AD50-44D0-081B-1AAF4F0C33E3}"/>
          </ac:spMkLst>
        </pc:spChg>
        <pc:spChg chg="mod">
          <ac:chgData name="White, Alex" userId="eff6cc8c-37d8-483b-9c6c-6b27e9afa9bc" providerId="ADAL" clId="{BF04C754-5BF4-4E83-9615-DB14FA25AF8A}" dt="2023-10-12T11:38:08.274" v="295"/>
          <ac:spMkLst>
            <pc:docMk/>
            <pc:sldMk cId="2376958513" sldId="260"/>
            <ac:spMk id="5920" creationId="{B69C6EDF-4B7C-F77B-8C23-C07B487EB205}"/>
          </ac:spMkLst>
        </pc:spChg>
        <pc:spChg chg="mod">
          <ac:chgData name="White, Alex" userId="eff6cc8c-37d8-483b-9c6c-6b27e9afa9bc" providerId="ADAL" clId="{BF04C754-5BF4-4E83-9615-DB14FA25AF8A}" dt="2023-10-12T11:38:08.274" v="295"/>
          <ac:spMkLst>
            <pc:docMk/>
            <pc:sldMk cId="2376958513" sldId="260"/>
            <ac:spMk id="5921" creationId="{08AC8D23-1579-231A-2E75-7645928F6E05}"/>
          </ac:spMkLst>
        </pc:spChg>
        <pc:spChg chg="mod">
          <ac:chgData name="White, Alex" userId="eff6cc8c-37d8-483b-9c6c-6b27e9afa9bc" providerId="ADAL" clId="{BF04C754-5BF4-4E83-9615-DB14FA25AF8A}" dt="2023-10-12T11:38:08.274" v="295"/>
          <ac:spMkLst>
            <pc:docMk/>
            <pc:sldMk cId="2376958513" sldId="260"/>
            <ac:spMk id="5922" creationId="{65A26F85-E5ED-5E26-BBCE-B902D55482F0}"/>
          </ac:spMkLst>
        </pc:spChg>
        <pc:spChg chg="mod">
          <ac:chgData name="White, Alex" userId="eff6cc8c-37d8-483b-9c6c-6b27e9afa9bc" providerId="ADAL" clId="{BF04C754-5BF4-4E83-9615-DB14FA25AF8A}" dt="2023-10-12T11:38:08.274" v="295"/>
          <ac:spMkLst>
            <pc:docMk/>
            <pc:sldMk cId="2376958513" sldId="260"/>
            <ac:spMk id="5923" creationId="{B709BF70-2682-FE03-9068-B2284F4B5602}"/>
          </ac:spMkLst>
        </pc:spChg>
        <pc:spChg chg="mod">
          <ac:chgData name="White, Alex" userId="eff6cc8c-37d8-483b-9c6c-6b27e9afa9bc" providerId="ADAL" clId="{BF04C754-5BF4-4E83-9615-DB14FA25AF8A}" dt="2023-10-12T11:38:08.274" v="295"/>
          <ac:spMkLst>
            <pc:docMk/>
            <pc:sldMk cId="2376958513" sldId="260"/>
            <ac:spMk id="5924" creationId="{397A0C16-01CB-417E-BDB9-A312FA035B12}"/>
          </ac:spMkLst>
        </pc:spChg>
        <pc:spChg chg="mod">
          <ac:chgData name="White, Alex" userId="eff6cc8c-37d8-483b-9c6c-6b27e9afa9bc" providerId="ADAL" clId="{BF04C754-5BF4-4E83-9615-DB14FA25AF8A}" dt="2023-10-12T11:38:08.274" v="295"/>
          <ac:spMkLst>
            <pc:docMk/>
            <pc:sldMk cId="2376958513" sldId="260"/>
            <ac:spMk id="5925" creationId="{8FF4D10B-D51F-42B9-161F-930296E7DF11}"/>
          </ac:spMkLst>
        </pc:spChg>
        <pc:spChg chg="mod">
          <ac:chgData name="White, Alex" userId="eff6cc8c-37d8-483b-9c6c-6b27e9afa9bc" providerId="ADAL" clId="{BF04C754-5BF4-4E83-9615-DB14FA25AF8A}" dt="2023-10-12T11:38:08.274" v="295"/>
          <ac:spMkLst>
            <pc:docMk/>
            <pc:sldMk cId="2376958513" sldId="260"/>
            <ac:spMk id="5926" creationId="{B06F4352-54A5-7843-E49A-A6E6F61452DB}"/>
          </ac:spMkLst>
        </pc:spChg>
        <pc:spChg chg="mod">
          <ac:chgData name="White, Alex" userId="eff6cc8c-37d8-483b-9c6c-6b27e9afa9bc" providerId="ADAL" clId="{BF04C754-5BF4-4E83-9615-DB14FA25AF8A}" dt="2023-10-12T11:38:08.274" v="295"/>
          <ac:spMkLst>
            <pc:docMk/>
            <pc:sldMk cId="2376958513" sldId="260"/>
            <ac:spMk id="5927" creationId="{16A49B72-B0E2-6719-DA09-CF511D625CE3}"/>
          </ac:spMkLst>
        </pc:spChg>
        <pc:spChg chg="mod">
          <ac:chgData name="White, Alex" userId="eff6cc8c-37d8-483b-9c6c-6b27e9afa9bc" providerId="ADAL" clId="{BF04C754-5BF4-4E83-9615-DB14FA25AF8A}" dt="2023-10-12T11:38:08.274" v="295"/>
          <ac:spMkLst>
            <pc:docMk/>
            <pc:sldMk cId="2376958513" sldId="260"/>
            <ac:spMk id="5928" creationId="{2D3BCF4A-D9E7-FC74-2BDD-1BD8E5C447B1}"/>
          </ac:spMkLst>
        </pc:spChg>
        <pc:spChg chg="mod">
          <ac:chgData name="White, Alex" userId="eff6cc8c-37d8-483b-9c6c-6b27e9afa9bc" providerId="ADAL" clId="{BF04C754-5BF4-4E83-9615-DB14FA25AF8A}" dt="2023-10-12T11:38:08.274" v="295"/>
          <ac:spMkLst>
            <pc:docMk/>
            <pc:sldMk cId="2376958513" sldId="260"/>
            <ac:spMk id="5929" creationId="{BA181F3D-79D5-EC77-0F61-C6684BAB9C5D}"/>
          </ac:spMkLst>
        </pc:spChg>
        <pc:spChg chg="mod">
          <ac:chgData name="White, Alex" userId="eff6cc8c-37d8-483b-9c6c-6b27e9afa9bc" providerId="ADAL" clId="{BF04C754-5BF4-4E83-9615-DB14FA25AF8A}" dt="2023-10-12T11:38:08.274" v="295"/>
          <ac:spMkLst>
            <pc:docMk/>
            <pc:sldMk cId="2376958513" sldId="260"/>
            <ac:spMk id="5930" creationId="{CE72E481-A340-F2EB-02DF-08BACE0A818E}"/>
          </ac:spMkLst>
        </pc:spChg>
        <pc:spChg chg="mod">
          <ac:chgData name="White, Alex" userId="eff6cc8c-37d8-483b-9c6c-6b27e9afa9bc" providerId="ADAL" clId="{BF04C754-5BF4-4E83-9615-DB14FA25AF8A}" dt="2023-10-12T11:38:08.274" v="295"/>
          <ac:spMkLst>
            <pc:docMk/>
            <pc:sldMk cId="2376958513" sldId="260"/>
            <ac:spMk id="5931" creationId="{912E80C6-801F-8806-A708-3A913D72CB27}"/>
          </ac:spMkLst>
        </pc:spChg>
        <pc:spChg chg="mod">
          <ac:chgData name="White, Alex" userId="eff6cc8c-37d8-483b-9c6c-6b27e9afa9bc" providerId="ADAL" clId="{BF04C754-5BF4-4E83-9615-DB14FA25AF8A}" dt="2023-10-12T11:38:08.274" v="295"/>
          <ac:spMkLst>
            <pc:docMk/>
            <pc:sldMk cId="2376958513" sldId="260"/>
            <ac:spMk id="5932" creationId="{164B5E6C-183C-309C-31C0-D827C2FD91C3}"/>
          </ac:spMkLst>
        </pc:spChg>
        <pc:spChg chg="mod">
          <ac:chgData name="White, Alex" userId="eff6cc8c-37d8-483b-9c6c-6b27e9afa9bc" providerId="ADAL" clId="{BF04C754-5BF4-4E83-9615-DB14FA25AF8A}" dt="2023-10-12T11:38:08.274" v="295"/>
          <ac:spMkLst>
            <pc:docMk/>
            <pc:sldMk cId="2376958513" sldId="260"/>
            <ac:spMk id="5933" creationId="{9F722438-7243-658B-6DF1-5CAFE1F56852}"/>
          </ac:spMkLst>
        </pc:spChg>
        <pc:spChg chg="mod">
          <ac:chgData name="White, Alex" userId="eff6cc8c-37d8-483b-9c6c-6b27e9afa9bc" providerId="ADAL" clId="{BF04C754-5BF4-4E83-9615-DB14FA25AF8A}" dt="2023-10-12T11:38:08.274" v="295"/>
          <ac:spMkLst>
            <pc:docMk/>
            <pc:sldMk cId="2376958513" sldId="260"/>
            <ac:spMk id="5934" creationId="{8B9F3B85-FE43-B096-661F-7F2769069AF3}"/>
          </ac:spMkLst>
        </pc:spChg>
        <pc:spChg chg="mod">
          <ac:chgData name="White, Alex" userId="eff6cc8c-37d8-483b-9c6c-6b27e9afa9bc" providerId="ADAL" clId="{BF04C754-5BF4-4E83-9615-DB14FA25AF8A}" dt="2023-10-12T11:38:08.274" v="295"/>
          <ac:spMkLst>
            <pc:docMk/>
            <pc:sldMk cId="2376958513" sldId="260"/>
            <ac:spMk id="5935" creationId="{CC151995-AD1F-DCC3-4891-19DD29A17FA0}"/>
          </ac:spMkLst>
        </pc:spChg>
        <pc:spChg chg="mod">
          <ac:chgData name="White, Alex" userId="eff6cc8c-37d8-483b-9c6c-6b27e9afa9bc" providerId="ADAL" clId="{BF04C754-5BF4-4E83-9615-DB14FA25AF8A}" dt="2023-10-12T11:38:08.274" v="295"/>
          <ac:spMkLst>
            <pc:docMk/>
            <pc:sldMk cId="2376958513" sldId="260"/>
            <ac:spMk id="5936" creationId="{F70BA274-96D0-7008-BB75-59E9D81D4C46}"/>
          </ac:spMkLst>
        </pc:spChg>
        <pc:spChg chg="mod">
          <ac:chgData name="White, Alex" userId="eff6cc8c-37d8-483b-9c6c-6b27e9afa9bc" providerId="ADAL" clId="{BF04C754-5BF4-4E83-9615-DB14FA25AF8A}" dt="2023-10-12T11:38:08.274" v="295"/>
          <ac:spMkLst>
            <pc:docMk/>
            <pc:sldMk cId="2376958513" sldId="260"/>
            <ac:spMk id="5937" creationId="{81372E6F-055D-1FCB-41E6-D8CA36B13CD1}"/>
          </ac:spMkLst>
        </pc:spChg>
        <pc:spChg chg="mod">
          <ac:chgData name="White, Alex" userId="eff6cc8c-37d8-483b-9c6c-6b27e9afa9bc" providerId="ADAL" clId="{BF04C754-5BF4-4E83-9615-DB14FA25AF8A}" dt="2023-10-12T11:38:08.274" v="295"/>
          <ac:spMkLst>
            <pc:docMk/>
            <pc:sldMk cId="2376958513" sldId="260"/>
            <ac:spMk id="5938" creationId="{BDF5C323-FB4E-DED9-6BBF-BDFDCC74AF9A}"/>
          </ac:spMkLst>
        </pc:spChg>
        <pc:spChg chg="mod">
          <ac:chgData name="White, Alex" userId="eff6cc8c-37d8-483b-9c6c-6b27e9afa9bc" providerId="ADAL" clId="{BF04C754-5BF4-4E83-9615-DB14FA25AF8A}" dt="2023-10-12T11:38:08.274" v="295"/>
          <ac:spMkLst>
            <pc:docMk/>
            <pc:sldMk cId="2376958513" sldId="260"/>
            <ac:spMk id="5939" creationId="{C1547FEF-F635-C9D5-AC8B-1DA1ECC1D781}"/>
          </ac:spMkLst>
        </pc:spChg>
        <pc:spChg chg="mod">
          <ac:chgData name="White, Alex" userId="eff6cc8c-37d8-483b-9c6c-6b27e9afa9bc" providerId="ADAL" clId="{BF04C754-5BF4-4E83-9615-DB14FA25AF8A}" dt="2023-10-12T11:38:08.274" v="295"/>
          <ac:spMkLst>
            <pc:docMk/>
            <pc:sldMk cId="2376958513" sldId="260"/>
            <ac:spMk id="5940" creationId="{7FB01FDC-4F44-3680-674D-FED1DE10A6AF}"/>
          </ac:spMkLst>
        </pc:spChg>
        <pc:spChg chg="mod">
          <ac:chgData name="White, Alex" userId="eff6cc8c-37d8-483b-9c6c-6b27e9afa9bc" providerId="ADAL" clId="{BF04C754-5BF4-4E83-9615-DB14FA25AF8A}" dt="2023-10-12T11:38:08.274" v="295"/>
          <ac:spMkLst>
            <pc:docMk/>
            <pc:sldMk cId="2376958513" sldId="260"/>
            <ac:spMk id="5941" creationId="{7D4DCC12-59D3-8DCE-9555-317E5B997FD3}"/>
          </ac:spMkLst>
        </pc:spChg>
        <pc:spChg chg="mod">
          <ac:chgData name="White, Alex" userId="eff6cc8c-37d8-483b-9c6c-6b27e9afa9bc" providerId="ADAL" clId="{BF04C754-5BF4-4E83-9615-DB14FA25AF8A}" dt="2023-10-12T11:38:08.274" v="295"/>
          <ac:spMkLst>
            <pc:docMk/>
            <pc:sldMk cId="2376958513" sldId="260"/>
            <ac:spMk id="5942" creationId="{39EA73B0-DF4D-2265-FB68-BC372EC71B3F}"/>
          </ac:spMkLst>
        </pc:spChg>
        <pc:spChg chg="mod">
          <ac:chgData name="White, Alex" userId="eff6cc8c-37d8-483b-9c6c-6b27e9afa9bc" providerId="ADAL" clId="{BF04C754-5BF4-4E83-9615-DB14FA25AF8A}" dt="2023-10-12T11:38:08.274" v="295"/>
          <ac:spMkLst>
            <pc:docMk/>
            <pc:sldMk cId="2376958513" sldId="260"/>
            <ac:spMk id="5943" creationId="{567B7D4F-BA45-6977-EB84-C0117D008CAD}"/>
          </ac:spMkLst>
        </pc:spChg>
        <pc:spChg chg="mod">
          <ac:chgData name="White, Alex" userId="eff6cc8c-37d8-483b-9c6c-6b27e9afa9bc" providerId="ADAL" clId="{BF04C754-5BF4-4E83-9615-DB14FA25AF8A}" dt="2023-10-12T11:38:08.274" v="295"/>
          <ac:spMkLst>
            <pc:docMk/>
            <pc:sldMk cId="2376958513" sldId="260"/>
            <ac:spMk id="5944" creationId="{99B00D71-9773-EB09-8B4B-0E4210853D4E}"/>
          </ac:spMkLst>
        </pc:spChg>
        <pc:spChg chg="mod">
          <ac:chgData name="White, Alex" userId="eff6cc8c-37d8-483b-9c6c-6b27e9afa9bc" providerId="ADAL" clId="{BF04C754-5BF4-4E83-9615-DB14FA25AF8A}" dt="2023-10-12T11:38:08.274" v="295"/>
          <ac:spMkLst>
            <pc:docMk/>
            <pc:sldMk cId="2376958513" sldId="260"/>
            <ac:spMk id="5945" creationId="{BDC7A77C-4572-552E-F0CC-C09BB0E4A0F7}"/>
          </ac:spMkLst>
        </pc:spChg>
        <pc:spChg chg="mod">
          <ac:chgData name="White, Alex" userId="eff6cc8c-37d8-483b-9c6c-6b27e9afa9bc" providerId="ADAL" clId="{BF04C754-5BF4-4E83-9615-DB14FA25AF8A}" dt="2023-10-12T11:38:08.274" v="295"/>
          <ac:spMkLst>
            <pc:docMk/>
            <pc:sldMk cId="2376958513" sldId="260"/>
            <ac:spMk id="5946" creationId="{D1976E76-EFF0-D4A8-4EFF-BA5F3F5E00F6}"/>
          </ac:spMkLst>
        </pc:spChg>
        <pc:spChg chg="mod">
          <ac:chgData name="White, Alex" userId="eff6cc8c-37d8-483b-9c6c-6b27e9afa9bc" providerId="ADAL" clId="{BF04C754-5BF4-4E83-9615-DB14FA25AF8A}" dt="2023-10-12T11:38:08.274" v="295"/>
          <ac:spMkLst>
            <pc:docMk/>
            <pc:sldMk cId="2376958513" sldId="260"/>
            <ac:spMk id="5947" creationId="{84057D31-8D58-9860-2181-976DA443E8D7}"/>
          </ac:spMkLst>
        </pc:spChg>
        <pc:spChg chg="mod">
          <ac:chgData name="White, Alex" userId="eff6cc8c-37d8-483b-9c6c-6b27e9afa9bc" providerId="ADAL" clId="{BF04C754-5BF4-4E83-9615-DB14FA25AF8A}" dt="2023-10-12T11:38:08.274" v="295"/>
          <ac:spMkLst>
            <pc:docMk/>
            <pc:sldMk cId="2376958513" sldId="260"/>
            <ac:spMk id="5948" creationId="{009F9653-447A-A755-057E-57DC17B3A216}"/>
          </ac:spMkLst>
        </pc:spChg>
        <pc:spChg chg="mod">
          <ac:chgData name="White, Alex" userId="eff6cc8c-37d8-483b-9c6c-6b27e9afa9bc" providerId="ADAL" clId="{BF04C754-5BF4-4E83-9615-DB14FA25AF8A}" dt="2023-10-12T11:38:08.274" v="295"/>
          <ac:spMkLst>
            <pc:docMk/>
            <pc:sldMk cId="2376958513" sldId="260"/>
            <ac:spMk id="5949" creationId="{4A3A5668-6D6F-6D6E-AE19-58167DFD8745}"/>
          </ac:spMkLst>
        </pc:spChg>
        <pc:spChg chg="mod">
          <ac:chgData name="White, Alex" userId="eff6cc8c-37d8-483b-9c6c-6b27e9afa9bc" providerId="ADAL" clId="{BF04C754-5BF4-4E83-9615-DB14FA25AF8A}" dt="2023-10-12T11:38:08.274" v="295"/>
          <ac:spMkLst>
            <pc:docMk/>
            <pc:sldMk cId="2376958513" sldId="260"/>
            <ac:spMk id="5950" creationId="{CED8F3EE-AAA4-208D-3710-EF7CE284851D}"/>
          </ac:spMkLst>
        </pc:spChg>
        <pc:spChg chg="mod">
          <ac:chgData name="White, Alex" userId="eff6cc8c-37d8-483b-9c6c-6b27e9afa9bc" providerId="ADAL" clId="{BF04C754-5BF4-4E83-9615-DB14FA25AF8A}" dt="2023-10-12T11:38:08.274" v="295"/>
          <ac:spMkLst>
            <pc:docMk/>
            <pc:sldMk cId="2376958513" sldId="260"/>
            <ac:spMk id="5951" creationId="{40AD6AF7-8F49-CB1E-805B-8EB11368DA07}"/>
          </ac:spMkLst>
        </pc:spChg>
        <pc:spChg chg="mod">
          <ac:chgData name="White, Alex" userId="eff6cc8c-37d8-483b-9c6c-6b27e9afa9bc" providerId="ADAL" clId="{BF04C754-5BF4-4E83-9615-DB14FA25AF8A}" dt="2023-10-12T11:38:08.274" v="295"/>
          <ac:spMkLst>
            <pc:docMk/>
            <pc:sldMk cId="2376958513" sldId="260"/>
            <ac:spMk id="5952" creationId="{5E70E26E-032B-017D-63CF-59EB1D6E1647}"/>
          </ac:spMkLst>
        </pc:spChg>
        <pc:spChg chg="mod">
          <ac:chgData name="White, Alex" userId="eff6cc8c-37d8-483b-9c6c-6b27e9afa9bc" providerId="ADAL" clId="{BF04C754-5BF4-4E83-9615-DB14FA25AF8A}" dt="2023-10-12T11:38:08.274" v="295"/>
          <ac:spMkLst>
            <pc:docMk/>
            <pc:sldMk cId="2376958513" sldId="260"/>
            <ac:spMk id="5953" creationId="{BAEA1ABA-1EFB-64F2-9188-ACA1E4709360}"/>
          </ac:spMkLst>
        </pc:spChg>
        <pc:spChg chg="mod">
          <ac:chgData name="White, Alex" userId="eff6cc8c-37d8-483b-9c6c-6b27e9afa9bc" providerId="ADAL" clId="{BF04C754-5BF4-4E83-9615-DB14FA25AF8A}" dt="2023-10-12T11:38:08.274" v="295"/>
          <ac:spMkLst>
            <pc:docMk/>
            <pc:sldMk cId="2376958513" sldId="260"/>
            <ac:spMk id="5954" creationId="{A79505EF-D3C0-0E33-74AB-756EE47F8B82}"/>
          </ac:spMkLst>
        </pc:spChg>
        <pc:spChg chg="mod">
          <ac:chgData name="White, Alex" userId="eff6cc8c-37d8-483b-9c6c-6b27e9afa9bc" providerId="ADAL" clId="{BF04C754-5BF4-4E83-9615-DB14FA25AF8A}" dt="2023-10-12T11:38:08.274" v="295"/>
          <ac:spMkLst>
            <pc:docMk/>
            <pc:sldMk cId="2376958513" sldId="260"/>
            <ac:spMk id="5955" creationId="{FA45C223-3B4C-1506-3ECE-75FEF90B8CE9}"/>
          </ac:spMkLst>
        </pc:spChg>
        <pc:spChg chg="mod">
          <ac:chgData name="White, Alex" userId="eff6cc8c-37d8-483b-9c6c-6b27e9afa9bc" providerId="ADAL" clId="{BF04C754-5BF4-4E83-9615-DB14FA25AF8A}" dt="2023-10-12T11:38:08.274" v="295"/>
          <ac:spMkLst>
            <pc:docMk/>
            <pc:sldMk cId="2376958513" sldId="260"/>
            <ac:spMk id="5956" creationId="{A8798DFD-A7D3-B79E-7838-E82F3FD6CC11}"/>
          </ac:spMkLst>
        </pc:spChg>
        <pc:spChg chg="mod">
          <ac:chgData name="White, Alex" userId="eff6cc8c-37d8-483b-9c6c-6b27e9afa9bc" providerId="ADAL" clId="{BF04C754-5BF4-4E83-9615-DB14FA25AF8A}" dt="2023-10-12T11:38:08.274" v="295"/>
          <ac:spMkLst>
            <pc:docMk/>
            <pc:sldMk cId="2376958513" sldId="260"/>
            <ac:spMk id="5957" creationId="{5950F5A7-19DD-F164-6739-00B202DE637F}"/>
          </ac:spMkLst>
        </pc:spChg>
        <pc:spChg chg="mod">
          <ac:chgData name="White, Alex" userId="eff6cc8c-37d8-483b-9c6c-6b27e9afa9bc" providerId="ADAL" clId="{BF04C754-5BF4-4E83-9615-DB14FA25AF8A}" dt="2023-10-12T11:38:08.274" v="295"/>
          <ac:spMkLst>
            <pc:docMk/>
            <pc:sldMk cId="2376958513" sldId="260"/>
            <ac:spMk id="5958" creationId="{B42B53F1-9041-8B3D-BF97-634155FF0423}"/>
          </ac:spMkLst>
        </pc:spChg>
        <pc:spChg chg="mod">
          <ac:chgData name="White, Alex" userId="eff6cc8c-37d8-483b-9c6c-6b27e9afa9bc" providerId="ADAL" clId="{BF04C754-5BF4-4E83-9615-DB14FA25AF8A}" dt="2023-10-12T11:38:08.274" v="295"/>
          <ac:spMkLst>
            <pc:docMk/>
            <pc:sldMk cId="2376958513" sldId="260"/>
            <ac:spMk id="5959" creationId="{E6F0301E-1794-BF4F-F458-C135EEECE170}"/>
          </ac:spMkLst>
        </pc:spChg>
        <pc:spChg chg="mod">
          <ac:chgData name="White, Alex" userId="eff6cc8c-37d8-483b-9c6c-6b27e9afa9bc" providerId="ADAL" clId="{BF04C754-5BF4-4E83-9615-DB14FA25AF8A}" dt="2023-10-12T11:38:08.274" v="295"/>
          <ac:spMkLst>
            <pc:docMk/>
            <pc:sldMk cId="2376958513" sldId="260"/>
            <ac:spMk id="5960" creationId="{3AD407C2-71F5-2BE9-A5BE-AE96A61A7EE5}"/>
          </ac:spMkLst>
        </pc:spChg>
        <pc:spChg chg="mod">
          <ac:chgData name="White, Alex" userId="eff6cc8c-37d8-483b-9c6c-6b27e9afa9bc" providerId="ADAL" clId="{BF04C754-5BF4-4E83-9615-DB14FA25AF8A}" dt="2023-10-12T11:38:08.274" v="295"/>
          <ac:spMkLst>
            <pc:docMk/>
            <pc:sldMk cId="2376958513" sldId="260"/>
            <ac:spMk id="5961" creationId="{AC916CDC-7F77-FBCE-2B72-79C9725B5661}"/>
          </ac:spMkLst>
        </pc:spChg>
        <pc:spChg chg="mod">
          <ac:chgData name="White, Alex" userId="eff6cc8c-37d8-483b-9c6c-6b27e9afa9bc" providerId="ADAL" clId="{BF04C754-5BF4-4E83-9615-DB14FA25AF8A}" dt="2023-10-12T11:38:08.274" v="295"/>
          <ac:spMkLst>
            <pc:docMk/>
            <pc:sldMk cId="2376958513" sldId="260"/>
            <ac:spMk id="5962" creationId="{981541ED-54F8-1366-8040-D471FA9D17DD}"/>
          </ac:spMkLst>
        </pc:spChg>
        <pc:spChg chg="mod">
          <ac:chgData name="White, Alex" userId="eff6cc8c-37d8-483b-9c6c-6b27e9afa9bc" providerId="ADAL" clId="{BF04C754-5BF4-4E83-9615-DB14FA25AF8A}" dt="2023-10-12T11:38:08.274" v="295"/>
          <ac:spMkLst>
            <pc:docMk/>
            <pc:sldMk cId="2376958513" sldId="260"/>
            <ac:spMk id="5963" creationId="{70227308-C4CB-5FF7-4BA8-00F6AD930786}"/>
          </ac:spMkLst>
        </pc:spChg>
        <pc:spChg chg="mod">
          <ac:chgData name="White, Alex" userId="eff6cc8c-37d8-483b-9c6c-6b27e9afa9bc" providerId="ADAL" clId="{BF04C754-5BF4-4E83-9615-DB14FA25AF8A}" dt="2023-10-12T11:38:08.274" v="295"/>
          <ac:spMkLst>
            <pc:docMk/>
            <pc:sldMk cId="2376958513" sldId="260"/>
            <ac:spMk id="5964" creationId="{3279BA41-88B4-EAE4-8209-656B320C7FF5}"/>
          </ac:spMkLst>
        </pc:spChg>
        <pc:spChg chg="mod">
          <ac:chgData name="White, Alex" userId="eff6cc8c-37d8-483b-9c6c-6b27e9afa9bc" providerId="ADAL" clId="{BF04C754-5BF4-4E83-9615-DB14FA25AF8A}" dt="2023-10-12T11:38:08.274" v="295"/>
          <ac:spMkLst>
            <pc:docMk/>
            <pc:sldMk cId="2376958513" sldId="260"/>
            <ac:spMk id="5965" creationId="{3EDF6BE3-E7C8-3794-5E75-A2E5CFDDD87B}"/>
          </ac:spMkLst>
        </pc:spChg>
        <pc:spChg chg="mod">
          <ac:chgData name="White, Alex" userId="eff6cc8c-37d8-483b-9c6c-6b27e9afa9bc" providerId="ADAL" clId="{BF04C754-5BF4-4E83-9615-DB14FA25AF8A}" dt="2023-10-12T11:38:08.274" v="295"/>
          <ac:spMkLst>
            <pc:docMk/>
            <pc:sldMk cId="2376958513" sldId="260"/>
            <ac:spMk id="5966" creationId="{61621C86-E698-972D-7196-04FF8372BFF1}"/>
          </ac:spMkLst>
        </pc:spChg>
        <pc:spChg chg="mod">
          <ac:chgData name="White, Alex" userId="eff6cc8c-37d8-483b-9c6c-6b27e9afa9bc" providerId="ADAL" clId="{BF04C754-5BF4-4E83-9615-DB14FA25AF8A}" dt="2023-10-12T11:38:08.274" v="295"/>
          <ac:spMkLst>
            <pc:docMk/>
            <pc:sldMk cId="2376958513" sldId="260"/>
            <ac:spMk id="5967" creationId="{7D7AAADD-E906-21CB-2322-FC39CAA1EA9F}"/>
          </ac:spMkLst>
        </pc:spChg>
        <pc:spChg chg="mod">
          <ac:chgData name="White, Alex" userId="eff6cc8c-37d8-483b-9c6c-6b27e9afa9bc" providerId="ADAL" clId="{BF04C754-5BF4-4E83-9615-DB14FA25AF8A}" dt="2023-10-12T11:38:08.274" v="295"/>
          <ac:spMkLst>
            <pc:docMk/>
            <pc:sldMk cId="2376958513" sldId="260"/>
            <ac:spMk id="5968" creationId="{EF276628-4426-E475-89A4-437B95A6CD1B}"/>
          </ac:spMkLst>
        </pc:spChg>
        <pc:spChg chg="mod">
          <ac:chgData name="White, Alex" userId="eff6cc8c-37d8-483b-9c6c-6b27e9afa9bc" providerId="ADAL" clId="{BF04C754-5BF4-4E83-9615-DB14FA25AF8A}" dt="2023-10-12T11:38:08.274" v="295"/>
          <ac:spMkLst>
            <pc:docMk/>
            <pc:sldMk cId="2376958513" sldId="260"/>
            <ac:spMk id="5969" creationId="{7317685F-45B8-CF1C-B8C3-8BD2BAF58C9C}"/>
          </ac:spMkLst>
        </pc:spChg>
        <pc:spChg chg="mod">
          <ac:chgData name="White, Alex" userId="eff6cc8c-37d8-483b-9c6c-6b27e9afa9bc" providerId="ADAL" clId="{BF04C754-5BF4-4E83-9615-DB14FA25AF8A}" dt="2023-10-12T11:38:08.274" v="295"/>
          <ac:spMkLst>
            <pc:docMk/>
            <pc:sldMk cId="2376958513" sldId="260"/>
            <ac:spMk id="5970" creationId="{F1BF1F83-777E-8B4B-31B3-826098CFF3B8}"/>
          </ac:spMkLst>
        </pc:spChg>
        <pc:spChg chg="mod">
          <ac:chgData name="White, Alex" userId="eff6cc8c-37d8-483b-9c6c-6b27e9afa9bc" providerId="ADAL" clId="{BF04C754-5BF4-4E83-9615-DB14FA25AF8A}" dt="2023-10-12T11:38:08.274" v="295"/>
          <ac:spMkLst>
            <pc:docMk/>
            <pc:sldMk cId="2376958513" sldId="260"/>
            <ac:spMk id="5971" creationId="{510C0035-EC4B-677C-9A59-4485C24BB5F5}"/>
          </ac:spMkLst>
        </pc:spChg>
        <pc:spChg chg="mod">
          <ac:chgData name="White, Alex" userId="eff6cc8c-37d8-483b-9c6c-6b27e9afa9bc" providerId="ADAL" clId="{BF04C754-5BF4-4E83-9615-DB14FA25AF8A}" dt="2023-10-12T11:38:08.274" v="295"/>
          <ac:spMkLst>
            <pc:docMk/>
            <pc:sldMk cId="2376958513" sldId="260"/>
            <ac:spMk id="5972" creationId="{CAF3018F-45A4-39C1-2C54-3AE02F4D8D87}"/>
          </ac:spMkLst>
        </pc:spChg>
        <pc:spChg chg="mod">
          <ac:chgData name="White, Alex" userId="eff6cc8c-37d8-483b-9c6c-6b27e9afa9bc" providerId="ADAL" clId="{BF04C754-5BF4-4E83-9615-DB14FA25AF8A}" dt="2023-10-12T11:38:08.274" v="295"/>
          <ac:spMkLst>
            <pc:docMk/>
            <pc:sldMk cId="2376958513" sldId="260"/>
            <ac:spMk id="5973" creationId="{5B4BCE3D-0243-A89A-D17B-5F952A029F09}"/>
          </ac:spMkLst>
        </pc:spChg>
        <pc:spChg chg="mod">
          <ac:chgData name="White, Alex" userId="eff6cc8c-37d8-483b-9c6c-6b27e9afa9bc" providerId="ADAL" clId="{BF04C754-5BF4-4E83-9615-DB14FA25AF8A}" dt="2023-10-12T11:38:08.274" v="295"/>
          <ac:spMkLst>
            <pc:docMk/>
            <pc:sldMk cId="2376958513" sldId="260"/>
            <ac:spMk id="5974" creationId="{8A61B5C1-5326-48E4-71A5-80C9930E9C90}"/>
          </ac:spMkLst>
        </pc:spChg>
        <pc:spChg chg="mod">
          <ac:chgData name="White, Alex" userId="eff6cc8c-37d8-483b-9c6c-6b27e9afa9bc" providerId="ADAL" clId="{BF04C754-5BF4-4E83-9615-DB14FA25AF8A}" dt="2023-10-12T11:38:08.274" v="295"/>
          <ac:spMkLst>
            <pc:docMk/>
            <pc:sldMk cId="2376958513" sldId="260"/>
            <ac:spMk id="5975" creationId="{75BB4DA4-83E6-A7E6-EF0B-0158F19DA241}"/>
          </ac:spMkLst>
        </pc:spChg>
        <pc:spChg chg="mod">
          <ac:chgData name="White, Alex" userId="eff6cc8c-37d8-483b-9c6c-6b27e9afa9bc" providerId="ADAL" clId="{BF04C754-5BF4-4E83-9615-DB14FA25AF8A}" dt="2023-10-12T11:38:08.274" v="295"/>
          <ac:spMkLst>
            <pc:docMk/>
            <pc:sldMk cId="2376958513" sldId="260"/>
            <ac:spMk id="5976" creationId="{6DA080A9-20CA-C8CF-72C2-9DFFD92EFE9F}"/>
          </ac:spMkLst>
        </pc:spChg>
        <pc:spChg chg="mod">
          <ac:chgData name="White, Alex" userId="eff6cc8c-37d8-483b-9c6c-6b27e9afa9bc" providerId="ADAL" clId="{BF04C754-5BF4-4E83-9615-DB14FA25AF8A}" dt="2023-10-12T11:38:08.274" v="295"/>
          <ac:spMkLst>
            <pc:docMk/>
            <pc:sldMk cId="2376958513" sldId="260"/>
            <ac:spMk id="5977" creationId="{8CE31EB3-0F8C-FDB6-DADC-1110C1A9AC28}"/>
          </ac:spMkLst>
        </pc:spChg>
        <pc:spChg chg="mod">
          <ac:chgData name="White, Alex" userId="eff6cc8c-37d8-483b-9c6c-6b27e9afa9bc" providerId="ADAL" clId="{BF04C754-5BF4-4E83-9615-DB14FA25AF8A}" dt="2023-10-12T11:38:08.274" v="295"/>
          <ac:spMkLst>
            <pc:docMk/>
            <pc:sldMk cId="2376958513" sldId="260"/>
            <ac:spMk id="5978" creationId="{4C94EBF3-4798-6EE8-1DCD-2DA352D739C8}"/>
          </ac:spMkLst>
        </pc:spChg>
        <pc:spChg chg="mod">
          <ac:chgData name="White, Alex" userId="eff6cc8c-37d8-483b-9c6c-6b27e9afa9bc" providerId="ADAL" clId="{BF04C754-5BF4-4E83-9615-DB14FA25AF8A}" dt="2023-10-12T11:38:08.274" v="295"/>
          <ac:spMkLst>
            <pc:docMk/>
            <pc:sldMk cId="2376958513" sldId="260"/>
            <ac:spMk id="5979" creationId="{00B2E836-F004-DAE2-D529-F39D2EA9212F}"/>
          </ac:spMkLst>
        </pc:spChg>
        <pc:spChg chg="mod">
          <ac:chgData name="White, Alex" userId="eff6cc8c-37d8-483b-9c6c-6b27e9afa9bc" providerId="ADAL" clId="{BF04C754-5BF4-4E83-9615-DB14FA25AF8A}" dt="2023-10-12T11:38:08.274" v="295"/>
          <ac:spMkLst>
            <pc:docMk/>
            <pc:sldMk cId="2376958513" sldId="260"/>
            <ac:spMk id="5980" creationId="{EC618B5B-60BF-0D42-0391-C654AAECAF41}"/>
          </ac:spMkLst>
        </pc:spChg>
        <pc:spChg chg="mod">
          <ac:chgData name="White, Alex" userId="eff6cc8c-37d8-483b-9c6c-6b27e9afa9bc" providerId="ADAL" clId="{BF04C754-5BF4-4E83-9615-DB14FA25AF8A}" dt="2023-10-12T11:38:08.274" v="295"/>
          <ac:spMkLst>
            <pc:docMk/>
            <pc:sldMk cId="2376958513" sldId="260"/>
            <ac:spMk id="5981" creationId="{B800F715-BF76-1E58-6872-2C6F8244D1C0}"/>
          </ac:spMkLst>
        </pc:spChg>
        <pc:spChg chg="mod">
          <ac:chgData name="White, Alex" userId="eff6cc8c-37d8-483b-9c6c-6b27e9afa9bc" providerId="ADAL" clId="{BF04C754-5BF4-4E83-9615-DB14FA25AF8A}" dt="2023-10-12T11:38:08.274" v="295"/>
          <ac:spMkLst>
            <pc:docMk/>
            <pc:sldMk cId="2376958513" sldId="260"/>
            <ac:spMk id="5982" creationId="{AADF7950-D259-16B3-E08C-E42323B3101F}"/>
          </ac:spMkLst>
        </pc:spChg>
        <pc:spChg chg="mod">
          <ac:chgData name="White, Alex" userId="eff6cc8c-37d8-483b-9c6c-6b27e9afa9bc" providerId="ADAL" clId="{BF04C754-5BF4-4E83-9615-DB14FA25AF8A}" dt="2023-10-12T11:38:08.274" v="295"/>
          <ac:spMkLst>
            <pc:docMk/>
            <pc:sldMk cId="2376958513" sldId="260"/>
            <ac:spMk id="5983" creationId="{D9CF32BC-DB70-D7EA-B5F9-3496F35B4DB3}"/>
          </ac:spMkLst>
        </pc:spChg>
        <pc:spChg chg="mod">
          <ac:chgData name="White, Alex" userId="eff6cc8c-37d8-483b-9c6c-6b27e9afa9bc" providerId="ADAL" clId="{BF04C754-5BF4-4E83-9615-DB14FA25AF8A}" dt="2023-10-12T11:38:08.274" v="295"/>
          <ac:spMkLst>
            <pc:docMk/>
            <pc:sldMk cId="2376958513" sldId="260"/>
            <ac:spMk id="5984" creationId="{46E935B2-42C3-1715-FF5B-B99BE1E3D597}"/>
          </ac:spMkLst>
        </pc:spChg>
        <pc:spChg chg="mod">
          <ac:chgData name="White, Alex" userId="eff6cc8c-37d8-483b-9c6c-6b27e9afa9bc" providerId="ADAL" clId="{BF04C754-5BF4-4E83-9615-DB14FA25AF8A}" dt="2023-10-12T11:38:08.274" v="295"/>
          <ac:spMkLst>
            <pc:docMk/>
            <pc:sldMk cId="2376958513" sldId="260"/>
            <ac:spMk id="5985" creationId="{9FEDA489-657F-49CE-7117-EEFA86CE8569}"/>
          </ac:spMkLst>
        </pc:spChg>
        <pc:spChg chg="mod">
          <ac:chgData name="White, Alex" userId="eff6cc8c-37d8-483b-9c6c-6b27e9afa9bc" providerId="ADAL" clId="{BF04C754-5BF4-4E83-9615-DB14FA25AF8A}" dt="2023-10-12T11:38:08.274" v="295"/>
          <ac:spMkLst>
            <pc:docMk/>
            <pc:sldMk cId="2376958513" sldId="260"/>
            <ac:spMk id="5986" creationId="{619E695A-0A52-FC1F-11C5-03E7F4D6E4A1}"/>
          </ac:spMkLst>
        </pc:spChg>
        <pc:spChg chg="mod">
          <ac:chgData name="White, Alex" userId="eff6cc8c-37d8-483b-9c6c-6b27e9afa9bc" providerId="ADAL" clId="{BF04C754-5BF4-4E83-9615-DB14FA25AF8A}" dt="2023-10-12T11:38:08.274" v="295"/>
          <ac:spMkLst>
            <pc:docMk/>
            <pc:sldMk cId="2376958513" sldId="260"/>
            <ac:spMk id="5987" creationId="{361FEEDA-655A-4B3E-23D9-5EA068C3C7BA}"/>
          </ac:spMkLst>
        </pc:spChg>
        <pc:spChg chg="mod">
          <ac:chgData name="White, Alex" userId="eff6cc8c-37d8-483b-9c6c-6b27e9afa9bc" providerId="ADAL" clId="{BF04C754-5BF4-4E83-9615-DB14FA25AF8A}" dt="2023-10-12T11:38:08.274" v="295"/>
          <ac:spMkLst>
            <pc:docMk/>
            <pc:sldMk cId="2376958513" sldId="260"/>
            <ac:spMk id="5988" creationId="{2F0A021E-06D4-36F6-53BF-739AF05ED92A}"/>
          </ac:spMkLst>
        </pc:spChg>
        <pc:spChg chg="mod">
          <ac:chgData name="White, Alex" userId="eff6cc8c-37d8-483b-9c6c-6b27e9afa9bc" providerId="ADAL" clId="{BF04C754-5BF4-4E83-9615-DB14FA25AF8A}" dt="2023-10-12T11:38:08.274" v="295"/>
          <ac:spMkLst>
            <pc:docMk/>
            <pc:sldMk cId="2376958513" sldId="260"/>
            <ac:spMk id="5989" creationId="{4F04E21B-27F9-5CC5-FEB3-4F6E9EB73C1F}"/>
          </ac:spMkLst>
        </pc:spChg>
        <pc:spChg chg="mod">
          <ac:chgData name="White, Alex" userId="eff6cc8c-37d8-483b-9c6c-6b27e9afa9bc" providerId="ADAL" clId="{BF04C754-5BF4-4E83-9615-DB14FA25AF8A}" dt="2023-10-12T11:38:08.274" v="295"/>
          <ac:spMkLst>
            <pc:docMk/>
            <pc:sldMk cId="2376958513" sldId="260"/>
            <ac:spMk id="5990" creationId="{D5508664-2670-5F94-52B4-80366B1BABC1}"/>
          </ac:spMkLst>
        </pc:spChg>
        <pc:spChg chg="mod">
          <ac:chgData name="White, Alex" userId="eff6cc8c-37d8-483b-9c6c-6b27e9afa9bc" providerId="ADAL" clId="{BF04C754-5BF4-4E83-9615-DB14FA25AF8A}" dt="2023-10-12T11:38:08.274" v="295"/>
          <ac:spMkLst>
            <pc:docMk/>
            <pc:sldMk cId="2376958513" sldId="260"/>
            <ac:spMk id="5991" creationId="{CCEF4B99-1188-7DCA-6D60-696EE9EC2A9A}"/>
          </ac:spMkLst>
        </pc:spChg>
        <pc:spChg chg="mod">
          <ac:chgData name="White, Alex" userId="eff6cc8c-37d8-483b-9c6c-6b27e9afa9bc" providerId="ADAL" clId="{BF04C754-5BF4-4E83-9615-DB14FA25AF8A}" dt="2023-10-12T11:38:08.274" v="295"/>
          <ac:spMkLst>
            <pc:docMk/>
            <pc:sldMk cId="2376958513" sldId="260"/>
            <ac:spMk id="5992" creationId="{3EBC230E-47BF-3022-A902-9A64865278DE}"/>
          </ac:spMkLst>
        </pc:spChg>
        <pc:spChg chg="mod">
          <ac:chgData name="White, Alex" userId="eff6cc8c-37d8-483b-9c6c-6b27e9afa9bc" providerId="ADAL" clId="{BF04C754-5BF4-4E83-9615-DB14FA25AF8A}" dt="2023-10-12T11:38:08.274" v="295"/>
          <ac:spMkLst>
            <pc:docMk/>
            <pc:sldMk cId="2376958513" sldId="260"/>
            <ac:spMk id="5993" creationId="{5FB24276-9181-1C70-C7B0-B4AF0A3CFEAF}"/>
          </ac:spMkLst>
        </pc:spChg>
        <pc:spChg chg="mod">
          <ac:chgData name="White, Alex" userId="eff6cc8c-37d8-483b-9c6c-6b27e9afa9bc" providerId="ADAL" clId="{BF04C754-5BF4-4E83-9615-DB14FA25AF8A}" dt="2023-10-12T11:38:08.274" v="295"/>
          <ac:spMkLst>
            <pc:docMk/>
            <pc:sldMk cId="2376958513" sldId="260"/>
            <ac:spMk id="5994" creationId="{87188297-CEBD-DE90-490F-EF4818DD4EA5}"/>
          </ac:spMkLst>
        </pc:spChg>
        <pc:spChg chg="mod">
          <ac:chgData name="White, Alex" userId="eff6cc8c-37d8-483b-9c6c-6b27e9afa9bc" providerId="ADAL" clId="{BF04C754-5BF4-4E83-9615-DB14FA25AF8A}" dt="2023-10-12T11:38:08.274" v="295"/>
          <ac:spMkLst>
            <pc:docMk/>
            <pc:sldMk cId="2376958513" sldId="260"/>
            <ac:spMk id="5995" creationId="{3FE9DF3D-18DB-0DA6-C838-0E00CA9FEEC0}"/>
          </ac:spMkLst>
        </pc:spChg>
        <pc:spChg chg="mod">
          <ac:chgData name="White, Alex" userId="eff6cc8c-37d8-483b-9c6c-6b27e9afa9bc" providerId="ADAL" clId="{BF04C754-5BF4-4E83-9615-DB14FA25AF8A}" dt="2023-10-12T11:38:08.274" v="295"/>
          <ac:spMkLst>
            <pc:docMk/>
            <pc:sldMk cId="2376958513" sldId="260"/>
            <ac:spMk id="5996" creationId="{57D7C2BF-0A70-09A3-27B2-BAD5F9F95279}"/>
          </ac:spMkLst>
        </pc:spChg>
        <pc:spChg chg="mod">
          <ac:chgData name="White, Alex" userId="eff6cc8c-37d8-483b-9c6c-6b27e9afa9bc" providerId="ADAL" clId="{BF04C754-5BF4-4E83-9615-DB14FA25AF8A}" dt="2023-10-12T11:38:08.274" v="295"/>
          <ac:spMkLst>
            <pc:docMk/>
            <pc:sldMk cId="2376958513" sldId="260"/>
            <ac:spMk id="5997" creationId="{1AEB1695-CA88-85E5-B4C7-039183D3673F}"/>
          </ac:spMkLst>
        </pc:spChg>
        <pc:spChg chg="mod">
          <ac:chgData name="White, Alex" userId="eff6cc8c-37d8-483b-9c6c-6b27e9afa9bc" providerId="ADAL" clId="{BF04C754-5BF4-4E83-9615-DB14FA25AF8A}" dt="2023-10-12T11:38:08.274" v="295"/>
          <ac:spMkLst>
            <pc:docMk/>
            <pc:sldMk cId="2376958513" sldId="260"/>
            <ac:spMk id="5998" creationId="{17D35C4B-DFB0-F784-80C3-DB14105F98AA}"/>
          </ac:spMkLst>
        </pc:spChg>
        <pc:spChg chg="mod">
          <ac:chgData name="White, Alex" userId="eff6cc8c-37d8-483b-9c6c-6b27e9afa9bc" providerId="ADAL" clId="{BF04C754-5BF4-4E83-9615-DB14FA25AF8A}" dt="2023-10-12T11:38:08.274" v="295"/>
          <ac:spMkLst>
            <pc:docMk/>
            <pc:sldMk cId="2376958513" sldId="260"/>
            <ac:spMk id="5999" creationId="{0B6AE4AE-D064-938B-F365-87097598535C}"/>
          </ac:spMkLst>
        </pc:spChg>
        <pc:spChg chg="mod">
          <ac:chgData name="White, Alex" userId="eff6cc8c-37d8-483b-9c6c-6b27e9afa9bc" providerId="ADAL" clId="{BF04C754-5BF4-4E83-9615-DB14FA25AF8A}" dt="2023-10-12T11:38:08.274" v="295"/>
          <ac:spMkLst>
            <pc:docMk/>
            <pc:sldMk cId="2376958513" sldId="260"/>
            <ac:spMk id="6000" creationId="{FC94D4AE-9DF1-3EB8-9C18-9E9027E2FF4B}"/>
          </ac:spMkLst>
        </pc:spChg>
        <pc:spChg chg="mod">
          <ac:chgData name="White, Alex" userId="eff6cc8c-37d8-483b-9c6c-6b27e9afa9bc" providerId="ADAL" clId="{BF04C754-5BF4-4E83-9615-DB14FA25AF8A}" dt="2023-10-12T11:38:08.274" v="295"/>
          <ac:spMkLst>
            <pc:docMk/>
            <pc:sldMk cId="2376958513" sldId="260"/>
            <ac:spMk id="6001" creationId="{39E63C32-DD66-7BAA-F0BD-C9ED9C47B99B}"/>
          </ac:spMkLst>
        </pc:spChg>
        <pc:spChg chg="mod">
          <ac:chgData name="White, Alex" userId="eff6cc8c-37d8-483b-9c6c-6b27e9afa9bc" providerId="ADAL" clId="{BF04C754-5BF4-4E83-9615-DB14FA25AF8A}" dt="2023-10-12T11:38:08.274" v="295"/>
          <ac:spMkLst>
            <pc:docMk/>
            <pc:sldMk cId="2376958513" sldId="260"/>
            <ac:spMk id="6002" creationId="{F2ACC5F4-6AFF-1A4B-9461-886833095F12}"/>
          </ac:spMkLst>
        </pc:spChg>
        <pc:spChg chg="mod">
          <ac:chgData name="White, Alex" userId="eff6cc8c-37d8-483b-9c6c-6b27e9afa9bc" providerId="ADAL" clId="{BF04C754-5BF4-4E83-9615-DB14FA25AF8A}" dt="2023-10-12T11:38:08.274" v="295"/>
          <ac:spMkLst>
            <pc:docMk/>
            <pc:sldMk cId="2376958513" sldId="260"/>
            <ac:spMk id="6003" creationId="{0DDF16FD-C6A3-AF4B-EC75-3B58CA582155}"/>
          </ac:spMkLst>
        </pc:spChg>
        <pc:spChg chg="mod">
          <ac:chgData name="White, Alex" userId="eff6cc8c-37d8-483b-9c6c-6b27e9afa9bc" providerId="ADAL" clId="{BF04C754-5BF4-4E83-9615-DB14FA25AF8A}" dt="2023-10-12T11:38:08.274" v="295"/>
          <ac:spMkLst>
            <pc:docMk/>
            <pc:sldMk cId="2376958513" sldId="260"/>
            <ac:spMk id="6004" creationId="{08BC177D-B49B-0AA1-011C-9862EF931875}"/>
          </ac:spMkLst>
        </pc:spChg>
        <pc:spChg chg="mod">
          <ac:chgData name="White, Alex" userId="eff6cc8c-37d8-483b-9c6c-6b27e9afa9bc" providerId="ADAL" clId="{BF04C754-5BF4-4E83-9615-DB14FA25AF8A}" dt="2023-10-12T11:38:08.274" v="295"/>
          <ac:spMkLst>
            <pc:docMk/>
            <pc:sldMk cId="2376958513" sldId="260"/>
            <ac:spMk id="6005" creationId="{B313F82F-F72F-312C-03FC-E11A2E46AA45}"/>
          </ac:spMkLst>
        </pc:spChg>
        <pc:spChg chg="mod">
          <ac:chgData name="White, Alex" userId="eff6cc8c-37d8-483b-9c6c-6b27e9afa9bc" providerId="ADAL" clId="{BF04C754-5BF4-4E83-9615-DB14FA25AF8A}" dt="2023-10-12T11:38:08.274" v="295"/>
          <ac:spMkLst>
            <pc:docMk/>
            <pc:sldMk cId="2376958513" sldId="260"/>
            <ac:spMk id="6006" creationId="{1A237C98-2A80-D29F-CAEC-9A4F41D8C41F}"/>
          </ac:spMkLst>
        </pc:spChg>
        <pc:spChg chg="mod">
          <ac:chgData name="White, Alex" userId="eff6cc8c-37d8-483b-9c6c-6b27e9afa9bc" providerId="ADAL" clId="{BF04C754-5BF4-4E83-9615-DB14FA25AF8A}" dt="2023-10-12T11:38:08.274" v="295"/>
          <ac:spMkLst>
            <pc:docMk/>
            <pc:sldMk cId="2376958513" sldId="260"/>
            <ac:spMk id="6007" creationId="{704B6D3C-92D6-6431-6487-64650373A216}"/>
          </ac:spMkLst>
        </pc:spChg>
        <pc:spChg chg="mod">
          <ac:chgData name="White, Alex" userId="eff6cc8c-37d8-483b-9c6c-6b27e9afa9bc" providerId="ADAL" clId="{BF04C754-5BF4-4E83-9615-DB14FA25AF8A}" dt="2023-10-12T11:38:08.274" v="295"/>
          <ac:spMkLst>
            <pc:docMk/>
            <pc:sldMk cId="2376958513" sldId="260"/>
            <ac:spMk id="6008" creationId="{83DC9F8B-441C-CCDD-A003-0798EFEBDB0E}"/>
          </ac:spMkLst>
        </pc:spChg>
        <pc:spChg chg="mod">
          <ac:chgData name="White, Alex" userId="eff6cc8c-37d8-483b-9c6c-6b27e9afa9bc" providerId="ADAL" clId="{BF04C754-5BF4-4E83-9615-DB14FA25AF8A}" dt="2023-10-12T11:38:08.274" v="295"/>
          <ac:spMkLst>
            <pc:docMk/>
            <pc:sldMk cId="2376958513" sldId="260"/>
            <ac:spMk id="6009" creationId="{437FD98D-487C-272B-93AD-D8318C6F7FF6}"/>
          </ac:spMkLst>
        </pc:spChg>
        <pc:spChg chg="mod">
          <ac:chgData name="White, Alex" userId="eff6cc8c-37d8-483b-9c6c-6b27e9afa9bc" providerId="ADAL" clId="{BF04C754-5BF4-4E83-9615-DB14FA25AF8A}" dt="2023-10-12T11:38:08.274" v="295"/>
          <ac:spMkLst>
            <pc:docMk/>
            <pc:sldMk cId="2376958513" sldId="260"/>
            <ac:spMk id="6010" creationId="{40F5B2B1-D13A-4767-EDB1-411024B669FA}"/>
          </ac:spMkLst>
        </pc:spChg>
        <pc:spChg chg="mod">
          <ac:chgData name="White, Alex" userId="eff6cc8c-37d8-483b-9c6c-6b27e9afa9bc" providerId="ADAL" clId="{BF04C754-5BF4-4E83-9615-DB14FA25AF8A}" dt="2023-10-12T11:38:08.274" v="295"/>
          <ac:spMkLst>
            <pc:docMk/>
            <pc:sldMk cId="2376958513" sldId="260"/>
            <ac:spMk id="6011" creationId="{A3BE3EFC-8392-1FEA-672C-36585164ED14}"/>
          </ac:spMkLst>
        </pc:spChg>
        <pc:spChg chg="mod">
          <ac:chgData name="White, Alex" userId="eff6cc8c-37d8-483b-9c6c-6b27e9afa9bc" providerId="ADAL" clId="{BF04C754-5BF4-4E83-9615-DB14FA25AF8A}" dt="2023-10-12T11:38:08.274" v="295"/>
          <ac:spMkLst>
            <pc:docMk/>
            <pc:sldMk cId="2376958513" sldId="260"/>
            <ac:spMk id="6012" creationId="{02C301D0-665B-36D4-50EC-8CAB7CF29135}"/>
          </ac:spMkLst>
        </pc:spChg>
        <pc:spChg chg="mod">
          <ac:chgData name="White, Alex" userId="eff6cc8c-37d8-483b-9c6c-6b27e9afa9bc" providerId="ADAL" clId="{BF04C754-5BF4-4E83-9615-DB14FA25AF8A}" dt="2023-10-12T11:38:08.274" v="295"/>
          <ac:spMkLst>
            <pc:docMk/>
            <pc:sldMk cId="2376958513" sldId="260"/>
            <ac:spMk id="6013" creationId="{624C0353-AE66-CE79-C3FC-C881981EA4DC}"/>
          </ac:spMkLst>
        </pc:spChg>
        <pc:spChg chg="mod">
          <ac:chgData name="White, Alex" userId="eff6cc8c-37d8-483b-9c6c-6b27e9afa9bc" providerId="ADAL" clId="{BF04C754-5BF4-4E83-9615-DB14FA25AF8A}" dt="2023-10-12T11:38:08.274" v="295"/>
          <ac:spMkLst>
            <pc:docMk/>
            <pc:sldMk cId="2376958513" sldId="260"/>
            <ac:spMk id="6014" creationId="{535AA317-5428-66A8-DABB-7ACDFFF14F9E}"/>
          </ac:spMkLst>
        </pc:spChg>
        <pc:spChg chg="mod">
          <ac:chgData name="White, Alex" userId="eff6cc8c-37d8-483b-9c6c-6b27e9afa9bc" providerId="ADAL" clId="{BF04C754-5BF4-4E83-9615-DB14FA25AF8A}" dt="2023-10-12T11:38:08.274" v="295"/>
          <ac:spMkLst>
            <pc:docMk/>
            <pc:sldMk cId="2376958513" sldId="260"/>
            <ac:spMk id="6015" creationId="{505B6B88-F88C-07FF-EC83-4424D49BB526}"/>
          </ac:spMkLst>
        </pc:spChg>
        <pc:spChg chg="mod">
          <ac:chgData name="White, Alex" userId="eff6cc8c-37d8-483b-9c6c-6b27e9afa9bc" providerId="ADAL" clId="{BF04C754-5BF4-4E83-9615-DB14FA25AF8A}" dt="2023-10-12T11:38:08.274" v="295"/>
          <ac:spMkLst>
            <pc:docMk/>
            <pc:sldMk cId="2376958513" sldId="260"/>
            <ac:spMk id="6016" creationId="{11775CE4-3397-A6DA-C2B1-33696EC4AB29}"/>
          </ac:spMkLst>
        </pc:spChg>
        <pc:spChg chg="mod">
          <ac:chgData name="White, Alex" userId="eff6cc8c-37d8-483b-9c6c-6b27e9afa9bc" providerId="ADAL" clId="{BF04C754-5BF4-4E83-9615-DB14FA25AF8A}" dt="2023-10-12T11:38:08.274" v="295"/>
          <ac:spMkLst>
            <pc:docMk/>
            <pc:sldMk cId="2376958513" sldId="260"/>
            <ac:spMk id="6017" creationId="{D44ED581-8E69-3367-5AAB-D6A1437006B2}"/>
          </ac:spMkLst>
        </pc:spChg>
        <pc:spChg chg="mod">
          <ac:chgData name="White, Alex" userId="eff6cc8c-37d8-483b-9c6c-6b27e9afa9bc" providerId="ADAL" clId="{BF04C754-5BF4-4E83-9615-DB14FA25AF8A}" dt="2023-10-12T11:38:08.274" v="295"/>
          <ac:spMkLst>
            <pc:docMk/>
            <pc:sldMk cId="2376958513" sldId="260"/>
            <ac:spMk id="6018" creationId="{568223BC-C091-CDA7-A62C-B83364990FBE}"/>
          </ac:spMkLst>
        </pc:spChg>
        <pc:spChg chg="mod">
          <ac:chgData name="White, Alex" userId="eff6cc8c-37d8-483b-9c6c-6b27e9afa9bc" providerId="ADAL" clId="{BF04C754-5BF4-4E83-9615-DB14FA25AF8A}" dt="2023-10-12T11:38:08.274" v="295"/>
          <ac:spMkLst>
            <pc:docMk/>
            <pc:sldMk cId="2376958513" sldId="260"/>
            <ac:spMk id="6019" creationId="{5E8BD343-F082-06A4-C271-2766D11B613A}"/>
          </ac:spMkLst>
        </pc:spChg>
        <pc:spChg chg="mod">
          <ac:chgData name="White, Alex" userId="eff6cc8c-37d8-483b-9c6c-6b27e9afa9bc" providerId="ADAL" clId="{BF04C754-5BF4-4E83-9615-DB14FA25AF8A}" dt="2023-10-12T11:38:08.274" v="295"/>
          <ac:spMkLst>
            <pc:docMk/>
            <pc:sldMk cId="2376958513" sldId="260"/>
            <ac:spMk id="6020" creationId="{B4109DF4-458E-CF30-F787-E29B0AA099A8}"/>
          </ac:spMkLst>
        </pc:spChg>
        <pc:spChg chg="mod">
          <ac:chgData name="White, Alex" userId="eff6cc8c-37d8-483b-9c6c-6b27e9afa9bc" providerId="ADAL" clId="{BF04C754-5BF4-4E83-9615-DB14FA25AF8A}" dt="2023-10-12T11:38:08.274" v="295"/>
          <ac:spMkLst>
            <pc:docMk/>
            <pc:sldMk cId="2376958513" sldId="260"/>
            <ac:spMk id="6021" creationId="{EFD1D584-8060-6A76-0826-129858576C23}"/>
          </ac:spMkLst>
        </pc:spChg>
        <pc:spChg chg="mod">
          <ac:chgData name="White, Alex" userId="eff6cc8c-37d8-483b-9c6c-6b27e9afa9bc" providerId="ADAL" clId="{BF04C754-5BF4-4E83-9615-DB14FA25AF8A}" dt="2023-10-12T11:38:08.274" v="295"/>
          <ac:spMkLst>
            <pc:docMk/>
            <pc:sldMk cId="2376958513" sldId="260"/>
            <ac:spMk id="6022" creationId="{1204FA9A-74CF-222A-B807-6C3856D8355C}"/>
          </ac:spMkLst>
        </pc:spChg>
        <pc:spChg chg="mod">
          <ac:chgData name="White, Alex" userId="eff6cc8c-37d8-483b-9c6c-6b27e9afa9bc" providerId="ADAL" clId="{BF04C754-5BF4-4E83-9615-DB14FA25AF8A}" dt="2023-10-12T11:38:08.274" v="295"/>
          <ac:spMkLst>
            <pc:docMk/>
            <pc:sldMk cId="2376958513" sldId="260"/>
            <ac:spMk id="6023" creationId="{2DE59AE2-0A26-F7B5-8CEF-A4F569A5AE99}"/>
          </ac:spMkLst>
        </pc:spChg>
        <pc:spChg chg="mod">
          <ac:chgData name="White, Alex" userId="eff6cc8c-37d8-483b-9c6c-6b27e9afa9bc" providerId="ADAL" clId="{BF04C754-5BF4-4E83-9615-DB14FA25AF8A}" dt="2023-10-12T11:38:08.274" v="295"/>
          <ac:spMkLst>
            <pc:docMk/>
            <pc:sldMk cId="2376958513" sldId="260"/>
            <ac:spMk id="6024" creationId="{84D531D8-0F69-6E36-2318-057CE0BF7332}"/>
          </ac:spMkLst>
        </pc:spChg>
        <pc:spChg chg="mod">
          <ac:chgData name="White, Alex" userId="eff6cc8c-37d8-483b-9c6c-6b27e9afa9bc" providerId="ADAL" clId="{BF04C754-5BF4-4E83-9615-DB14FA25AF8A}" dt="2023-10-12T11:38:08.274" v="295"/>
          <ac:spMkLst>
            <pc:docMk/>
            <pc:sldMk cId="2376958513" sldId="260"/>
            <ac:spMk id="6025" creationId="{3C824640-5D73-229D-3913-909F28B9890A}"/>
          </ac:spMkLst>
        </pc:spChg>
        <pc:spChg chg="mod">
          <ac:chgData name="White, Alex" userId="eff6cc8c-37d8-483b-9c6c-6b27e9afa9bc" providerId="ADAL" clId="{BF04C754-5BF4-4E83-9615-DB14FA25AF8A}" dt="2023-10-12T11:38:08.274" v="295"/>
          <ac:spMkLst>
            <pc:docMk/>
            <pc:sldMk cId="2376958513" sldId="260"/>
            <ac:spMk id="6026" creationId="{E61090E5-91AC-AB14-BA27-D8DED1A97A1E}"/>
          </ac:spMkLst>
        </pc:spChg>
        <pc:spChg chg="mod">
          <ac:chgData name="White, Alex" userId="eff6cc8c-37d8-483b-9c6c-6b27e9afa9bc" providerId="ADAL" clId="{BF04C754-5BF4-4E83-9615-DB14FA25AF8A}" dt="2023-10-12T11:38:08.274" v="295"/>
          <ac:spMkLst>
            <pc:docMk/>
            <pc:sldMk cId="2376958513" sldId="260"/>
            <ac:spMk id="6027" creationId="{8BF6E5C2-C402-1E5D-46AE-544FE049EC96}"/>
          </ac:spMkLst>
        </pc:spChg>
        <pc:spChg chg="mod">
          <ac:chgData name="White, Alex" userId="eff6cc8c-37d8-483b-9c6c-6b27e9afa9bc" providerId="ADAL" clId="{BF04C754-5BF4-4E83-9615-DB14FA25AF8A}" dt="2023-10-12T11:38:08.274" v="295"/>
          <ac:spMkLst>
            <pc:docMk/>
            <pc:sldMk cId="2376958513" sldId="260"/>
            <ac:spMk id="6028" creationId="{FE2CAB3C-63C8-8DF4-76AD-FEBA486A946F}"/>
          </ac:spMkLst>
        </pc:spChg>
        <pc:spChg chg="mod">
          <ac:chgData name="White, Alex" userId="eff6cc8c-37d8-483b-9c6c-6b27e9afa9bc" providerId="ADAL" clId="{BF04C754-5BF4-4E83-9615-DB14FA25AF8A}" dt="2023-10-12T11:38:08.274" v="295"/>
          <ac:spMkLst>
            <pc:docMk/>
            <pc:sldMk cId="2376958513" sldId="260"/>
            <ac:spMk id="6029" creationId="{26D06D07-B198-B6CD-DB3C-2B95873A78A2}"/>
          </ac:spMkLst>
        </pc:spChg>
        <pc:spChg chg="mod">
          <ac:chgData name="White, Alex" userId="eff6cc8c-37d8-483b-9c6c-6b27e9afa9bc" providerId="ADAL" clId="{BF04C754-5BF4-4E83-9615-DB14FA25AF8A}" dt="2023-10-12T11:38:08.274" v="295"/>
          <ac:spMkLst>
            <pc:docMk/>
            <pc:sldMk cId="2376958513" sldId="260"/>
            <ac:spMk id="6030" creationId="{1BFF1CFA-447B-45A3-0DD3-81DD82EF7751}"/>
          </ac:spMkLst>
        </pc:spChg>
        <pc:spChg chg="mod">
          <ac:chgData name="White, Alex" userId="eff6cc8c-37d8-483b-9c6c-6b27e9afa9bc" providerId="ADAL" clId="{BF04C754-5BF4-4E83-9615-DB14FA25AF8A}" dt="2023-10-12T11:38:08.274" v="295"/>
          <ac:spMkLst>
            <pc:docMk/>
            <pc:sldMk cId="2376958513" sldId="260"/>
            <ac:spMk id="6031" creationId="{75887D48-0E01-5AE4-14A7-D709B5ED4488}"/>
          </ac:spMkLst>
        </pc:spChg>
        <pc:spChg chg="mod">
          <ac:chgData name="White, Alex" userId="eff6cc8c-37d8-483b-9c6c-6b27e9afa9bc" providerId="ADAL" clId="{BF04C754-5BF4-4E83-9615-DB14FA25AF8A}" dt="2023-10-12T11:38:08.274" v="295"/>
          <ac:spMkLst>
            <pc:docMk/>
            <pc:sldMk cId="2376958513" sldId="260"/>
            <ac:spMk id="6032" creationId="{0EFC6EAA-4FD3-A474-9AB8-963CC150C3C9}"/>
          </ac:spMkLst>
        </pc:spChg>
        <pc:spChg chg="mod">
          <ac:chgData name="White, Alex" userId="eff6cc8c-37d8-483b-9c6c-6b27e9afa9bc" providerId="ADAL" clId="{BF04C754-5BF4-4E83-9615-DB14FA25AF8A}" dt="2023-10-12T11:38:08.274" v="295"/>
          <ac:spMkLst>
            <pc:docMk/>
            <pc:sldMk cId="2376958513" sldId="260"/>
            <ac:spMk id="6033" creationId="{6E8218E2-B4BD-B535-5A21-E82F15668EE2}"/>
          </ac:spMkLst>
        </pc:spChg>
        <pc:spChg chg="mod">
          <ac:chgData name="White, Alex" userId="eff6cc8c-37d8-483b-9c6c-6b27e9afa9bc" providerId="ADAL" clId="{BF04C754-5BF4-4E83-9615-DB14FA25AF8A}" dt="2023-10-12T11:38:08.274" v="295"/>
          <ac:spMkLst>
            <pc:docMk/>
            <pc:sldMk cId="2376958513" sldId="260"/>
            <ac:spMk id="6034" creationId="{533B9453-C1AB-CF0A-C204-4E7AB71F67A4}"/>
          </ac:spMkLst>
        </pc:spChg>
        <pc:spChg chg="mod">
          <ac:chgData name="White, Alex" userId="eff6cc8c-37d8-483b-9c6c-6b27e9afa9bc" providerId="ADAL" clId="{BF04C754-5BF4-4E83-9615-DB14FA25AF8A}" dt="2023-10-12T11:38:08.274" v="295"/>
          <ac:spMkLst>
            <pc:docMk/>
            <pc:sldMk cId="2376958513" sldId="260"/>
            <ac:spMk id="6035" creationId="{81842BE5-980A-E572-7E19-DD53FFC63237}"/>
          </ac:spMkLst>
        </pc:spChg>
        <pc:spChg chg="mod">
          <ac:chgData name="White, Alex" userId="eff6cc8c-37d8-483b-9c6c-6b27e9afa9bc" providerId="ADAL" clId="{BF04C754-5BF4-4E83-9615-DB14FA25AF8A}" dt="2023-10-12T11:38:08.274" v="295"/>
          <ac:spMkLst>
            <pc:docMk/>
            <pc:sldMk cId="2376958513" sldId="260"/>
            <ac:spMk id="6036" creationId="{48D7576D-F8C0-FC74-3AF1-98FA8D133207}"/>
          </ac:spMkLst>
        </pc:spChg>
        <pc:spChg chg="mod">
          <ac:chgData name="White, Alex" userId="eff6cc8c-37d8-483b-9c6c-6b27e9afa9bc" providerId="ADAL" clId="{BF04C754-5BF4-4E83-9615-DB14FA25AF8A}" dt="2023-10-12T11:38:08.274" v="295"/>
          <ac:spMkLst>
            <pc:docMk/>
            <pc:sldMk cId="2376958513" sldId="260"/>
            <ac:spMk id="6037" creationId="{E78C957C-CDD7-93BB-4D3D-675C7370706C}"/>
          </ac:spMkLst>
        </pc:spChg>
        <pc:spChg chg="mod">
          <ac:chgData name="White, Alex" userId="eff6cc8c-37d8-483b-9c6c-6b27e9afa9bc" providerId="ADAL" clId="{BF04C754-5BF4-4E83-9615-DB14FA25AF8A}" dt="2023-10-12T11:38:08.274" v="295"/>
          <ac:spMkLst>
            <pc:docMk/>
            <pc:sldMk cId="2376958513" sldId="260"/>
            <ac:spMk id="6038" creationId="{40D696D7-1ECA-048E-4D91-797290FEBB0A}"/>
          </ac:spMkLst>
        </pc:spChg>
        <pc:spChg chg="mod">
          <ac:chgData name="White, Alex" userId="eff6cc8c-37d8-483b-9c6c-6b27e9afa9bc" providerId="ADAL" clId="{BF04C754-5BF4-4E83-9615-DB14FA25AF8A}" dt="2023-10-12T11:38:08.274" v="295"/>
          <ac:spMkLst>
            <pc:docMk/>
            <pc:sldMk cId="2376958513" sldId="260"/>
            <ac:spMk id="6039" creationId="{6EA55B1F-C175-E7F9-BD25-FAE586E4573D}"/>
          </ac:spMkLst>
        </pc:spChg>
        <pc:spChg chg="mod">
          <ac:chgData name="White, Alex" userId="eff6cc8c-37d8-483b-9c6c-6b27e9afa9bc" providerId="ADAL" clId="{BF04C754-5BF4-4E83-9615-DB14FA25AF8A}" dt="2023-10-12T11:38:08.274" v="295"/>
          <ac:spMkLst>
            <pc:docMk/>
            <pc:sldMk cId="2376958513" sldId="260"/>
            <ac:spMk id="6040" creationId="{A2535E26-BFC1-5D0A-5FAD-433960463AE7}"/>
          </ac:spMkLst>
        </pc:spChg>
        <pc:spChg chg="mod">
          <ac:chgData name="White, Alex" userId="eff6cc8c-37d8-483b-9c6c-6b27e9afa9bc" providerId="ADAL" clId="{BF04C754-5BF4-4E83-9615-DB14FA25AF8A}" dt="2023-10-12T11:38:08.274" v="295"/>
          <ac:spMkLst>
            <pc:docMk/>
            <pc:sldMk cId="2376958513" sldId="260"/>
            <ac:spMk id="6041" creationId="{AC13200E-F902-6466-29B5-B7663D50BA98}"/>
          </ac:spMkLst>
        </pc:spChg>
        <pc:spChg chg="mod">
          <ac:chgData name="White, Alex" userId="eff6cc8c-37d8-483b-9c6c-6b27e9afa9bc" providerId="ADAL" clId="{BF04C754-5BF4-4E83-9615-DB14FA25AF8A}" dt="2023-10-12T11:38:08.274" v="295"/>
          <ac:spMkLst>
            <pc:docMk/>
            <pc:sldMk cId="2376958513" sldId="260"/>
            <ac:spMk id="6042" creationId="{EDA0AA27-E5A6-52DA-D414-47C69948E33D}"/>
          </ac:spMkLst>
        </pc:spChg>
        <pc:spChg chg="mod">
          <ac:chgData name="White, Alex" userId="eff6cc8c-37d8-483b-9c6c-6b27e9afa9bc" providerId="ADAL" clId="{BF04C754-5BF4-4E83-9615-DB14FA25AF8A}" dt="2023-10-12T11:38:08.274" v="295"/>
          <ac:spMkLst>
            <pc:docMk/>
            <pc:sldMk cId="2376958513" sldId="260"/>
            <ac:spMk id="6043" creationId="{4F8A9DAA-79BA-ACC9-0526-B2D56A5E51B2}"/>
          </ac:spMkLst>
        </pc:spChg>
        <pc:spChg chg="mod">
          <ac:chgData name="White, Alex" userId="eff6cc8c-37d8-483b-9c6c-6b27e9afa9bc" providerId="ADAL" clId="{BF04C754-5BF4-4E83-9615-DB14FA25AF8A}" dt="2023-10-12T11:38:08.274" v="295"/>
          <ac:spMkLst>
            <pc:docMk/>
            <pc:sldMk cId="2376958513" sldId="260"/>
            <ac:spMk id="6044" creationId="{A7819625-F530-E441-F69B-682AE078512E}"/>
          </ac:spMkLst>
        </pc:spChg>
        <pc:spChg chg="mod">
          <ac:chgData name="White, Alex" userId="eff6cc8c-37d8-483b-9c6c-6b27e9afa9bc" providerId="ADAL" clId="{BF04C754-5BF4-4E83-9615-DB14FA25AF8A}" dt="2023-10-12T11:38:08.274" v="295"/>
          <ac:spMkLst>
            <pc:docMk/>
            <pc:sldMk cId="2376958513" sldId="260"/>
            <ac:spMk id="6045" creationId="{6AE724AB-0695-2CD2-9905-2681F820E499}"/>
          </ac:spMkLst>
        </pc:spChg>
        <pc:spChg chg="mod">
          <ac:chgData name="White, Alex" userId="eff6cc8c-37d8-483b-9c6c-6b27e9afa9bc" providerId="ADAL" clId="{BF04C754-5BF4-4E83-9615-DB14FA25AF8A}" dt="2023-10-12T11:38:08.274" v="295"/>
          <ac:spMkLst>
            <pc:docMk/>
            <pc:sldMk cId="2376958513" sldId="260"/>
            <ac:spMk id="6046" creationId="{9D9F1538-B449-6E97-586E-AF76AF5388DA}"/>
          </ac:spMkLst>
        </pc:spChg>
        <pc:spChg chg="mod">
          <ac:chgData name="White, Alex" userId="eff6cc8c-37d8-483b-9c6c-6b27e9afa9bc" providerId="ADAL" clId="{BF04C754-5BF4-4E83-9615-DB14FA25AF8A}" dt="2023-10-12T11:38:08.274" v="295"/>
          <ac:spMkLst>
            <pc:docMk/>
            <pc:sldMk cId="2376958513" sldId="260"/>
            <ac:spMk id="6047" creationId="{43F6B06F-E75B-0FC0-50C0-1C885AEE7EDA}"/>
          </ac:spMkLst>
        </pc:spChg>
        <pc:spChg chg="mod">
          <ac:chgData name="White, Alex" userId="eff6cc8c-37d8-483b-9c6c-6b27e9afa9bc" providerId="ADAL" clId="{BF04C754-5BF4-4E83-9615-DB14FA25AF8A}" dt="2023-10-12T11:38:08.274" v="295"/>
          <ac:spMkLst>
            <pc:docMk/>
            <pc:sldMk cId="2376958513" sldId="260"/>
            <ac:spMk id="6048" creationId="{AADB525D-721B-A3F4-5457-1766033E1FEF}"/>
          </ac:spMkLst>
        </pc:spChg>
        <pc:spChg chg="mod">
          <ac:chgData name="White, Alex" userId="eff6cc8c-37d8-483b-9c6c-6b27e9afa9bc" providerId="ADAL" clId="{BF04C754-5BF4-4E83-9615-DB14FA25AF8A}" dt="2023-10-12T11:38:08.274" v="295"/>
          <ac:spMkLst>
            <pc:docMk/>
            <pc:sldMk cId="2376958513" sldId="260"/>
            <ac:spMk id="6049" creationId="{EB7E6F78-00FA-E88A-B085-0714E8A2A122}"/>
          </ac:spMkLst>
        </pc:spChg>
        <pc:spChg chg="mod">
          <ac:chgData name="White, Alex" userId="eff6cc8c-37d8-483b-9c6c-6b27e9afa9bc" providerId="ADAL" clId="{BF04C754-5BF4-4E83-9615-DB14FA25AF8A}" dt="2023-10-12T11:38:08.274" v="295"/>
          <ac:spMkLst>
            <pc:docMk/>
            <pc:sldMk cId="2376958513" sldId="260"/>
            <ac:spMk id="6050" creationId="{7C40D1F0-5550-1FEE-7AB3-57E02E842E50}"/>
          </ac:spMkLst>
        </pc:spChg>
        <pc:spChg chg="mod">
          <ac:chgData name="White, Alex" userId="eff6cc8c-37d8-483b-9c6c-6b27e9afa9bc" providerId="ADAL" clId="{BF04C754-5BF4-4E83-9615-DB14FA25AF8A}" dt="2023-10-12T11:38:08.274" v="295"/>
          <ac:spMkLst>
            <pc:docMk/>
            <pc:sldMk cId="2376958513" sldId="260"/>
            <ac:spMk id="6051" creationId="{737ABCB7-8EA5-50E7-017E-947FEAAD1395}"/>
          </ac:spMkLst>
        </pc:spChg>
        <pc:spChg chg="mod">
          <ac:chgData name="White, Alex" userId="eff6cc8c-37d8-483b-9c6c-6b27e9afa9bc" providerId="ADAL" clId="{BF04C754-5BF4-4E83-9615-DB14FA25AF8A}" dt="2023-10-12T11:38:08.274" v="295"/>
          <ac:spMkLst>
            <pc:docMk/>
            <pc:sldMk cId="2376958513" sldId="260"/>
            <ac:spMk id="6052" creationId="{DAD8CAA3-5FC7-B34B-B44C-40A27530A537}"/>
          </ac:spMkLst>
        </pc:spChg>
        <pc:spChg chg="mod">
          <ac:chgData name="White, Alex" userId="eff6cc8c-37d8-483b-9c6c-6b27e9afa9bc" providerId="ADAL" clId="{BF04C754-5BF4-4E83-9615-DB14FA25AF8A}" dt="2023-10-12T11:38:08.274" v="295"/>
          <ac:spMkLst>
            <pc:docMk/>
            <pc:sldMk cId="2376958513" sldId="260"/>
            <ac:spMk id="6053" creationId="{078B12E5-2294-88D5-0B1D-9CF8DC318A8B}"/>
          </ac:spMkLst>
        </pc:spChg>
        <pc:spChg chg="mod">
          <ac:chgData name="White, Alex" userId="eff6cc8c-37d8-483b-9c6c-6b27e9afa9bc" providerId="ADAL" clId="{BF04C754-5BF4-4E83-9615-DB14FA25AF8A}" dt="2023-10-12T11:38:08.274" v="295"/>
          <ac:spMkLst>
            <pc:docMk/>
            <pc:sldMk cId="2376958513" sldId="260"/>
            <ac:spMk id="6054" creationId="{BE8512C4-BE8F-55EE-6A65-0337337867F4}"/>
          </ac:spMkLst>
        </pc:spChg>
        <pc:spChg chg="mod">
          <ac:chgData name="White, Alex" userId="eff6cc8c-37d8-483b-9c6c-6b27e9afa9bc" providerId="ADAL" clId="{BF04C754-5BF4-4E83-9615-DB14FA25AF8A}" dt="2023-10-12T11:38:08.274" v="295"/>
          <ac:spMkLst>
            <pc:docMk/>
            <pc:sldMk cId="2376958513" sldId="260"/>
            <ac:spMk id="6055" creationId="{09DCAFBA-1766-59EB-4D71-6AC4371797E7}"/>
          </ac:spMkLst>
        </pc:spChg>
        <pc:spChg chg="mod">
          <ac:chgData name="White, Alex" userId="eff6cc8c-37d8-483b-9c6c-6b27e9afa9bc" providerId="ADAL" clId="{BF04C754-5BF4-4E83-9615-DB14FA25AF8A}" dt="2023-10-12T11:38:08.274" v="295"/>
          <ac:spMkLst>
            <pc:docMk/>
            <pc:sldMk cId="2376958513" sldId="260"/>
            <ac:spMk id="6056" creationId="{635234CC-9424-1324-BA39-1972B4B1A82C}"/>
          </ac:spMkLst>
        </pc:spChg>
        <pc:spChg chg="mod">
          <ac:chgData name="White, Alex" userId="eff6cc8c-37d8-483b-9c6c-6b27e9afa9bc" providerId="ADAL" clId="{BF04C754-5BF4-4E83-9615-DB14FA25AF8A}" dt="2023-10-12T11:38:08.274" v="295"/>
          <ac:spMkLst>
            <pc:docMk/>
            <pc:sldMk cId="2376958513" sldId="260"/>
            <ac:spMk id="6057" creationId="{9819E026-E751-6DAE-9092-BB52FFEAD741}"/>
          </ac:spMkLst>
        </pc:spChg>
        <pc:spChg chg="mod">
          <ac:chgData name="White, Alex" userId="eff6cc8c-37d8-483b-9c6c-6b27e9afa9bc" providerId="ADAL" clId="{BF04C754-5BF4-4E83-9615-DB14FA25AF8A}" dt="2023-10-12T11:38:08.274" v="295"/>
          <ac:spMkLst>
            <pc:docMk/>
            <pc:sldMk cId="2376958513" sldId="260"/>
            <ac:spMk id="6058" creationId="{4ECFDF24-F8D9-C009-6DC6-1ECA549BDD16}"/>
          </ac:spMkLst>
        </pc:spChg>
        <pc:spChg chg="mod">
          <ac:chgData name="White, Alex" userId="eff6cc8c-37d8-483b-9c6c-6b27e9afa9bc" providerId="ADAL" clId="{BF04C754-5BF4-4E83-9615-DB14FA25AF8A}" dt="2023-10-12T11:38:08.274" v="295"/>
          <ac:spMkLst>
            <pc:docMk/>
            <pc:sldMk cId="2376958513" sldId="260"/>
            <ac:spMk id="6059" creationId="{D0256098-703C-5B9C-FB45-98D683385A2B}"/>
          </ac:spMkLst>
        </pc:spChg>
        <pc:spChg chg="mod">
          <ac:chgData name="White, Alex" userId="eff6cc8c-37d8-483b-9c6c-6b27e9afa9bc" providerId="ADAL" clId="{BF04C754-5BF4-4E83-9615-DB14FA25AF8A}" dt="2023-10-12T11:38:08.274" v="295"/>
          <ac:spMkLst>
            <pc:docMk/>
            <pc:sldMk cId="2376958513" sldId="260"/>
            <ac:spMk id="6060" creationId="{E948B1F8-AEBD-0C36-0E65-CEEC3AFD231C}"/>
          </ac:spMkLst>
        </pc:spChg>
        <pc:spChg chg="mod">
          <ac:chgData name="White, Alex" userId="eff6cc8c-37d8-483b-9c6c-6b27e9afa9bc" providerId="ADAL" clId="{BF04C754-5BF4-4E83-9615-DB14FA25AF8A}" dt="2023-10-12T11:38:08.274" v="295"/>
          <ac:spMkLst>
            <pc:docMk/>
            <pc:sldMk cId="2376958513" sldId="260"/>
            <ac:spMk id="6061" creationId="{0FC260A5-E484-38C2-71C1-263F9065E3BE}"/>
          </ac:spMkLst>
        </pc:spChg>
        <pc:spChg chg="mod">
          <ac:chgData name="White, Alex" userId="eff6cc8c-37d8-483b-9c6c-6b27e9afa9bc" providerId="ADAL" clId="{BF04C754-5BF4-4E83-9615-DB14FA25AF8A}" dt="2023-10-12T11:38:08.274" v="295"/>
          <ac:spMkLst>
            <pc:docMk/>
            <pc:sldMk cId="2376958513" sldId="260"/>
            <ac:spMk id="6062" creationId="{ED6EE289-18AA-5052-D5B8-C9CD27AB5C0F}"/>
          </ac:spMkLst>
        </pc:spChg>
        <pc:spChg chg="mod">
          <ac:chgData name="White, Alex" userId="eff6cc8c-37d8-483b-9c6c-6b27e9afa9bc" providerId="ADAL" clId="{BF04C754-5BF4-4E83-9615-DB14FA25AF8A}" dt="2023-10-12T11:38:08.274" v="295"/>
          <ac:spMkLst>
            <pc:docMk/>
            <pc:sldMk cId="2376958513" sldId="260"/>
            <ac:spMk id="6063" creationId="{A05D6D30-71ED-6205-4B12-625C8D37BD12}"/>
          </ac:spMkLst>
        </pc:spChg>
        <pc:spChg chg="mod">
          <ac:chgData name="White, Alex" userId="eff6cc8c-37d8-483b-9c6c-6b27e9afa9bc" providerId="ADAL" clId="{BF04C754-5BF4-4E83-9615-DB14FA25AF8A}" dt="2023-10-12T11:38:08.274" v="295"/>
          <ac:spMkLst>
            <pc:docMk/>
            <pc:sldMk cId="2376958513" sldId="260"/>
            <ac:spMk id="6064" creationId="{75134D08-822F-6A8D-EC0C-6C4F4B419132}"/>
          </ac:spMkLst>
        </pc:spChg>
        <pc:spChg chg="mod">
          <ac:chgData name="White, Alex" userId="eff6cc8c-37d8-483b-9c6c-6b27e9afa9bc" providerId="ADAL" clId="{BF04C754-5BF4-4E83-9615-DB14FA25AF8A}" dt="2023-10-12T11:38:08.274" v="295"/>
          <ac:spMkLst>
            <pc:docMk/>
            <pc:sldMk cId="2376958513" sldId="260"/>
            <ac:spMk id="6065" creationId="{741990B7-1CF9-137A-5F0D-77B4107179DF}"/>
          </ac:spMkLst>
        </pc:spChg>
        <pc:spChg chg="mod">
          <ac:chgData name="White, Alex" userId="eff6cc8c-37d8-483b-9c6c-6b27e9afa9bc" providerId="ADAL" clId="{BF04C754-5BF4-4E83-9615-DB14FA25AF8A}" dt="2023-10-12T11:38:08.274" v="295"/>
          <ac:spMkLst>
            <pc:docMk/>
            <pc:sldMk cId="2376958513" sldId="260"/>
            <ac:spMk id="6066" creationId="{5D4C1B99-BD3E-099F-256D-408B24298788}"/>
          </ac:spMkLst>
        </pc:spChg>
        <pc:spChg chg="mod">
          <ac:chgData name="White, Alex" userId="eff6cc8c-37d8-483b-9c6c-6b27e9afa9bc" providerId="ADAL" clId="{BF04C754-5BF4-4E83-9615-DB14FA25AF8A}" dt="2023-10-12T11:38:08.274" v="295"/>
          <ac:spMkLst>
            <pc:docMk/>
            <pc:sldMk cId="2376958513" sldId="260"/>
            <ac:spMk id="6067" creationId="{59581730-5E56-ACAC-338D-C85A06E0EEB6}"/>
          </ac:spMkLst>
        </pc:spChg>
        <pc:spChg chg="mod">
          <ac:chgData name="White, Alex" userId="eff6cc8c-37d8-483b-9c6c-6b27e9afa9bc" providerId="ADAL" clId="{BF04C754-5BF4-4E83-9615-DB14FA25AF8A}" dt="2023-10-12T11:38:08.274" v="295"/>
          <ac:spMkLst>
            <pc:docMk/>
            <pc:sldMk cId="2376958513" sldId="260"/>
            <ac:spMk id="6068" creationId="{009A9916-70DC-A618-C4A2-E725C9085700}"/>
          </ac:spMkLst>
        </pc:spChg>
        <pc:spChg chg="mod">
          <ac:chgData name="White, Alex" userId="eff6cc8c-37d8-483b-9c6c-6b27e9afa9bc" providerId="ADAL" clId="{BF04C754-5BF4-4E83-9615-DB14FA25AF8A}" dt="2023-10-12T11:38:08.274" v="295"/>
          <ac:spMkLst>
            <pc:docMk/>
            <pc:sldMk cId="2376958513" sldId="260"/>
            <ac:spMk id="6069" creationId="{93B8AABC-FC32-2E2A-0F08-B3D9816274E7}"/>
          </ac:spMkLst>
        </pc:spChg>
        <pc:spChg chg="mod">
          <ac:chgData name="White, Alex" userId="eff6cc8c-37d8-483b-9c6c-6b27e9afa9bc" providerId="ADAL" clId="{BF04C754-5BF4-4E83-9615-DB14FA25AF8A}" dt="2023-10-12T11:38:08.274" v="295"/>
          <ac:spMkLst>
            <pc:docMk/>
            <pc:sldMk cId="2376958513" sldId="260"/>
            <ac:spMk id="6070" creationId="{C9C91ED5-6758-6A52-1BDB-C14AA4181A45}"/>
          </ac:spMkLst>
        </pc:spChg>
        <pc:spChg chg="mod">
          <ac:chgData name="White, Alex" userId="eff6cc8c-37d8-483b-9c6c-6b27e9afa9bc" providerId="ADAL" clId="{BF04C754-5BF4-4E83-9615-DB14FA25AF8A}" dt="2023-10-12T11:38:08.274" v="295"/>
          <ac:spMkLst>
            <pc:docMk/>
            <pc:sldMk cId="2376958513" sldId="260"/>
            <ac:spMk id="6071" creationId="{3F8FB30C-740B-283B-2C5C-064F0A04C2A3}"/>
          </ac:spMkLst>
        </pc:spChg>
        <pc:spChg chg="mod">
          <ac:chgData name="White, Alex" userId="eff6cc8c-37d8-483b-9c6c-6b27e9afa9bc" providerId="ADAL" clId="{BF04C754-5BF4-4E83-9615-DB14FA25AF8A}" dt="2023-10-12T11:38:08.274" v="295"/>
          <ac:spMkLst>
            <pc:docMk/>
            <pc:sldMk cId="2376958513" sldId="260"/>
            <ac:spMk id="6072" creationId="{7D1D2AB8-EF7E-9E6A-7C2F-FBABD2CFF7B7}"/>
          </ac:spMkLst>
        </pc:spChg>
        <pc:spChg chg="mod">
          <ac:chgData name="White, Alex" userId="eff6cc8c-37d8-483b-9c6c-6b27e9afa9bc" providerId="ADAL" clId="{BF04C754-5BF4-4E83-9615-DB14FA25AF8A}" dt="2023-10-12T11:38:08.274" v="295"/>
          <ac:spMkLst>
            <pc:docMk/>
            <pc:sldMk cId="2376958513" sldId="260"/>
            <ac:spMk id="6073" creationId="{9E45ABE6-1A2B-6BB8-8C7C-62B85A254F91}"/>
          </ac:spMkLst>
        </pc:spChg>
        <pc:spChg chg="mod">
          <ac:chgData name="White, Alex" userId="eff6cc8c-37d8-483b-9c6c-6b27e9afa9bc" providerId="ADAL" clId="{BF04C754-5BF4-4E83-9615-DB14FA25AF8A}" dt="2023-10-12T11:38:08.274" v="295"/>
          <ac:spMkLst>
            <pc:docMk/>
            <pc:sldMk cId="2376958513" sldId="260"/>
            <ac:spMk id="6074" creationId="{594D785B-9B71-CD7C-B275-20E37C9E2BCD}"/>
          </ac:spMkLst>
        </pc:spChg>
        <pc:spChg chg="mod">
          <ac:chgData name="White, Alex" userId="eff6cc8c-37d8-483b-9c6c-6b27e9afa9bc" providerId="ADAL" clId="{BF04C754-5BF4-4E83-9615-DB14FA25AF8A}" dt="2023-10-12T11:38:08.274" v="295"/>
          <ac:spMkLst>
            <pc:docMk/>
            <pc:sldMk cId="2376958513" sldId="260"/>
            <ac:spMk id="6075" creationId="{55B53C61-7A3F-BB7A-18BB-942B090475FA}"/>
          </ac:spMkLst>
        </pc:spChg>
        <pc:spChg chg="mod">
          <ac:chgData name="White, Alex" userId="eff6cc8c-37d8-483b-9c6c-6b27e9afa9bc" providerId="ADAL" clId="{BF04C754-5BF4-4E83-9615-DB14FA25AF8A}" dt="2023-10-12T11:38:08.274" v="295"/>
          <ac:spMkLst>
            <pc:docMk/>
            <pc:sldMk cId="2376958513" sldId="260"/>
            <ac:spMk id="6076" creationId="{9CE74F77-BFCB-9AA3-2CCA-E2A675E1DF98}"/>
          </ac:spMkLst>
        </pc:spChg>
        <pc:spChg chg="mod">
          <ac:chgData name="White, Alex" userId="eff6cc8c-37d8-483b-9c6c-6b27e9afa9bc" providerId="ADAL" clId="{BF04C754-5BF4-4E83-9615-DB14FA25AF8A}" dt="2023-10-12T11:38:08.274" v="295"/>
          <ac:spMkLst>
            <pc:docMk/>
            <pc:sldMk cId="2376958513" sldId="260"/>
            <ac:spMk id="6077" creationId="{59BD480D-4A7C-BB97-B66C-AA6946D27EF6}"/>
          </ac:spMkLst>
        </pc:spChg>
        <pc:spChg chg="mod">
          <ac:chgData name="White, Alex" userId="eff6cc8c-37d8-483b-9c6c-6b27e9afa9bc" providerId="ADAL" clId="{BF04C754-5BF4-4E83-9615-DB14FA25AF8A}" dt="2023-10-12T11:38:08.274" v="295"/>
          <ac:spMkLst>
            <pc:docMk/>
            <pc:sldMk cId="2376958513" sldId="260"/>
            <ac:spMk id="6078" creationId="{B989D5F9-7012-E496-03F2-8346A556E11B}"/>
          </ac:spMkLst>
        </pc:spChg>
        <pc:spChg chg="mod">
          <ac:chgData name="White, Alex" userId="eff6cc8c-37d8-483b-9c6c-6b27e9afa9bc" providerId="ADAL" clId="{BF04C754-5BF4-4E83-9615-DB14FA25AF8A}" dt="2023-10-12T11:38:08.274" v="295"/>
          <ac:spMkLst>
            <pc:docMk/>
            <pc:sldMk cId="2376958513" sldId="260"/>
            <ac:spMk id="6079" creationId="{2E0509F3-B4E2-0CD1-6039-70911CB25F52}"/>
          </ac:spMkLst>
        </pc:spChg>
        <pc:spChg chg="mod">
          <ac:chgData name="White, Alex" userId="eff6cc8c-37d8-483b-9c6c-6b27e9afa9bc" providerId="ADAL" clId="{BF04C754-5BF4-4E83-9615-DB14FA25AF8A}" dt="2023-10-12T11:38:08.274" v="295"/>
          <ac:spMkLst>
            <pc:docMk/>
            <pc:sldMk cId="2376958513" sldId="260"/>
            <ac:spMk id="6080" creationId="{AC65B79B-322D-D481-70AD-4475338DF485}"/>
          </ac:spMkLst>
        </pc:spChg>
        <pc:spChg chg="mod">
          <ac:chgData name="White, Alex" userId="eff6cc8c-37d8-483b-9c6c-6b27e9afa9bc" providerId="ADAL" clId="{BF04C754-5BF4-4E83-9615-DB14FA25AF8A}" dt="2023-10-12T11:38:08.274" v="295"/>
          <ac:spMkLst>
            <pc:docMk/>
            <pc:sldMk cId="2376958513" sldId="260"/>
            <ac:spMk id="6081" creationId="{13CB3984-8CA5-2A52-6421-0419CFD7E2F5}"/>
          </ac:spMkLst>
        </pc:spChg>
        <pc:spChg chg="mod">
          <ac:chgData name="White, Alex" userId="eff6cc8c-37d8-483b-9c6c-6b27e9afa9bc" providerId="ADAL" clId="{BF04C754-5BF4-4E83-9615-DB14FA25AF8A}" dt="2023-10-12T11:38:08.274" v="295"/>
          <ac:spMkLst>
            <pc:docMk/>
            <pc:sldMk cId="2376958513" sldId="260"/>
            <ac:spMk id="6082" creationId="{B2B39ECD-8491-FD6D-1AA2-A7EE123796CC}"/>
          </ac:spMkLst>
        </pc:spChg>
        <pc:spChg chg="mod">
          <ac:chgData name="White, Alex" userId="eff6cc8c-37d8-483b-9c6c-6b27e9afa9bc" providerId="ADAL" clId="{BF04C754-5BF4-4E83-9615-DB14FA25AF8A}" dt="2023-10-12T11:38:08.274" v="295"/>
          <ac:spMkLst>
            <pc:docMk/>
            <pc:sldMk cId="2376958513" sldId="260"/>
            <ac:spMk id="6083" creationId="{DDBD3AF0-81E0-D51B-28D4-3F18BF98F56E}"/>
          </ac:spMkLst>
        </pc:spChg>
        <pc:spChg chg="mod">
          <ac:chgData name="White, Alex" userId="eff6cc8c-37d8-483b-9c6c-6b27e9afa9bc" providerId="ADAL" clId="{BF04C754-5BF4-4E83-9615-DB14FA25AF8A}" dt="2023-10-12T11:38:08.274" v="295"/>
          <ac:spMkLst>
            <pc:docMk/>
            <pc:sldMk cId="2376958513" sldId="260"/>
            <ac:spMk id="6084" creationId="{F9C6813B-24A4-6017-2E9E-F919FAB43259}"/>
          </ac:spMkLst>
        </pc:spChg>
        <pc:spChg chg="mod">
          <ac:chgData name="White, Alex" userId="eff6cc8c-37d8-483b-9c6c-6b27e9afa9bc" providerId="ADAL" clId="{BF04C754-5BF4-4E83-9615-DB14FA25AF8A}" dt="2023-10-12T11:38:08.274" v="295"/>
          <ac:spMkLst>
            <pc:docMk/>
            <pc:sldMk cId="2376958513" sldId="260"/>
            <ac:spMk id="6085" creationId="{E4B73A4C-4CB7-842B-D601-5B57D702C89A}"/>
          </ac:spMkLst>
        </pc:spChg>
        <pc:spChg chg="mod">
          <ac:chgData name="White, Alex" userId="eff6cc8c-37d8-483b-9c6c-6b27e9afa9bc" providerId="ADAL" clId="{BF04C754-5BF4-4E83-9615-DB14FA25AF8A}" dt="2023-10-12T11:38:08.274" v="295"/>
          <ac:spMkLst>
            <pc:docMk/>
            <pc:sldMk cId="2376958513" sldId="260"/>
            <ac:spMk id="6086" creationId="{C4A14F30-631E-6E7F-F5AC-9A0117E5AD2C}"/>
          </ac:spMkLst>
        </pc:spChg>
        <pc:spChg chg="mod">
          <ac:chgData name="White, Alex" userId="eff6cc8c-37d8-483b-9c6c-6b27e9afa9bc" providerId="ADAL" clId="{BF04C754-5BF4-4E83-9615-DB14FA25AF8A}" dt="2023-10-12T11:38:08.274" v="295"/>
          <ac:spMkLst>
            <pc:docMk/>
            <pc:sldMk cId="2376958513" sldId="260"/>
            <ac:spMk id="6087" creationId="{4E5C93D0-D28C-52B5-0B7A-5EB2B562AA6B}"/>
          </ac:spMkLst>
        </pc:spChg>
        <pc:spChg chg="mod">
          <ac:chgData name="White, Alex" userId="eff6cc8c-37d8-483b-9c6c-6b27e9afa9bc" providerId="ADAL" clId="{BF04C754-5BF4-4E83-9615-DB14FA25AF8A}" dt="2023-10-12T11:38:08.274" v="295"/>
          <ac:spMkLst>
            <pc:docMk/>
            <pc:sldMk cId="2376958513" sldId="260"/>
            <ac:spMk id="6088" creationId="{E5723C2E-D339-79F5-1929-7D7233409A0B}"/>
          </ac:spMkLst>
        </pc:spChg>
        <pc:spChg chg="mod">
          <ac:chgData name="White, Alex" userId="eff6cc8c-37d8-483b-9c6c-6b27e9afa9bc" providerId="ADAL" clId="{BF04C754-5BF4-4E83-9615-DB14FA25AF8A}" dt="2023-10-12T11:38:08.274" v="295"/>
          <ac:spMkLst>
            <pc:docMk/>
            <pc:sldMk cId="2376958513" sldId="260"/>
            <ac:spMk id="6089" creationId="{9345CBBD-58EF-4122-9C66-691BAC028D9A}"/>
          </ac:spMkLst>
        </pc:spChg>
        <pc:spChg chg="mod">
          <ac:chgData name="White, Alex" userId="eff6cc8c-37d8-483b-9c6c-6b27e9afa9bc" providerId="ADAL" clId="{BF04C754-5BF4-4E83-9615-DB14FA25AF8A}" dt="2023-10-12T11:38:08.274" v="295"/>
          <ac:spMkLst>
            <pc:docMk/>
            <pc:sldMk cId="2376958513" sldId="260"/>
            <ac:spMk id="6090" creationId="{FC8DA16D-82C6-3F66-410A-EB104DA35453}"/>
          </ac:spMkLst>
        </pc:spChg>
        <pc:spChg chg="mod">
          <ac:chgData name="White, Alex" userId="eff6cc8c-37d8-483b-9c6c-6b27e9afa9bc" providerId="ADAL" clId="{BF04C754-5BF4-4E83-9615-DB14FA25AF8A}" dt="2023-10-12T11:38:08.274" v="295"/>
          <ac:spMkLst>
            <pc:docMk/>
            <pc:sldMk cId="2376958513" sldId="260"/>
            <ac:spMk id="6091" creationId="{ABF2B7E5-5474-ADD7-58CC-29471A5837FE}"/>
          </ac:spMkLst>
        </pc:spChg>
        <pc:spChg chg="mod">
          <ac:chgData name="White, Alex" userId="eff6cc8c-37d8-483b-9c6c-6b27e9afa9bc" providerId="ADAL" clId="{BF04C754-5BF4-4E83-9615-DB14FA25AF8A}" dt="2023-10-12T11:38:08.274" v="295"/>
          <ac:spMkLst>
            <pc:docMk/>
            <pc:sldMk cId="2376958513" sldId="260"/>
            <ac:spMk id="6092" creationId="{C7E804DF-B7FE-197C-8DF3-4255A288B3F3}"/>
          </ac:spMkLst>
        </pc:spChg>
        <pc:spChg chg="mod">
          <ac:chgData name="White, Alex" userId="eff6cc8c-37d8-483b-9c6c-6b27e9afa9bc" providerId="ADAL" clId="{BF04C754-5BF4-4E83-9615-DB14FA25AF8A}" dt="2023-10-12T11:38:08.274" v="295"/>
          <ac:spMkLst>
            <pc:docMk/>
            <pc:sldMk cId="2376958513" sldId="260"/>
            <ac:spMk id="6093" creationId="{E4C715D4-2C7B-A5EE-A252-0CD3BBB4E006}"/>
          </ac:spMkLst>
        </pc:spChg>
        <pc:spChg chg="mod">
          <ac:chgData name="White, Alex" userId="eff6cc8c-37d8-483b-9c6c-6b27e9afa9bc" providerId="ADAL" clId="{BF04C754-5BF4-4E83-9615-DB14FA25AF8A}" dt="2023-10-12T11:38:08.274" v="295"/>
          <ac:spMkLst>
            <pc:docMk/>
            <pc:sldMk cId="2376958513" sldId="260"/>
            <ac:spMk id="6094" creationId="{8B72DBA6-8BB9-BFE3-12FB-7A427D54BD66}"/>
          </ac:spMkLst>
        </pc:spChg>
        <pc:spChg chg="mod">
          <ac:chgData name="White, Alex" userId="eff6cc8c-37d8-483b-9c6c-6b27e9afa9bc" providerId="ADAL" clId="{BF04C754-5BF4-4E83-9615-DB14FA25AF8A}" dt="2023-10-12T11:38:08.274" v="295"/>
          <ac:spMkLst>
            <pc:docMk/>
            <pc:sldMk cId="2376958513" sldId="260"/>
            <ac:spMk id="6095" creationId="{710452FE-0386-CD00-968A-B4C8021604E3}"/>
          </ac:spMkLst>
        </pc:spChg>
        <pc:spChg chg="mod">
          <ac:chgData name="White, Alex" userId="eff6cc8c-37d8-483b-9c6c-6b27e9afa9bc" providerId="ADAL" clId="{BF04C754-5BF4-4E83-9615-DB14FA25AF8A}" dt="2023-10-12T11:38:08.274" v="295"/>
          <ac:spMkLst>
            <pc:docMk/>
            <pc:sldMk cId="2376958513" sldId="260"/>
            <ac:spMk id="6096" creationId="{4689026A-EFDE-4908-D6FF-8B177F6491F0}"/>
          </ac:spMkLst>
        </pc:spChg>
        <pc:spChg chg="mod">
          <ac:chgData name="White, Alex" userId="eff6cc8c-37d8-483b-9c6c-6b27e9afa9bc" providerId="ADAL" clId="{BF04C754-5BF4-4E83-9615-DB14FA25AF8A}" dt="2023-10-12T11:38:08.274" v="295"/>
          <ac:spMkLst>
            <pc:docMk/>
            <pc:sldMk cId="2376958513" sldId="260"/>
            <ac:spMk id="6097" creationId="{C2DB2641-619D-0E21-5130-1B85E2F0E09D}"/>
          </ac:spMkLst>
        </pc:spChg>
        <pc:spChg chg="mod">
          <ac:chgData name="White, Alex" userId="eff6cc8c-37d8-483b-9c6c-6b27e9afa9bc" providerId="ADAL" clId="{BF04C754-5BF4-4E83-9615-DB14FA25AF8A}" dt="2023-10-12T11:38:08.274" v="295"/>
          <ac:spMkLst>
            <pc:docMk/>
            <pc:sldMk cId="2376958513" sldId="260"/>
            <ac:spMk id="6098" creationId="{DD22110A-6A41-4C9D-6771-1EF2A005BE5A}"/>
          </ac:spMkLst>
        </pc:spChg>
        <pc:spChg chg="mod">
          <ac:chgData name="White, Alex" userId="eff6cc8c-37d8-483b-9c6c-6b27e9afa9bc" providerId="ADAL" clId="{BF04C754-5BF4-4E83-9615-DB14FA25AF8A}" dt="2023-10-12T11:38:08.274" v="295"/>
          <ac:spMkLst>
            <pc:docMk/>
            <pc:sldMk cId="2376958513" sldId="260"/>
            <ac:spMk id="6099" creationId="{33065538-F28C-BD6A-821B-23DEE00DF7E7}"/>
          </ac:spMkLst>
        </pc:spChg>
        <pc:spChg chg="mod">
          <ac:chgData name="White, Alex" userId="eff6cc8c-37d8-483b-9c6c-6b27e9afa9bc" providerId="ADAL" clId="{BF04C754-5BF4-4E83-9615-DB14FA25AF8A}" dt="2023-10-12T11:38:08.274" v="295"/>
          <ac:spMkLst>
            <pc:docMk/>
            <pc:sldMk cId="2376958513" sldId="260"/>
            <ac:spMk id="6100" creationId="{B39955CD-7B67-6D32-13DE-2ECB7F13F627}"/>
          </ac:spMkLst>
        </pc:spChg>
        <pc:spChg chg="mod">
          <ac:chgData name="White, Alex" userId="eff6cc8c-37d8-483b-9c6c-6b27e9afa9bc" providerId="ADAL" clId="{BF04C754-5BF4-4E83-9615-DB14FA25AF8A}" dt="2023-10-12T11:38:08.274" v="295"/>
          <ac:spMkLst>
            <pc:docMk/>
            <pc:sldMk cId="2376958513" sldId="260"/>
            <ac:spMk id="6101" creationId="{2EDDEB5E-9860-123C-54F2-3C932D35D1CC}"/>
          </ac:spMkLst>
        </pc:spChg>
        <pc:spChg chg="mod">
          <ac:chgData name="White, Alex" userId="eff6cc8c-37d8-483b-9c6c-6b27e9afa9bc" providerId="ADAL" clId="{BF04C754-5BF4-4E83-9615-DB14FA25AF8A}" dt="2023-10-12T11:38:08.274" v="295"/>
          <ac:spMkLst>
            <pc:docMk/>
            <pc:sldMk cId="2376958513" sldId="260"/>
            <ac:spMk id="6102" creationId="{68FFD55F-CF46-19B9-7331-3E681B498BF0}"/>
          </ac:spMkLst>
        </pc:spChg>
        <pc:spChg chg="mod">
          <ac:chgData name="White, Alex" userId="eff6cc8c-37d8-483b-9c6c-6b27e9afa9bc" providerId="ADAL" clId="{BF04C754-5BF4-4E83-9615-DB14FA25AF8A}" dt="2023-10-12T11:38:08.274" v="295"/>
          <ac:spMkLst>
            <pc:docMk/>
            <pc:sldMk cId="2376958513" sldId="260"/>
            <ac:spMk id="6103" creationId="{02B6EF35-46A3-C18B-218E-B62BCB7D9BC1}"/>
          </ac:spMkLst>
        </pc:spChg>
        <pc:spChg chg="mod">
          <ac:chgData name="White, Alex" userId="eff6cc8c-37d8-483b-9c6c-6b27e9afa9bc" providerId="ADAL" clId="{BF04C754-5BF4-4E83-9615-DB14FA25AF8A}" dt="2023-10-12T11:38:08.274" v="295"/>
          <ac:spMkLst>
            <pc:docMk/>
            <pc:sldMk cId="2376958513" sldId="260"/>
            <ac:spMk id="6104" creationId="{BE6FEAA6-70F2-C51A-EE7A-63430C72B4BB}"/>
          </ac:spMkLst>
        </pc:spChg>
        <pc:spChg chg="mod">
          <ac:chgData name="White, Alex" userId="eff6cc8c-37d8-483b-9c6c-6b27e9afa9bc" providerId="ADAL" clId="{BF04C754-5BF4-4E83-9615-DB14FA25AF8A}" dt="2023-10-12T11:38:08.274" v="295"/>
          <ac:spMkLst>
            <pc:docMk/>
            <pc:sldMk cId="2376958513" sldId="260"/>
            <ac:spMk id="6105" creationId="{461E7568-2AEE-8275-DD1C-767E09625F7B}"/>
          </ac:spMkLst>
        </pc:spChg>
        <pc:spChg chg="mod">
          <ac:chgData name="White, Alex" userId="eff6cc8c-37d8-483b-9c6c-6b27e9afa9bc" providerId="ADAL" clId="{BF04C754-5BF4-4E83-9615-DB14FA25AF8A}" dt="2023-10-12T11:38:08.274" v="295"/>
          <ac:spMkLst>
            <pc:docMk/>
            <pc:sldMk cId="2376958513" sldId="260"/>
            <ac:spMk id="6106" creationId="{38BCE06B-A490-259F-03C8-EA73D9CEEC75}"/>
          </ac:spMkLst>
        </pc:spChg>
        <pc:spChg chg="mod">
          <ac:chgData name="White, Alex" userId="eff6cc8c-37d8-483b-9c6c-6b27e9afa9bc" providerId="ADAL" clId="{BF04C754-5BF4-4E83-9615-DB14FA25AF8A}" dt="2023-10-12T11:38:08.274" v="295"/>
          <ac:spMkLst>
            <pc:docMk/>
            <pc:sldMk cId="2376958513" sldId="260"/>
            <ac:spMk id="6107" creationId="{C7DCE293-700E-3982-58BB-CB5DA479BC33}"/>
          </ac:spMkLst>
        </pc:spChg>
        <pc:spChg chg="mod">
          <ac:chgData name="White, Alex" userId="eff6cc8c-37d8-483b-9c6c-6b27e9afa9bc" providerId="ADAL" clId="{BF04C754-5BF4-4E83-9615-DB14FA25AF8A}" dt="2023-10-12T11:38:08.274" v="295"/>
          <ac:spMkLst>
            <pc:docMk/>
            <pc:sldMk cId="2376958513" sldId="260"/>
            <ac:spMk id="6108" creationId="{7863A179-B469-7293-792B-43662AC289CB}"/>
          </ac:spMkLst>
        </pc:spChg>
        <pc:spChg chg="mod">
          <ac:chgData name="White, Alex" userId="eff6cc8c-37d8-483b-9c6c-6b27e9afa9bc" providerId="ADAL" clId="{BF04C754-5BF4-4E83-9615-DB14FA25AF8A}" dt="2023-10-12T11:38:08.274" v="295"/>
          <ac:spMkLst>
            <pc:docMk/>
            <pc:sldMk cId="2376958513" sldId="260"/>
            <ac:spMk id="6109" creationId="{A85AC34D-FBCB-CD66-40CC-FECD2138C88A}"/>
          </ac:spMkLst>
        </pc:spChg>
        <pc:spChg chg="mod">
          <ac:chgData name="White, Alex" userId="eff6cc8c-37d8-483b-9c6c-6b27e9afa9bc" providerId="ADAL" clId="{BF04C754-5BF4-4E83-9615-DB14FA25AF8A}" dt="2023-10-12T11:38:08.274" v="295"/>
          <ac:spMkLst>
            <pc:docMk/>
            <pc:sldMk cId="2376958513" sldId="260"/>
            <ac:spMk id="6110" creationId="{E51757F7-1CD6-C9C6-E5E3-F5F048A6DB17}"/>
          </ac:spMkLst>
        </pc:spChg>
        <pc:spChg chg="mod">
          <ac:chgData name="White, Alex" userId="eff6cc8c-37d8-483b-9c6c-6b27e9afa9bc" providerId="ADAL" clId="{BF04C754-5BF4-4E83-9615-DB14FA25AF8A}" dt="2023-10-12T11:38:08.274" v="295"/>
          <ac:spMkLst>
            <pc:docMk/>
            <pc:sldMk cId="2376958513" sldId="260"/>
            <ac:spMk id="6111" creationId="{786BACA7-B248-8635-5278-1C06E14E3F5E}"/>
          </ac:spMkLst>
        </pc:spChg>
        <pc:spChg chg="mod">
          <ac:chgData name="White, Alex" userId="eff6cc8c-37d8-483b-9c6c-6b27e9afa9bc" providerId="ADAL" clId="{BF04C754-5BF4-4E83-9615-DB14FA25AF8A}" dt="2023-10-12T11:38:08.274" v="295"/>
          <ac:spMkLst>
            <pc:docMk/>
            <pc:sldMk cId="2376958513" sldId="260"/>
            <ac:spMk id="6112" creationId="{E56B17DA-5801-6FBF-24D6-288D3884F53A}"/>
          </ac:spMkLst>
        </pc:spChg>
        <pc:spChg chg="mod">
          <ac:chgData name="White, Alex" userId="eff6cc8c-37d8-483b-9c6c-6b27e9afa9bc" providerId="ADAL" clId="{BF04C754-5BF4-4E83-9615-DB14FA25AF8A}" dt="2023-10-12T11:38:08.274" v="295"/>
          <ac:spMkLst>
            <pc:docMk/>
            <pc:sldMk cId="2376958513" sldId="260"/>
            <ac:spMk id="6113" creationId="{96EA9A1B-377C-C305-5CC1-9D23C05FD53B}"/>
          </ac:spMkLst>
        </pc:spChg>
        <pc:spChg chg="mod">
          <ac:chgData name="White, Alex" userId="eff6cc8c-37d8-483b-9c6c-6b27e9afa9bc" providerId="ADAL" clId="{BF04C754-5BF4-4E83-9615-DB14FA25AF8A}" dt="2023-10-12T11:38:08.274" v="295"/>
          <ac:spMkLst>
            <pc:docMk/>
            <pc:sldMk cId="2376958513" sldId="260"/>
            <ac:spMk id="6114" creationId="{2B235F72-4CFA-E945-D24E-0A4BCB18C9FF}"/>
          </ac:spMkLst>
        </pc:spChg>
        <pc:spChg chg="mod">
          <ac:chgData name="White, Alex" userId="eff6cc8c-37d8-483b-9c6c-6b27e9afa9bc" providerId="ADAL" clId="{BF04C754-5BF4-4E83-9615-DB14FA25AF8A}" dt="2023-10-12T11:38:08.274" v="295"/>
          <ac:spMkLst>
            <pc:docMk/>
            <pc:sldMk cId="2376958513" sldId="260"/>
            <ac:spMk id="6115" creationId="{E2BF477C-E7CE-527B-7B2C-1AE029CF0B49}"/>
          </ac:spMkLst>
        </pc:spChg>
        <pc:spChg chg="mod">
          <ac:chgData name="White, Alex" userId="eff6cc8c-37d8-483b-9c6c-6b27e9afa9bc" providerId="ADAL" clId="{BF04C754-5BF4-4E83-9615-DB14FA25AF8A}" dt="2023-10-12T11:38:08.274" v="295"/>
          <ac:spMkLst>
            <pc:docMk/>
            <pc:sldMk cId="2376958513" sldId="260"/>
            <ac:spMk id="6116" creationId="{A3375300-57AD-3303-D43F-BB7D6600D9AC}"/>
          </ac:spMkLst>
        </pc:spChg>
        <pc:spChg chg="mod">
          <ac:chgData name="White, Alex" userId="eff6cc8c-37d8-483b-9c6c-6b27e9afa9bc" providerId="ADAL" clId="{BF04C754-5BF4-4E83-9615-DB14FA25AF8A}" dt="2023-10-12T11:38:08.274" v="295"/>
          <ac:spMkLst>
            <pc:docMk/>
            <pc:sldMk cId="2376958513" sldId="260"/>
            <ac:spMk id="6117" creationId="{B9B5B57B-7E7D-66D1-2E2D-746DBD76A0D9}"/>
          </ac:spMkLst>
        </pc:spChg>
        <pc:spChg chg="mod">
          <ac:chgData name="White, Alex" userId="eff6cc8c-37d8-483b-9c6c-6b27e9afa9bc" providerId="ADAL" clId="{BF04C754-5BF4-4E83-9615-DB14FA25AF8A}" dt="2023-10-12T11:38:08.274" v="295"/>
          <ac:spMkLst>
            <pc:docMk/>
            <pc:sldMk cId="2376958513" sldId="260"/>
            <ac:spMk id="6118" creationId="{E1E4D1D3-6ABB-1D7D-2F81-0D9D68C69C5C}"/>
          </ac:spMkLst>
        </pc:spChg>
        <pc:spChg chg="mod">
          <ac:chgData name="White, Alex" userId="eff6cc8c-37d8-483b-9c6c-6b27e9afa9bc" providerId="ADAL" clId="{BF04C754-5BF4-4E83-9615-DB14FA25AF8A}" dt="2023-10-12T11:38:08.274" v="295"/>
          <ac:spMkLst>
            <pc:docMk/>
            <pc:sldMk cId="2376958513" sldId="260"/>
            <ac:spMk id="6119" creationId="{A406B3EC-31F4-216E-1274-E3B583D4B845}"/>
          </ac:spMkLst>
        </pc:spChg>
        <pc:spChg chg="mod">
          <ac:chgData name="White, Alex" userId="eff6cc8c-37d8-483b-9c6c-6b27e9afa9bc" providerId="ADAL" clId="{BF04C754-5BF4-4E83-9615-DB14FA25AF8A}" dt="2023-10-12T11:38:08.274" v="295"/>
          <ac:spMkLst>
            <pc:docMk/>
            <pc:sldMk cId="2376958513" sldId="260"/>
            <ac:spMk id="6120" creationId="{885EADC5-30A0-4515-EA08-F52305CBC1DC}"/>
          </ac:spMkLst>
        </pc:spChg>
        <pc:spChg chg="mod">
          <ac:chgData name="White, Alex" userId="eff6cc8c-37d8-483b-9c6c-6b27e9afa9bc" providerId="ADAL" clId="{BF04C754-5BF4-4E83-9615-DB14FA25AF8A}" dt="2023-10-12T11:38:08.274" v="295"/>
          <ac:spMkLst>
            <pc:docMk/>
            <pc:sldMk cId="2376958513" sldId="260"/>
            <ac:spMk id="6121" creationId="{0EF59822-DA1A-6F10-FAB0-73A81E4DE783}"/>
          </ac:spMkLst>
        </pc:spChg>
        <pc:spChg chg="mod">
          <ac:chgData name="White, Alex" userId="eff6cc8c-37d8-483b-9c6c-6b27e9afa9bc" providerId="ADAL" clId="{BF04C754-5BF4-4E83-9615-DB14FA25AF8A}" dt="2023-10-12T11:38:08.274" v="295"/>
          <ac:spMkLst>
            <pc:docMk/>
            <pc:sldMk cId="2376958513" sldId="260"/>
            <ac:spMk id="6122" creationId="{E65322AC-B5E7-572C-4A23-9CF113554808}"/>
          </ac:spMkLst>
        </pc:spChg>
        <pc:spChg chg="mod">
          <ac:chgData name="White, Alex" userId="eff6cc8c-37d8-483b-9c6c-6b27e9afa9bc" providerId="ADAL" clId="{BF04C754-5BF4-4E83-9615-DB14FA25AF8A}" dt="2023-10-12T11:38:08.274" v="295"/>
          <ac:spMkLst>
            <pc:docMk/>
            <pc:sldMk cId="2376958513" sldId="260"/>
            <ac:spMk id="6123" creationId="{5A39BF0F-9C8E-4D68-7BF9-193BD848434C}"/>
          </ac:spMkLst>
        </pc:spChg>
        <pc:spChg chg="mod">
          <ac:chgData name="White, Alex" userId="eff6cc8c-37d8-483b-9c6c-6b27e9afa9bc" providerId="ADAL" clId="{BF04C754-5BF4-4E83-9615-DB14FA25AF8A}" dt="2023-10-12T11:38:08.274" v="295"/>
          <ac:spMkLst>
            <pc:docMk/>
            <pc:sldMk cId="2376958513" sldId="260"/>
            <ac:spMk id="6124" creationId="{91B796C4-1061-CEE8-3E87-C50D8D46B532}"/>
          </ac:spMkLst>
        </pc:spChg>
        <pc:spChg chg="mod">
          <ac:chgData name="White, Alex" userId="eff6cc8c-37d8-483b-9c6c-6b27e9afa9bc" providerId="ADAL" clId="{BF04C754-5BF4-4E83-9615-DB14FA25AF8A}" dt="2023-10-12T11:38:08.274" v="295"/>
          <ac:spMkLst>
            <pc:docMk/>
            <pc:sldMk cId="2376958513" sldId="260"/>
            <ac:spMk id="6125" creationId="{9C41F04B-BE66-BCA9-0851-775C7BEDD6C1}"/>
          </ac:spMkLst>
        </pc:spChg>
        <pc:spChg chg="mod">
          <ac:chgData name="White, Alex" userId="eff6cc8c-37d8-483b-9c6c-6b27e9afa9bc" providerId="ADAL" clId="{BF04C754-5BF4-4E83-9615-DB14FA25AF8A}" dt="2023-10-12T11:38:08.274" v="295"/>
          <ac:spMkLst>
            <pc:docMk/>
            <pc:sldMk cId="2376958513" sldId="260"/>
            <ac:spMk id="6126" creationId="{FD9F9ADB-CCA1-E4CB-F5F8-FEBEC957C93F}"/>
          </ac:spMkLst>
        </pc:spChg>
        <pc:spChg chg="mod">
          <ac:chgData name="White, Alex" userId="eff6cc8c-37d8-483b-9c6c-6b27e9afa9bc" providerId="ADAL" clId="{BF04C754-5BF4-4E83-9615-DB14FA25AF8A}" dt="2023-10-12T11:38:08.274" v="295"/>
          <ac:spMkLst>
            <pc:docMk/>
            <pc:sldMk cId="2376958513" sldId="260"/>
            <ac:spMk id="6127" creationId="{1678AE82-24D1-E295-D551-E1426E9839E3}"/>
          </ac:spMkLst>
        </pc:spChg>
        <pc:spChg chg="mod">
          <ac:chgData name="White, Alex" userId="eff6cc8c-37d8-483b-9c6c-6b27e9afa9bc" providerId="ADAL" clId="{BF04C754-5BF4-4E83-9615-DB14FA25AF8A}" dt="2023-10-12T11:38:08.274" v="295"/>
          <ac:spMkLst>
            <pc:docMk/>
            <pc:sldMk cId="2376958513" sldId="260"/>
            <ac:spMk id="6128" creationId="{727765E0-8FB1-CF4C-FA6A-067958350FF8}"/>
          </ac:spMkLst>
        </pc:spChg>
        <pc:spChg chg="mod">
          <ac:chgData name="White, Alex" userId="eff6cc8c-37d8-483b-9c6c-6b27e9afa9bc" providerId="ADAL" clId="{BF04C754-5BF4-4E83-9615-DB14FA25AF8A}" dt="2023-10-12T11:38:08.274" v="295"/>
          <ac:spMkLst>
            <pc:docMk/>
            <pc:sldMk cId="2376958513" sldId="260"/>
            <ac:spMk id="6129" creationId="{7BE1A236-3DB5-5454-90DF-6829F187FCE8}"/>
          </ac:spMkLst>
        </pc:spChg>
        <pc:spChg chg="mod">
          <ac:chgData name="White, Alex" userId="eff6cc8c-37d8-483b-9c6c-6b27e9afa9bc" providerId="ADAL" clId="{BF04C754-5BF4-4E83-9615-DB14FA25AF8A}" dt="2023-10-12T11:38:08.274" v="295"/>
          <ac:spMkLst>
            <pc:docMk/>
            <pc:sldMk cId="2376958513" sldId="260"/>
            <ac:spMk id="6130" creationId="{813FC49B-00B1-3BC9-4905-117A5ACA7CAA}"/>
          </ac:spMkLst>
        </pc:spChg>
        <pc:spChg chg="mod">
          <ac:chgData name="White, Alex" userId="eff6cc8c-37d8-483b-9c6c-6b27e9afa9bc" providerId="ADAL" clId="{BF04C754-5BF4-4E83-9615-DB14FA25AF8A}" dt="2023-10-12T11:38:08.274" v="295"/>
          <ac:spMkLst>
            <pc:docMk/>
            <pc:sldMk cId="2376958513" sldId="260"/>
            <ac:spMk id="6131" creationId="{E9F6541D-F8D8-7346-BCB5-0816321F827F}"/>
          </ac:spMkLst>
        </pc:spChg>
        <pc:spChg chg="mod">
          <ac:chgData name="White, Alex" userId="eff6cc8c-37d8-483b-9c6c-6b27e9afa9bc" providerId="ADAL" clId="{BF04C754-5BF4-4E83-9615-DB14FA25AF8A}" dt="2023-10-12T11:38:08.274" v="295"/>
          <ac:spMkLst>
            <pc:docMk/>
            <pc:sldMk cId="2376958513" sldId="260"/>
            <ac:spMk id="6132" creationId="{A1EABA32-CC8F-0E66-3568-AC88C92E52B0}"/>
          </ac:spMkLst>
        </pc:spChg>
        <pc:spChg chg="mod">
          <ac:chgData name="White, Alex" userId="eff6cc8c-37d8-483b-9c6c-6b27e9afa9bc" providerId="ADAL" clId="{BF04C754-5BF4-4E83-9615-DB14FA25AF8A}" dt="2023-10-12T11:38:08.274" v="295"/>
          <ac:spMkLst>
            <pc:docMk/>
            <pc:sldMk cId="2376958513" sldId="260"/>
            <ac:spMk id="6133" creationId="{2C33C3D4-50A7-97F3-32BD-13E34C993D92}"/>
          </ac:spMkLst>
        </pc:spChg>
        <pc:spChg chg="mod">
          <ac:chgData name="White, Alex" userId="eff6cc8c-37d8-483b-9c6c-6b27e9afa9bc" providerId="ADAL" clId="{BF04C754-5BF4-4E83-9615-DB14FA25AF8A}" dt="2023-10-12T11:38:08.274" v="295"/>
          <ac:spMkLst>
            <pc:docMk/>
            <pc:sldMk cId="2376958513" sldId="260"/>
            <ac:spMk id="6134" creationId="{8D1A6B4A-26C1-FE70-3872-4345755FAFE5}"/>
          </ac:spMkLst>
        </pc:spChg>
        <pc:spChg chg="mod">
          <ac:chgData name="White, Alex" userId="eff6cc8c-37d8-483b-9c6c-6b27e9afa9bc" providerId="ADAL" clId="{BF04C754-5BF4-4E83-9615-DB14FA25AF8A}" dt="2023-10-12T11:38:08.274" v="295"/>
          <ac:spMkLst>
            <pc:docMk/>
            <pc:sldMk cId="2376958513" sldId="260"/>
            <ac:spMk id="6135" creationId="{417E0148-5787-88CF-038F-CB76663B7C98}"/>
          </ac:spMkLst>
        </pc:spChg>
        <pc:spChg chg="mod">
          <ac:chgData name="White, Alex" userId="eff6cc8c-37d8-483b-9c6c-6b27e9afa9bc" providerId="ADAL" clId="{BF04C754-5BF4-4E83-9615-DB14FA25AF8A}" dt="2023-10-12T11:38:08.274" v="295"/>
          <ac:spMkLst>
            <pc:docMk/>
            <pc:sldMk cId="2376958513" sldId="260"/>
            <ac:spMk id="6136" creationId="{77E4867A-287D-5EB9-5092-E99A41C0500F}"/>
          </ac:spMkLst>
        </pc:spChg>
        <pc:spChg chg="mod">
          <ac:chgData name="White, Alex" userId="eff6cc8c-37d8-483b-9c6c-6b27e9afa9bc" providerId="ADAL" clId="{BF04C754-5BF4-4E83-9615-DB14FA25AF8A}" dt="2023-10-12T11:38:08.274" v="295"/>
          <ac:spMkLst>
            <pc:docMk/>
            <pc:sldMk cId="2376958513" sldId="260"/>
            <ac:spMk id="6137" creationId="{B3B09F92-4010-F368-EC02-A12B734AC2F8}"/>
          </ac:spMkLst>
        </pc:spChg>
        <pc:spChg chg="mod">
          <ac:chgData name="White, Alex" userId="eff6cc8c-37d8-483b-9c6c-6b27e9afa9bc" providerId="ADAL" clId="{BF04C754-5BF4-4E83-9615-DB14FA25AF8A}" dt="2023-10-12T11:38:08.274" v="295"/>
          <ac:spMkLst>
            <pc:docMk/>
            <pc:sldMk cId="2376958513" sldId="260"/>
            <ac:spMk id="6138" creationId="{52A1D1D1-8523-6381-D5BE-D066208A2259}"/>
          </ac:spMkLst>
        </pc:spChg>
        <pc:spChg chg="mod">
          <ac:chgData name="White, Alex" userId="eff6cc8c-37d8-483b-9c6c-6b27e9afa9bc" providerId="ADAL" clId="{BF04C754-5BF4-4E83-9615-DB14FA25AF8A}" dt="2023-10-12T11:38:08.274" v="295"/>
          <ac:spMkLst>
            <pc:docMk/>
            <pc:sldMk cId="2376958513" sldId="260"/>
            <ac:spMk id="6139" creationId="{53797AA4-DEC1-136C-5ABA-82AD25D2E208}"/>
          </ac:spMkLst>
        </pc:spChg>
        <pc:spChg chg="mod">
          <ac:chgData name="White, Alex" userId="eff6cc8c-37d8-483b-9c6c-6b27e9afa9bc" providerId="ADAL" clId="{BF04C754-5BF4-4E83-9615-DB14FA25AF8A}" dt="2023-10-12T11:38:08.274" v="295"/>
          <ac:spMkLst>
            <pc:docMk/>
            <pc:sldMk cId="2376958513" sldId="260"/>
            <ac:spMk id="6140" creationId="{CCF9A67E-4796-CC4B-9B85-603235D00AFF}"/>
          </ac:spMkLst>
        </pc:spChg>
        <pc:spChg chg="mod">
          <ac:chgData name="White, Alex" userId="eff6cc8c-37d8-483b-9c6c-6b27e9afa9bc" providerId="ADAL" clId="{BF04C754-5BF4-4E83-9615-DB14FA25AF8A}" dt="2023-10-12T11:38:08.274" v="295"/>
          <ac:spMkLst>
            <pc:docMk/>
            <pc:sldMk cId="2376958513" sldId="260"/>
            <ac:spMk id="6141" creationId="{E6544AFD-99B6-2878-5C49-61FD9E3625D7}"/>
          </ac:spMkLst>
        </pc:spChg>
        <pc:spChg chg="mod">
          <ac:chgData name="White, Alex" userId="eff6cc8c-37d8-483b-9c6c-6b27e9afa9bc" providerId="ADAL" clId="{BF04C754-5BF4-4E83-9615-DB14FA25AF8A}" dt="2023-10-12T11:38:08.274" v="295"/>
          <ac:spMkLst>
            <pc:docMk/>
            <pc:sldMk cId="2376958513" sldId="260"/>
            <ac:spMk id="6142" creationId="{BEFBA838-298D-99A9-D4C5-A1DD9F5ACB3F}"/>
          </ac:spMkLst>
        </pc:spChg>
        <pc:spChg chg="mod">
          <ac:chgData name="White, Alex" userId="eff6cc8c-37d8-483b-9c6c-6b27e9afa9bc" providerId="ADAL" clId="{BF04C754-5BF4-4E83-9615-DB14FA25AF8A}" dt="2023-10-12T11:38:08.274" v="295"/>
          <ac:spMkLst>
            <pc:docMk/>
            <pc:sldMk cId="2376958513" sldId="260"/>
            <ac:spMk id="6143" creationId="{614E1ECE-8895-29CB-A995-BF3D911D0F2B}"/>
          </ac:spMkLst>
        </pc:spChg>
        <pc:spChg chg="mod">
          <ac:chgData name="White, Alex" userId="eff6cc8c-37d8-483b-9c6c-6b27e9afa9bc" providerId="ADAL" clId="{BF04C754-5BF4-4E83-9615-DB14FA25AF8A}" dt="2023-10-12T11:38:08.274" v="295"/>
          <ac:spMkLst>
            <pc:docMk/>
            <pc:sldMk cId="2376958513" sldId="260"/>
            <ac:spMk id="6144" creationId="{2284CF17-D16B-3406-633D-260D5C29C37E}"/>
          </ac:spMkLst>
        </pc:spChg>
        <pc:spChg chg="mod">
          <ac:chgData name="White, Alex" userId="eff6cc8c-37d8-483b-9c6c-6b27e9afa9bc" providerId="ADAL" clId="{BF04C754-5BF4-4E83-9615-DB14FA25AF8A}" dt="2023-10-12T11:38:08.274" v="295"/>
          <ac:spMkLst>
            <pc:docMk/>
            <pc:sldMk cId="2376958513" sldId="260"/>
            <ac:spMk id="6145" creationId="{FA5563B2-B2F8-A97A-1A42-7D24CCA8FB36}"/>
          </ac:spMkLst>
        </pc:spChg>
        <pc:spChg chg="mod">
          <ac:chgData name="White, Alex" userId="eff6cc8c-37d8-483b-9c6c-6b27e9afa9bc" providerId="ADAL" clId="{BF04C754-5BF4-4E83-9615-DB14FA25AF8A}" dt="2023-10-12T11:38:08.274" v="295"/>
          <ac:spMkLst>
            <pc:docMk/>
            <pc:sldMk cId="2376958513" sldId="260"/>
            <ac:spMk id="6146" creationId="{FA143197-A40E-FD4B-F660-94457B960793}"/>
          </ac:spMkLst>
        </pc:spChg>
        <pc:spChg chg="mod">
          <ac:chgData name="White, Alex" userId="eff6cc8c-37d8-483b-9c6c-6b27e9afa9bc" providerId="ADAL" clId="{BF04C754-5BF4-4E83-9615-DB14FA25AF8A}" dt="2023-10-12T11:38:08.274" v="295"/>
          <ac:spMkLst>
            <pc:docMk/>
            <pc:sldMk cId="2376958513" sldId="260"/>
            <ac:spMk id="6147" creationId="{F5C91937-C5A2-72C3-DA4C-95DC7A51EC89}"/>
          </ac:spMkLst>
        </pc:spChg>
        <pc:spChg chg="mod">
          <ac:chgData name="White, Alex" userId="eff6cc8c-37d8-483b-9c6c-6b27e9afa9bc" providerId="ADAL" clId="{BF04C754-5BF4-4E83-9615-DB14FA25AF8A}" dt="2023-10-12T11:38:08.274" v="295"/>
          <ac:spMkLst>
            <pc:docMk/>
            <pc:sldMk cId="2376958513" sldId="260"/>
            <ac:spMk id="6148" creationId="{C3970DAF-8922-CB53-EFD3-4B13FC0D2550}"/>
          </ac:spMkLst>
        </pc:spChg>
        <pc:spChg chg="mod">
          <ac:chgData name="White, Alex" userId="eff6cc8c-37d8-483b-9c6c-6b27e9afa9bc" providerId="ADAL" clId="{BF04C754-5BF4-4E83-9615-DB14FA25AF8A}" dt="2023-10-12T11:38:08.274" v="295"/>
          <ac:spMkLst>
            <pc:docMk/>
            <pc:sldMk cId="2376958513" sldId="260"/>
            <ac:spMk id="6149" creationId="{D1AC7875-C0C6-9103-503D-94CAAA2C7D1A}"/>
          </ac:spMkLst>
        </pc:spChg>
        <pc:spChg chg="mod">
          <ac:chgData name="White, Alex" userId="eff6cc8c-37d8-483b-9c6c-6b27e9afa9bc" providerId="ADAL" clId="{BF04C754-5BF4-4E83-9615-DB14FA25AF8A}" dt="2023-10-12T11:38:08.274" v="295"/>
          <ac:spMkLst>
            <pc:docMk/>
            <pc:sldMk cId="2376958513" sldId="260"/>
            <ac:spMk id="6150" creationId="{67C56428-2DE5-9651-C164-BBCF78714010}"/>
          </ac:spMkLst>
        </pc:spChg>
        <pc:spChg chg="mod">
          <ac:chgData name="White, Alex" userId="eff6cc8c-37d8-483b-9c6c-6b27e9afa9bc" providerId="ADAL" clId="{BF04C754-5BF4-4E83-9615-DB14FA25AF8A}" dt="2023-10-12T11:38:08.274" v="295"/>
          <ac:spMkLst>
            <pc:docMk/>
            <pc:sldMk cId="2376958513" sldId="260"/>
            <ac:spMk id="6151" creationId="{1442A6E2-916A-C46B-E67D-1B511F232A14}"/>
          </ac:spMkLst>
        </pc:spChg>
        <pc:spChg chg="mod">
          <ac:chgData name="White, Alex" userId="eff6cc8c-37d8-483b-9c6c-6b27e9afa9bc" providerId="ADAL" clId="{BF04C754-5BF4-4E83-9615-DB14FA25AF8A}" dt="2023-10-12T11:38:08.274" v="295"/>
          <ac:spMkLst>
            <pc:docMk/>
            <pc:sldMk cId="2376958513" sldId="260"/>
            <ac:spMk id="6152" creationId="{701E32DE-E5B2-B1AF-B571-F2B39CD3ED6A}"/>
          </ac:spMkLst>
        </pc:spChg>
        <pc:spChg chg="mod">
          <ac:chgData name="White, Alex" userId="eff6cc8c-37d8-483b-9c6c-6b27e9afa9bc" providerId="ADAL" clId="{BF04C754-5BF4-4E83-9615-DB14FA25AF8A}" dt="2023-10-12T11:38:08.274" v="295"/>
          <ac:spMkLst>
            <pc:docMk/>
            <pc:sldMk cId="2376958513" sldId="260"/>
            <ac:spMk id="6153" creationId="{30AB8C5B-F01F-3315-717F-24212AC87BF2}"/>
          </ac:spMkLst>
        </pc:spChg>
        <pc:spChg chg="mod">
          <ac:chgData name="White, Alex" userId="eff6cc8c-37d8-483b-9c6c-6b27e9afa9bc" providerId="ADAL" clId="{BF04C754-5BF4-4E83-9615-DB14FA25AF8A}" dt="2023-10-12T11:38:08.274" v="295"/>
          <ac:spMkLst>
            <pc:docMk/>
            <pc:sldMk cId="2376958513" sldId="260"/>
            <ac:spMk id="6154" creationId="{415A3044-4A75-E390-3A66-1E762DE8785C}"/>
          </ac:spMkLst>
        </pc:spChg>
        <pc:spChg chg="mod">
          <ac:chgData name="White, Alex" userId="eff6cc8c-37d8-483b-9c6c-6b27e9afa9bc" providerId="ADAL" clId="{BF04C754-5BF4-4E83-9615-DB14FA25AF8A}" dt="2023-10-12T11:38:08.274" v="295"/>
          <ac:spMkLst>
            <pc:docMk/>
            <pc:sldMk cId="2376958513" sldId="260"/>
            <ac:spMk id="6155" creationId="{26C26337-60BF-B360-57DF-02A6D3707A18}"/>
          </ac:spMkLst>
        </pc:spChg>
        <pc:spChg chg="mod">
          <ac:chgData name="White, Alex" userId="eff6cc8c-37d8-483b-9c6c-6b27e9afa9bc" providerId="ADAL" clId="{BF04C754-5BF4-4E83-9615-DB14FA25AF8A}" dt="2023-10-12T11:38:08.274" v="295"/>
          <ac:spMkLst>
            <pc:docMk/>
            <pc:sldMk cId="2376958513" sldId="260"/>
            <ac:spMk id="6156" creationId="{86341CF3-89C9-85D9-2E4C-7627F3111CF1}"/>
          </ac:spMkLst>
        </pc:spChg>
        <pc:spChg chg="mod">
          <ac:chgData name="White, Alex" userId="eff6cc8c-37d8-483b-9c6c-6b27e9afa9bc" providerId="ADAL" clId="{BF04C754-5BF4-4E83-9615-DB14FA25AF8A}" dt="2023-10-12T11:38:08.274" v="295"/>
          <ac:spMkLst>
            <pc:docMk/>
            <pc:sldMk cId="2376958513" sldId="260"/>
            <ac:spMk id="6157" creationId="{9AF02903-A58B-F2D2-1F32-DF05230325F3}"/>
          </ac:spMkLst>
        </pc:spChg>
        <pc:spChg chg="mod">
          <ac:chgData name="White, Alex" userId="eff6cc8c-37d8-483b-9c6c-6b27e9afa9bc" providerId="ADAL" clId="{BF04C754-5BF4-4E83-9615-DB14FA25AF8A}" dt="2023-10-12T11:38:08.274" v="295"/>
          <ac:spMkLst>
            <pc:docMk/>
            <pc:sldMk cId="2376958513" sldId="260"/>
            <ac:spMk id="6158" creationId="{30FF470F-7B94-940D-1AC8-012EE6F16206}"/>
          </ac:spMkLst>
        </pc:spChg>
        <pc:spChg chg="mod">
          <ac:chgData name="White, Alex" userId="eff6cc8c-37d8-483b-9c6c-6b27e9afa9bc" providerId="ADAL" clId="{BF04C754-5BF4-4E83-9615-DB14FA25AF8A}" dt="2023-10-12T11:38:08.274" v="295"/>
          <ac:spMkLst>
            <pc:docMk/>
            <pc:sldMk cId="2376958513" sldId="260"/>
            <ac:spMk id="6159" creationId="{A07B8E37-579D-4103-9D20-00D79768CA1C}"/>
          </ac:spMkLst>
        </pc:spChg>
        <pc:spChg chg="mod">
          <ac:chgData name="White, Alex" userId="eff6cc8c-37d8-483b-9c6c-6b27e9afa9bc" providerId="ADAL" clId="{BF04C754-5BF4-4E83-9615-DB14FA25AF8A}" dt="2023-10-12T11:38:08.274" v="295"/>
          <ac:spMkLst>
            <pc:docMk/>
            <pc:sldMk cId="2376958513" sldId="260"/>
            <ac:spMk id="6160" creationId="{F03F3D95-AAB9-C566-D822-034CA308BDA1}"/>
          </ac:spMkLst>
        </pc:spChg>
        <pc:spChg chg="mod">
          <ac:chgData name="White, Alex" userId="eff6cc8c-37d8-483b-9c6c-6b27e9afa9bc" providerId="ADAL" clId="{BF04C754-5BF4-4E83-9615-DB14FA25AF8A}" dt="2023-10-12T11:38:08.274" v="295"/>
          <ac:spMkLst>
            <pc:docMk/>
            <pc:sldMk cId="2376958513" sldId="260"/>
            <ac:spMk id="6161" creationId="{06938A7A-F11A-A651-6AD4-2DA05A018338}"/>
          </ac:spMkLst>
        </pc:spChg>
        <pc:spChg chg="mod">
          <ac:chgData name="White, Alex" userId="eff6cc8c-37d8-483b-9c6c-6b27e9afa9bc" providerId="ADAL" clId="{BF04C754-5BF4-4E83-9615-DB14FA25AF8A}" dt="2023-10-12T11:38:08.274" v="295"/>
          <ac:spMkLst>
            <pc:docMk/>
            <pc:sldMk cId="2376958513" sldId="260"/>
            <ac:spMk id="6162" creationId="{FE5094C7-B158-71A7-04CC-E3D9662578F2}"/>
          </ac:spMkLst>
        </pc:spChg>
        <pc:spChg chg="mod">
          <ac:chgData name="White, Alex" userId="eff6cc8c-37d8-483b-9c6c-6b27e9afa9bc" providerId="ADAL" clId="{BF04C754-5BF4-4E83-9615-DB14FA25AF8A}" dt="2023-10-12T11:38:08.274" v="295"/>
          <ac:spMkLst>
            <pc:docMk/>
            <pc:sldMk cId="2376958513" sldId="260"/>
            <ac:spMk id="6163" creationId="{CFCCCE7D-F2C7-39CA-B98A-CE718AEB8A0A}"/>
          </ac:spMkLst>
        </pc:spChg>
        <pc:spChg chg="mod">
          <ac:chgData name="White, Alex" userId="eff6cc8c-37d8-483b-9c6c-6b27e9afa9bc" providerId="ADAL" clId="{BF04C754-5BF4-4E83-9615-DB14FA25AF8A}" dt="2023-10-12T11:38:08.274" v="295"/>
          <ac:spMkLst>
            <pc:docMk/>
            <pc:sldMk cId="2376958513" sldId="260"/>
            <ac:spMk id="6164" creationId="{2CF32CAB-3D23-9E5A-E20F-AD2AC1DB9F34}"/>
          </ac:spMkLst>
        </pc:spChg>
        <pc:spChg chg="mod">
          <ac:chgData name="White, Alex" userId="eff6cc8c-37d8-483b-9c6c-6b27e9afa9bc" providerId="ADAL" clId="{BF04C754-5BF4-4E83-9615-DB14FA25AF8A}" dt="2023-10-12T11:38:08.274" v="295"/>
          <ac:spMkLst>
            <pc:docMk/>
            <pc:sldMk cId="2376958513" sldId="260"/>
            <ac:spMk id="6165" creationId="{9F011EFF-653E-BEA8-7A20-57E524FFA539}"/>
          </ac:spMkLst>
        </pc:spChg>
        <pc:spChg chg="mod">
          <ac:chgData name="White, Alex" userId="eff6cc8c-37d8-483b-9c6c-6b27e9afa9bc" providerId="ADAL" clId="{BF04C754-5BF4-4E83-9615-DB14FA25AF8A}" dt="2023-10-12T11:38:08.274" v="295"/>
          <ac:spMkLst>
            <pc:docMk/>
            <pc:sldMk cId="2376958513" sldId="260"/>
            <ac:spMk id="6166" creationId="{7116CF2E-499E-D8BA-F96A-DEC936B372BB}"/>
          </ac:spMkLst>
        </pc:spChg>
        <pc:spChg chg="mod">
          <ac:chgData name="White, Alex" userId="eff6cc8c-37d8-483b-9c6c-6b27e9afa9bc" providerId="ADAL" clId="{BF04C754-5BF4-4E83-9615-DB14FA25AF8A}" dt="2023-10-12T11:38:08.274" v="295"/>
          <ac:spMkLst>
            <pc:docMk/>
            <pc:sldMk cId="2376958513" sldId="260"/>
            <ac:spMk id="6167" creationId="{F8E0C049-9117-5D53-8409-1B29CAEC4028}"/>
          </ac:spMkLst>
        </pc:spChg>
        <pc:spChg chg="mod">
          <ac:chgData name="White, Alex" userId="eff6cc8c-37d8-483b-9c6c-6b27e9afa9bc" providerId="ADAL" clId="{BF04C754-5BF4-4E83-9615-DB14FA25AF8A}" dt="2023-10-12T11:38:08.274" v="295"/>
          <ac:spMkLst>
            <pc:docMk/>
            <pc:sldMk cId="2376958513" sldId="260"/>
            <ac:spMk id="6168" creationId="{5EF5B001-B4EA-34A9-E20A-CFB156512721}"/>
          </ac:spMkLst>
        </pc:spChg>
        <pc:spChg chg="mod">
          <ac:chgData name="White, Alex" userId="eff6cc8c-37d8-483b-9c6c-6b27e9afa9bc" providerId="ADAL" clId="{BF04C754-5BF4-4E83-9615-DB14FA25AF8A}" dt="2023-10-12T11:38:08.274" v="295"/>
          <ac:spMkLst>
            <pc:docMk/>
            <pc:sldMk cId="2376958513" sldId="260"/>
            <ac:spMk id="6169" creationId="{A32FF318-76CD-5671-4344-7DF12D940A77}"/>
          </ac:spMkLst>
        </pc:spChg>
        <pc:spChg chg="mod">
          <ac:chgData name="White, Alex" userId="eff6cc8c-37d8-483b-9c6c-6b27e9afa9bc" providerId="ADAL" clId="{BF04C754-5BF4-4E83-9615-DB14FA25AF8A}" dt="2023-10-12T11:38:08.274" v="295"/>
          <ac:spMkLst>
            <pc:docMk/>
            <pc:sldMk cId="2376958513" sldId="260"/>
            <ac:spMk id="6170" creationId="{EA6063D2-CFB5-624D-52E5-AEBCEE872D3C}"/>
          </ac:spMkLst>
        </pc:spChg>
        <pc:spChg chg="mod">
          <ac:chgData name="White, Alex" userId="eff6cc8c-37d8-483b-9c6c-6b27e9afa9bc" providerId="ADAL" clId="{BF04C754-5BF4-4E83-9615-DB14FA25AF8A}" dt="2023-10-12T11:38:08.274" v="295"/>
          <ac:spMkLst>
            <pc:docMk/>
            <pc:sldMk cId="2376958513" sldId="260"/>
            <ac:spMk id="6171" creationId="{983FEDFA-110D-AA8C-3F15-5587715A1914}"/>
          </ac:spMkLst>
        </pc:spChg>
        <pc:spChg chg="mod">
          <ac:chgData name="White, Alex" userId="eff6cc8c-37d8-483b-9c6c-6b27e9afa9bc" providerId="ADAL" clId="{BF04C754-5BF4-4E83-9615-DB14FA25AF8A}" dt="2023-10-12T11:38:08.274" v="295"/>
          <ac:spMkLst>
            <pc:docMk/>
            <pc:sldMk cId="2376958513" sldId="260"/>
            <ac:spMk id="6172" creationId="{9D01DC73-1BA4-77DC-A839-27DE6F6199BA}"/>
          </ac:spMkLst>
        </pc:spChg>
        <pc:spChg chg="mod">
          <ac:chgData name="White, Alex" userId="eff6cc8c-37d8-483b-9c6c-6b27e9afa9bc" providerId="ADAL" clId="{BF04C754-5BF4-4E83-9615-DB14FA25AF8A}" dt="2023-10-12T11:38:08.274" v="295"/>
          <ac:spMkLst>
            <pc:docMk/>
            <pc:sldMk cId="2376958513" sldId="260"/>
            <ac:spMk id="6173" creationId="{AD2CD488-FB58-AC82-F2BB-AAB5CB5EAF54}"/>
          </ac:spMkLst>
        </pc:spChg>
        <pc:spChg chg="mod">
          <ac:chgData name="White, Alex" userId="eff6cc8c-37d8-483b-9c6c-6b27e9afa9bc" providerId="ADAL" clId="{BF04C754-5BF4-4E83-9615-DB14FA25AF8A}" dt="2023-10-12T11:38:08.274" v="295"/>
          <ac:spMkLst>
            <pc:docMk/>
            <pc:sldMk cId="2376958513" sldId="260"/>
            <ac:spMk id="6174" creationId="{980992FF-4BBC-EB24-94A4-375A236EE315}"/>
          </ac:spMkLst>
        </pc:spChg>
        <pc:spChg chg="mod">
          <ac:chgData name="White, Alex" userId="eff6cc8c-37d8-483b-9c6c-6b27e9afa9bc" providerId="ADAL" clId="{BF04C754-5BF4-4E83-9615-DB14FA25AF8A}" dt="2023-10-12T11:38:08.274" v="295"/>
          <ac:spMkLst>
            <pc:docMk/>
            <pc:sldMk cId="2376958513" sldId="260"/>
            <ac:spMk id="6175" creationId="{F71FDDD2-6D5E-AC06-A094-14332567C6F5}"/>
          </ac:spMkLst>
        </pc:spChg>
        <pc:spChg chg="mod">
          <ac:chgData name="White, Alex" userId="eff6cc8c-37d8-483b-9c6c-6b27e9afa9bc" providerId="ADAL" clId="{BF04C754-5BF4-4E83-9615-DB14FA25AF8A}" dt="2023-10-12T11:38:08.274" v="295"/>
          <ac:spMkLst>
            <pc:docMk/>
            <pc:sldMk cId="2376958513" sldId="260"/>
            <ac:spMk id="6176" creationId="{AC9FBE12-ABBF-1F13-1F8D-00EB6A89C54A}"/>
          </ac:spMkLst>
        </pc:spChg>
        <pc:spChg chg="mod">
          <ac:chgData name="White, Alex" userId="eff6cc8c-37d8-483b-9c6c-6b27e9afa9bc" providerId="ADAL" clId="{BF04C754-5BF4-4E83-9615-DB14FA25AF8A}" dt="2023-10-12T11:38:08.274" v="295"/>
          <ac:spMkLst>
            <pc:docMk/>
            <pc:sldMk cId="2376958513" sldId="260"/>
            <ac:spMk id="6177" creationId="{E3D4645D-914F-000E-65CF-60847667F871}"/>
          </ac:spMkLst>
        </pc:spChg>
        <pc:spChg chg="mod">
          <ac:chgData name="White, Alex" userId="eff6cc8c-37d8-483b-9c6c-6b27e9afa9bc" providerId="ADAL" clId="{BF04C754-5BF4-4E83-9615-DB14FA25AF8A}" dt="2023-10-12T11:38:08.274" v="295"/>
          <ac:spMkLst>
            <pc:docMk/>
            <pc:sldMk cId="2376958513" sldId="260"/>
            <ac:spMk id="6178" creationId="{E024074A-EEE8-0621-EBEC-36BEA303BC6D}"/>
          </ac:spMkLst>
        </pc:spChg>
        <pc:spChg chg="mod">
          <ac:chgData name="White, Alex" userId="eff6cc8c-37d8-483b-9c6c-6b27e9afa9bc" providerId="ADAL" clId="{BF04C754-5BF4-4E83-9615-DB14FA25AF8A}" dt="2023-10-12T11:38:08.274" v="295"/>
          <ac:spMkLst>
            <pc:docMk/>
            <pc:sldMk cId="2376958513" sldId="260"/>
            <ac:spMk id="6179" creationId="{1EB50ECD-F767-BC33-BE48-106C14FB9512}"/>
          </ac:spMkLst>
        </pc:spChg>
        <pc:spChg chg="mod">
          <ac:chgData name="White, Alex" userId="eff6cc8c-37d8-483b-9c6c-6b27e9afa9bc" providerId="ADAL" clId="{BF04C754-5BF4-4E83-9615-DB14FA25AF8A}" dt="2023-10-12T11:38:08.274" v="295"/>
          <ac:spMkLst>
            <pc:docMk/>
            <pc:sldMk cId="2376958513" sldId="260"/>
            <ac:spMk id="6180" creationId="{9D1911C4-2674-0D1E-D479-95058984254C}"/>
          </ac:spMkLst>
        </pc:spChg>
        <pc:spChg chg="mod">
          <ac:chgData name="White, Alex" userId="eff6cc8c-37d8-483b-9c6c-6b27e9afa9bc" providerId="ADAL" clId="{BF04C754-5BF4-4E83-9615-DB14FA25AF8A}" dt="2023-10-12T11:38:08.274" v="295"/>
          <ac:spMkLst>
            <pc:docMk/>
            <pc:sldMk cId="2376958513" sldId="260"/>
            <ac:spMk id="6181" creationId="{D405ED8E-C227-49B9-A96C-8D1E42511C60}"/>
          </ac:spMkLst>
        </pc:spChg>
        <pc:spChg chg="mod">
          <ac:chgData name="White, Alex" userId="eff6cc8c-37d8-483b-9c6c-6b27e9afa9bc" providerId="ADAL" clId="{BF04C754-5BF4-4E83-9615-DB14FA25AF8A}" dt="2023-10-12T11:38:08.274" v="295"/>
          <ac:spMkLst>
            <pc:docMk/>
            <pc:sldMk cId="2376958513" sldId="260"/>
            <ac:spMk id="6182" creationId="{2534D25D-851F-DCF9-211F-AAFC8D346958}"/>
          </ac:spMkLst>
        </pc:spChg>
        <pc:spChg chg="mod">
          <ac:chgData name="White, Alex" userId="eff6cc8c-37d8-483b-9c6c-6b27e9afa9bc" providerId="ADAL" clId="{BF04C754-5BF4-4E83-9615-DB14FA25AF8A}" dt="2023-10-12T11:38:08.274" v="295"/>
          <ac:spMkLst>
            <pc:docMk/>
            <pc:sldMk cId="2376958513" sldId="260"/>
            <ac:spMk id="6183" creationId="{446BAD83-87F1-5C4A-92F8-6E755B9E9EE2}"/>
          </ac:spMkLst>
        </pc:spChg>
        <pc:spChg chg="mod">
          <ac:chgData name="White, Alex" userId="eff6cc8c-37d8-483b-9c6c-6b27e9afa9bc" providerId="ADAL" clId="{BF04C754-5BF4-4E83-9615-DB14FA25AF8A}" dt="2023-10-12T11:38:08.274" v="295"/>
          <ac:spMkLst>
            <pc:docMk/>
            <pc:sldMk cId="2376958513" sldId="260"/>
            <ac:spMk id="6184" creationId="{BBABA20B-E06C-70A8-D459-ECC2EB830017}"/>
          </ac:spMkLst>
        </pc:spChg>
        <pc:spChg chg="mod">
          <ac:chgData name="White, Alex" userId="eff6cc8c-37d8-483b-9c6c-6b27e9afa9bc" providerId="ADAL" clId="{BF04C754-5BF4-4E83-9615-DB14FA25AF8A}" dt="2023-10-12T11:38:08.274" v="295"/>
          <ac:spMkLst>
            <pc:docMk/>
            <pc:sldMk cId="2376958513" sldId="260"/>
            <ac:spMk id="6185" creationId="{D5ABAE1B-2285-A8B3-E1C1-6480CAFF1C01}"/>
          </ac:spMkLst>
        </pc:spChg>
        <pc:spChg chg="mod">
          <ac:chgData name="White, Alex" userId="eff6cc8c-37d8-483b-9c6c-6b27e9afa9bc" providerId="ADAL" clId="{BF04C754-5BF4-4E83-9615-DB14FA25AF8A}" dt="2023-10-12T11:38:08.274" v="295"/>
          <ac:spMkLst>
            <pc:docMk/>
            <pc:sldMk cId="2376958513" sldId="260"/>
            <ac:spMk id="6186" creationId="{9ADC8D4F-9FC2-6568-171D-80B9CA355C11}"/>
          </ac:spMkLst>
        </pc:spChg>
        <pc:spChg chg="mod">
          <ac:chgData name="White, Alex" userId="eff6cc8c-37d8-483b-9c6c-6b27e9afa9bc" providerId="ADAL" clId="{BF04C754-5BF4-4E83-9615-DB14FA25AF8A}" dt="2023-10-12T11:38:08.274" v="295"/>
          <ac:spMkLst>
            <pc:docMk/>
            <pc:sldMk cId="2376958513" sldId="260"/>
            <ac:spMk id="6187" creationId="{38A5E02C-FA42-FC4C-0AD4-7683ADE3FEC5}"/>
          </ac:spMkLst>
        </pc:spChg>
        <pc:spChg chg="mod">
          <ac:chgData name="White, Alex" userId="eff6cc8c-37d8-483b-9c6c-6b27e9afa9bc" providerId="ADAL" clId="{BF04C754-5BF4-4E83-9615-DB14FA25AF8A}" dt="2023-10-12T11:38:08.274" v="295"/>
          <ac:spMkLst>
            <pc:docMk/>
            <pc:sldMk cId="2376958513" sldId="260"/>
            <ac:spMk id="6188" creationId="{2133A275-29A4-11B8-91F3-F389C7A37EDC}"/>
          </ac:spMkLst>
        </pc:spChg>
        <pc:spChg chg="mod">
          <ac:chgData name="White, Alex" userId="eff6cc8c-37d8-483b-9c6c-6b27e9afa9bc" providerId="ADAL" clId="{BF04C754-5BF4-4E83-9615-DB14FA25AF8A}" dt="2023-10-12T11:38:08.274" v="295"/>
          <ac:spMkLst>
            <pc:docMk/>
            <pc:sldMk cId="2376958513" sldId="260"/>
            <ac:spMk id="6189" creationId="{4A9E4E32-55C5-DE92-4CC1-A9BDAAC7C078}"/>
          </ac:spMkLst>
        </pc:spChg>
        <pc:spChg chg="mod">
          <ac:chgData name="White, Alex" userId="eff6cc8c-37d8-483b-9c6c-6b27e9afa9bc" providerId="ADAL" clId="{BF04C754-5BF4-4E83-9615-DB14FA25AF8A}" dt="2023-10-12T11:38:08.274" v="295"/>
          <ac:spMkLst>
            <pc:docMk/>
            <pc:sldMk cId="2376958513" sldId="260"/>
            <ac:spMk id="6190" creationId="{BC741B95-FFF5-5BB0-2C02-1F296539D784}"/>
          </ac:spMkLst>
        </pc:spChg>
        <pc:spChg chg="mod">
          <ac:chgData name="White, Alex" userId="eff6cc8c-37d8-483b-9c6c-6b27e9afa9bc" providerId="ADAL" clId="{BF04C754-5BF4-4E83-9615-DB14FA25AF8A}" dt="2023-10-12T11:38:08.274" v="295"/>
          <ac:spMkLst>
            <pc:docMk/>
            <pc:sldMk cId="2376958513" sldId="260"/>
            <ac:spMk id="6191" creationId="{41B62A72-9ADE-A37C-B488-6040B9370B3F}"/>
          </ac:spMkLst>
        </pc:spChg>
        <pc:spChg chg="mod">
          <ac:chgData name="White, Alex" userId="eff6cc8c-37d8-483b-9c6c-6b27e9afa9bc" providerId="ADAL" clId="{BF04C754-5BF4-4E83-9615-DB14FA25AF8A}" dt="2023-10-12T11:38:08.274" v="295"/>
          <ac:spMkLst>
            <pc:docMk/>
            <pc:sldMk cId="2376958513" sldId="260"/>
            <ac:spMk id="6192" creationId="{A647A8C4-A0A4-B729-C3F1-56168A1066FE}"/>
          </ac:spMkLst>
        </pc:spChg>
        <pc:spChg chg="mod">
          <ac:chgData name="White, Alex" userId="eff6cc8c-37d8-483b-9c6c-6b27e9afa9bc" providerId="ADAL" clId="{BF04C754-5BF4-4E83-9615-DB14FA25AF8A}" dt="2023-10-12T11:38:08.274" v="295"/>
          <ac:spMkLst>
            <pc:docMk/>
            <pc:sldMk cId="2376958513" sldId="260"/>
            <ac:spMk id="6193" creationId="{5C818278-5A3D-0A76-BF73-F9F631264842}"/>
          </ac:spMkLst>
        </pc:spChg>
        <pc:spChg chg="mod">
          <ac:chgData name="White, Alex" userId="eff6cc8c-37d8-483b-9c6c-6b27e9afa9bc" providerId="ADAL" clId="{BF04C754-5BF4-4E83-9615-DB14FA25AF8A}" dt="2023-10-12T11:38:08.274" v="295"/>
          <ac:spMkLst>
            <pc:docMk/>
            <pc:sldMk cId="2376958513" sldId="260"/>
            <ac:spMk id="6194" creationId="{44A86E25-CE4A-19A3-3390-3881A945BF8E}"/>
          </ac:spMkLst>
        </pc:spChg>
        <pc:spChg chg="mod">
          <ac:chgData name="White, Alex" userId="eff6cc8c-37d8-483b-9c6c-6b27e9afa9bc" providerId="ADAL" clId="{BF04C754-5BF4-4E83-9615-DB14FA25AF8A}" dt="2023-10-12T11:38:08.274" v="295"/>
          <ac:spMkLst>
            <pc:docMk/>
            <pc:sldMk cId="2376958513" sldId="260"/>
            <ac:spMk id="6195" creationId="{F5A7C59E-DD40-7253-7EEC-974DFD7D7E60}"/>
          </ac:spMkLst>
        </pc:spChg>
        <pc:spChg chg="mod">
          <ac:chgData name="White, Alex" userId="eff6cc8c-37d8-483b-9c6c-6b27e9afa9bc" providerId="ADAL" clId="{BF04C754-5BF4-4E83-9615-DB14FA25AF8A}" dt="2023-10-12T11:38:08.274" v="295"/>
          <ac:spMkLst>
            <pc:docMk/>
            <pc:sldMk cId="2376958513" sldId="260"/>
            <ac:spMk id="6196" creationId="{36EF9DA9-71A4-3F4F-00BB-4EFA961161D5}"/>
          </ac:spMkLst>
        </pc:spChg>
        <pc:spChg chg="mod">
          <ac:chgData name="White, Alex" userId="eff6cc8c-37d8-483b-9c6c-6b27e9afa9bc" providerId="ADAL" clId="{BF04C754-5BF4-4E83-9615-DB14FA25AF8A}" dt="2023-10-12T11:38:08.274" v="295"/>
          <ac:spMkLst>
            <pc:docMk/>
            <pc:sldMk cId="2376958513" sldId="260"/>
            <ac:spMk id="6197" creationId="{ECEF0210-1BB7-50C0-A1AC-93FF6AEB9758}"/>
          </ac:spMkLst>
        </pc:spChg>
        <pc:spChg chg="mod">
          <ac:chgData name="White, Alex" userId="eff6cc8c-37d8-483b-9c6c-6b27e9afa9bc" providerId="ADAL" clId="{BF04C754-5BF4-4E83-9615-DB14FA25AF8A}" dt="2023-10-12T11:38:08.274" v="295"/>
          <ac:spMkLst>
            <pc:docMk/>
            <pc:sldMk cId="2376958513" sldId="260"/>
            <ac:spMk id="6198" creationId="{91E238CB-9FFE-F733-0B62-48FD6480E46A}"/>
          </ac:spMkLst>
        </pc:spChg>
        <pc:spChg chg="mod">
          <ac:chgData name="White, Alex" userId="eff6cc8c-37d8-483b-9c6c-6b27e9afa9bc" providerId="ADAL" clId="{BF04C754-5BF4-4E83-9615-DB14FA25AF8A}" dt="2023-10-12T11:38:08.274" v="295"/>
          <ac:spMkLst>
            <pc:docMk/>
            <pc:sldMk cId="2376958513" sldId="260"/>
            <ac:spMk id="6199" creationId="{CF20A780-3ABE-9DA8-9663-F10D701560AA}"/>
          </ac:spMkLst>
        </pc:spChg>
        <pc:spChg chg="mod">
          <ac:chgData name="White, Alex" userId="eff6cc8c-37d8-483b-9c6c-6b27e9afa9bc" providerId="ADAL" clId="{BF04C754-5BF4-4E83-9615-DB14FA25AF8A}" dt="2023-10-12T11:38:08.274" v="295"/>
          <ac:spMkLst>
            <pc:docMk/>
            <pc:sldMk cId="2376958513" sldId="260"/>
            <ac:spMk id="6200" creationId="{DD9748ED-91EE-A313-CC21-8000E592051F}"/>
          </ac:spMkLst>
        </pc:spChg>
        <pc:spChg chg="mod">
          <ac:chgData name="White, Alex" userId="eff6cc8c-37d8-483b-9c6c-6b27e9afa9bc" providerId="ADAL" clId="{BF04C754-5BF4-4E83-9615-DB14FA25AF8A}" dt="2023-10-12T11:38:08.274" v="295"/>
          <ac:spMkLst>
            <pc:docMk/>
            <pc:sldMk cId="2376958513" sldId="260"/>
            <ac:spMk id="6201" creationId="{3FECFC2E-CAF0-9ACE-A4E5-3B94CB4F1492}"/>
          </ac:spMkLst>
        </pc:spChg>
        <pc:spChg chg="mod">
          <ac:chgData name="White, Alex" userId="eff6cc8c-37d8-483b-9c6c-6b27e9afa9bc" providerId="ADAL" clId="{BF04C754-5BF4-4E83-9615-DB14FA25AF8A}" dt="2023-10-12T11:38:08.274" v="295"/>
          <ac:spMkLst>
            <pc:docMk/>
            <pc:sldMk cId="2376958513" sldId="260"/>
            <ac:spMk id="6202" creationId="{D740A7F0-F931-173F-B8DB-720A908F8588}"/>
          </ac:spMkLst>
        </pc:spChg>
        <pc:spChg chg="mod">
          <ac:chgData name="White, Alex" userId="eff6cc8c-37d8-483b-9c6c-6b27e9afa9bc" providerId="ADAL" clId="{BF04C754-5BF4-4E83-9615-DB14FA25AF8A}" dt="2023-10-12T11:38:08.274" v="295"/>
          <ac:spMkLst>
            <pc:docMk/>
            <pc:sldMk cId="2376958513" sldId="260"/>
            <ac:spMk id="6203" creationId="{5E4739FA-11DC-D614-5EC2-A86F066C9F86}"/>
          </ac:spMkLst>
        </pc:spChg>
        <pc:spChg chg="mod">
          <ac:chgData name="White, Alex" userId="eff6cc8c-37d8-483b-9c6c-6b27e9afa9bc" providerId="ADAL" clId="{BF04C754-5BF4-4E83-9615-DB14FA25AF8A}" dt="2023-10-12T11:38:08.274" v="295"/>
          <ac:spMkLst>
            <pc:docMk/>
            <pc:sldMk cId="2376958513" sldId="260"/>
            <ac:spMk id="6204" creationId="{17892F04-531E-DF0D-1D80-E050FC2D6185}"/>
          </ac:spMkLst>
        </pc:spChg>
        <pc:spChg chg="mod">
          <ac:chgData name="White, Alex" userId="eff6cc8c-37d8-483b-9c6c-6b27e9afa9bc" providerId="ADAL" clId="{BF04C754-5BF4-4E83-9615-DB14FA25AF8A}" dt="2023-10-12T11:38:08.274" v="295"/>
          <ac:spMkLst>
            <pc:docMk/>
            <pc:sldMk cId="2376958513" sldId="260"/>
            <ac:spMk id="6205" creationId="{09F2E214-FAF8-6037-8615-B1A920EBA774}"/>
          </ac:spMkLst>
        </pc:spChg>
        <pc:spChg chg="mod">
          <ac:chgData name="White, Alex" userId="eff6cc8c-37d8-483b-9c6c-6b27e9afa9bc" providerId="ADAL" clId="{BF04C754-5BF4-4E83-9615-DB14FA25AF8A}" dt="2023-10-12T11:38:08.274" v="295"/>
          <ac:spMkLst>
            <pc:docMk/>
            <pc:sldMk cId="2376958513" sldId="260"/>
            <ac:spMk id="6206" creationId="{7AE3AF1D-67D1-3FCD-76A1-036029377BCF}"/>
          </ac:spMkLst>
        </pc:spChg>
        <pc:spChg chg="mod">
          <ac:chgData name="White, Alex" userId="eff6cc8c-37d8-483b-9c6c-6b27e9afa9bc" providerId="ADAL" clId="{BF04C754-5BF4-4E83-9615-DB14FA25AF8A}" dt="2023-10-12T11:38:08.274" v="295"/>
          <ac:spMkLst>
            <pc:docMk/>
            <pc:sldMk cId="2376958513" sldId="260"/>
            <ac:spMk id="6207" creationId="{876C01F2-49A4-4280-0022-F7C017A87A6F}"/>
          </ac:spMkLst>
        </pc:spChg>
        <pc:spChg chg="mod">
          <ac:chgData name="White, Alex" userId="eff6cc8c-37d8-483b-9c6c-6b27e9afa9bc" providerId="ADAL" clId="{BF04C754-5BF4-4E83-9615-DB14FA25AF8A}" dt="2023-10-12T11:38:08.274" v="295"/>
          <ac:spMkLst>
            <pc:docMk/>
            <pc:sldMk cId="2376958513" sldId="260"/>
            <ac:spMk id="6208" creationId="{22A4BE4F-B494-E1C3-4DA0-62585F899C04}"/>
          </ac:spMkLst>
        </pc:spChg>
        <pc:spChg chg="mod">
          <ac:chgData name="White, Alex" userId="eff6cc8c-37d8-483b-9c6c-6b27e9afa9bc" providerId="ADAL" clId="{BF04C754-5BF4-4E83-9615-DB14FA25AF8A}" dt="2023-10-12T11:38:08.274" v="295"/>
          <ac:spMkLst>
            <pc:docMk/>
            <pc:sldMk cId="2376958513" sldId="260"/>
            <ac:spMk id="6209" creationId="{E74B05A5-F1E4-096A-F3FB-19C47A6AF2BE}"/>
          </ac:spMkLst>
        </pc:spChg>
        <pc:spChg chg="mod">
          <ac:chgData name="White, Alex" userId="eff6cc8c-37d8-483b-9c6c-6b27e9afa9bc" providerId="ADAL" clId="{BF04C754-5BF4-4E83-9615-DB14FA25AF8A}" dt="2023-10-12T11:38:08.274" v="295"/>
          <ac:spMkLst>
            <pc:docMk/>
            <pc:sldMk cId="2376958513" sldId="260"/>
            <ac:spMk id="6210" creationId="{67144276-772F-B57A-A081-F7B0EA5A6F60}"/>
          </ac:spMkLst>
        </pc:spChg>
        <pc:spChg chg="mod">
          <ac:chgData name="White, Alex" userId="eff6cc8c-37d8-483b-9c6c-6b27e9afa9bc" providerId="ADAL" clId="{BF04C754-5BF4-4E83-9615-DB14FA25AF8A}" dt="2023-10-12T11:38:08.274" v="295"/>
          <ac:spMkLst>
            <pc:docMk/>
            <pc:sldMk cId="2376958513" sldId="260"/>
            <ac:spMk id="6211" creationId="{FDAA1631-5CB5-A914-FB15-74F1A86901B4}"/>
          </ac:spMkLst>
        </pc:spChg>
        <pc:spChg chg="mod">
          <ac:chgData name="White, Alex" userId="eff6cc8c-37d8-483b-9c6c-6b27e9afa9bc" providerId="ADAL" clId="{BF04C754-5BF4-4E83-9615-DB14FA25AF8A}" dt="2023-10-12T11:38:08.274" v="295"/>
          <ac:spMkLst>
            <pc:docMk/>
            <pc:sldMk cId="2376958513" sldId="260"/>
            <ac:spMk id="6212" creationId="{FD063B53-BA56-683A-B068-AA4487EE3BD0}"/>
          </ac:spMkLst>
        </pc:spChg>
        <pc:spChg chg="mod">
          <ac:chgData name="White, Alex" userId="eff6cc8c-37d8-483b-9c6c-6b27e9afa9bc" providerId="ADAL" clId="{BF04C754-5BF4-4E83-9615-DB14FA25AF8A}" dt="2023-10-12T11:38:08.274" v="295"/>
          <ac:spMkLst>
            <pc:docMk/>
            <pc:sldMk cId="2376958513" sldId="260"/>
            <ac:spMk id="6213" creationId="{7AA547C4-20B4-DB2E-2AA8-EF7C10C02185}"/>
          </ac:spMkLst>
        </pc:spChg>
        <pc:spChg chg="mod">
          <ac:chgData name="White, Alex" userId="eff6cc8c-37d8-483b-9c6c-6b27e9afa9bc" providerId="ADAL" clId="{BF04C754-5BF4-4E83-9615-DB14FA25AF8A}" dt="2023-10-12T11:38:08.274" v="295"/>
          <ac:spMkLst>
            <pc:docMk/>
            <pc:sldMk cId="2376958513" sldId="260"/>
            <ac:spMk id="6214" creationId="{18710FBA-F5D3-5E62-FB28-1658848D41DD}"/>
          </ac:spMkLst>
        </pc:spChg>
        <pc:spChg chg="mod">
          <ac:chgData name="White, Alex" userId="eff6cc8c-37d8-483b-9c6c-6b27e9afa9bc" providerId="ADAL" clId="{BF04C754-5BF4-4E83-9615-DB14FA25AF8A}" dt="2023-10-12T11:38:08.274" v="295"/>
          <ac:spMkLst>
            <pc:docMk/>
            <pc:sldMk cId="2376958513" sldId="260"/>
            <ac:spMk id="6215" creationId="{6977E50B-5A7D-6EE7-6813-DC40840A3AE0}"/>
          </ac:spMkLst>
        </pc:spChg>
        <pc:spChg chg="mod">
          <ac:chgData name="White, Alex" userId="eff6cc8c-37d8-483b-9c6c-6b27e9afa9bc" providerId="ADAL" clId="{BF04C754-5BF4-4E83-9615-DB14FA25AF8A}" dt="2023-10-12T11:38:08.274" v="295"/>
          <ac:spMkLst>
            <pc:docMk/>
            <pc:sldMk cId="2376958513" sldId="260"/>
            <ac:spMk id="6216" creationId="{05A0E289-DCD8-8B22-FC4C-6808017340F6}"/>
          </ac:spMkLst>
        </pc:spChg>
        <pc:spChg chg="mod">
          <ac:chgData name="White, Alex" userId="eff6cc8c-37d8-483b-9c6c-6b27e9afa9bc" providerId="ADAL" clId="{BF04C754-5BF4-4E83-9615-DB14FA25AF8A}" dt="2023-10-12T11:38:08.274" v="295"/>
          <ac:spMkLst>
            <pc:docMk/>
            <pc:sldMk cId="2376958513" sldId="260"/>
            <ac:spMk id="6217" creationId="{C9B5DE03-3398-3F56-1B7D-7486297354E7}"/>
          </ac:spMkLst>
        </pc:spChg>
        <pc:spChg chg="mod">
          <ac:chgData name="White, Alex" userId="eff6cc8c-37d8-483b-9c6c-6b27e9afa9bc" providerId="ADAL" clId="{BF04C754-5BF4-4E83-9615-DB14FA25AF8A}" dt="2023-10-12T11:38:08.274" v="295"/>
          <ac:spMkLst>
            <pc:docMk/>
            <pc:sldMk cId="2376958513" sldId="260"/>
            <ac:spMk id="6218" creationId="{7F351938-EC00-225E-D7C0-B9374FFBB37B}"/>
          </ac:spMkLst>
        </pc:spChg>
        <pc:spChg chg="mod">
          <ac:chgData name="White, Alex" userId="eff6cc8c-37d8-483b-9c6c-6b27e9afa9bc" providerId="ADAL" clId="{BF04C754-5BF4-4E83-9615-DB14FA25AF8A}" dt="2023-10-12T11:38:08.274" v="295"/>
          <ac:spMkLst>
            <pc:docMk/>
            <pc:sldMk cId="2376958513" sldId="260"/>
            <ac:spMk id="6219" creationId="{2659389E-1594-8339-30AA-4D7B23FC6F67}"/>
          </ac:spMkLst>
        </pc:spChg>
        <pc:spChg chg="mod">
          <ac:chgData name="White, Alex" userId="eff6cc8c-37d8-483b-9c6c-6b27e9afa9bc" providerId="ADAL" clId="{BF04C754-5BF4-4E83-9615-DB14FA25AF8A}" dt="2023-10-12T11:38:08.274" v="295"/>
          <ac:spMkLst>
            <pc:docMk/>
            <pc:sldMk cId="2376958513" sldId="260"/>
            <ac:spMk id="6220" creationId="{43681C69-9252-B22F-A08A-ACF946825E22}"/>
          </ac:spMkLst>
        </pc:spChg>
        <pc:spChg chg="mod">
          <ac:chgData name="White, Alex" userId="eff6cc8c-37d8-483b-9c6c-6b27e9afa9bc" providerId="ADAL" clId="{BF04C754-5BF4-4E83-9615-DB14FA25AF8A}" dt="2023-10-12T11:38:08.274" v="295"/>
          <ac:spMkLst>
            <pc:docMk/>
            <pc:sldMk cId="2376958513" sldId="260"/>
            <ac:spMk id="6221" creationId="{38F09836-5DC0-E3A0-FB2F-F34F3EED4F14}"/>
          </ac:spMkLst>
        </pc:spChg>
        <pc:spChg chg="mod">
          <ac:chgData name="White, Alex" userId="eff6cc8c-37d8-483b-9c6c-6b27e9afa9bc" providerId="ADAL" clId="{BF04C754-5BF4-4E83-9615-DB14FA25AF8A}" dt="2023-10-12T11:38:08.274" v="295"/>
          <ac:spMkLst>
            <pc:docMk/>
            <pc:sldMk cId="2376958513" sldId="260"/>
            <ac:spMk id="6222" creationId="{CCDE095E-16EC-D626-543E-F70C01772D2B}"/>
          </ac:spMkLst>
        </pc:spChg>
        <pc:spChg chg="mod">
          <ac:chgData name="White, Alex" userId="eff6cc8c-37d8-483b-9c6c-6b27e9afa9bc" providerId="ADAL" clId="{BF04C754-5BF4-4E83-9615-DB14FA25AF8A}" dt="2023-10-12T11:38:08.274" v="295"/>
          <ac:spMkLst>
            <pc:docMk/>
            <pc:sldMk cId="2376958513" sldId="260"/>
            <ac:spMk id="6223" creationId="{62D6430B-D513-9C11-6B93-0565C01DACDC}"/>
          </ac:spMkLst>
        </pc:spChg>
        <pc:spChg chg="mod">
          <ac:chgData name="White, Alex" userId="eff6cc8c-37d8-483b-9c6c-6b27e9afa9bc" providerId="ADAL" clId="{BF04C754-5BF4-4E83-9615-DB14FA25AF8A}" dt="2023-10-12T11:38:08.274" v="295"/>
          <ac:spMkLst>
            <pc:docMk/>
            <pc:sldMk cId="2376958513" sldId="260"/>
            <ac:spMk id="6224" creationId="{6A1662AA-5881-3A11-CFC9-742D24EF7CFE}"/>
          </ac:spMkLst>
        </pc:spChg>
        <pc:spChg chg="mod">
          <ac:chgData name="White, Alex" userId="eff6cc8c-37d8-483b-9c6c-6b27e9afa9bc" providerId="ADAL" clId="{BF04C754-5BF4-4E83-9615-DB14FA25AF8A}" dt="2023-10-12T11:38:08.274" v="295"/>
          <ac:spMkLst>
            <pc:docMk/>
            <pc:sldMk cId="2376958513" sldId="260"/>
            <ac:spMk id="6225" creationId="{CBC13BEF-ABE6-F70E-F754-9DE553AD57B8}"/>
          </ac:spMkLst>
        </pc:spChg>
        <pc:spChg chg="mod">
          <ac:chgData name="White, Alex" userId="eff6cc8c-37d8-483b-9c6c-6b27e9afa9bc" providerId="ADAL" clId="{BF04C754-5BF4-4E83-9615-DB14FA25AF8A}" dt="2023-10-12T11:38:08.274" v="295"/>
          <ac:spMkLst>
            <pc:docMk/>
            <pc:sldMk cId="2376958513" sldId="260"/>
            <ac:spMk id="6226" creationId="{5A962A3D-1E1F-C66B-6FA9-94E9141B27F1}"/>
          </ac:spMkLst>
        </pc:spChg>
        <pc:spChg chg="mod">
          <ac:chgData name="White, Alex" userId="eff6cc8c-37d8-483b-9c6c-6b27e9afa9bc" providerId="ADAL" clId="{BF04C754-5BF4-4E83-9615-DB14FA25AF8A}" dt="2023-10-12T11:38:08.274" v="295"/>
          <ac:spMkLst>
            <pc:docMk/>
            <pc:sldMk cId="2376958513" sldId="260"/>
            <ac:spMk id="6227" creationId="{68C45016-3137-0110-21D4-05A646C08BB1}"/>
          </ac:spMkLst>
        </pc:spChg>
        <pc:spChg chg="mod">
          <ac:chgData name="White, Alex" userId="eff6cc8c-37d8-483b-9c6c-6b27e9afa9bc" providerId="ADAL" clId="{BF04C754-5BF4-4E83-9615-DB14FA25AF8A}" dt="2023-10-12T11:38:08.274" v="295"/>
          <ac:spMkLst>
            <pc:docMk/>
            <pc:sldMk cId="2376958513" sldId="260"/>
            <ac:spMk id="6228" creationId="{84C2DE17-B279-ADDA-3304-552635F89B28}"/>
          </ac:spMkLst>
        </pc:spChg>
        <pc:spChg chg="mod">
          <ac:chgData name="White, Alex" userId="eff6cc8c-37d8-483b-9c6c-6b27e9afa9bc" providerId="ADAL" clId="{BF04C754-5BF4-4E83-9615-DB14FA25AF8A}" dt="2023-10-12T11:38:08.274" v="295"/>
          <ac:spMkLst>
            <pc:docMk/>
            <pc:sldMk cId="2376958513" sldId="260"/>
            <ac:spMk id="6229" creationId="{819FFF5C-AC62-6E8F-39E3-943972741444}"/>
          </ac:spMkLst>
        </pc:spChg>
        <pc:spChg chg="mod">
          <ac:chgData name="White, Alex" userId="eff6cc8c-37d8-483b-9c6c-6b27e9afa9bc" providerId="ADAL" clId="{BF04C754-5BF4-4E83-9615-DB14FA25AF8A}" dt="2023-10-12T11:38:08.274" v="295"/>
          <ac:spMkLst>
            <pc:docMk/>
            <pc:sldMk cId="2376958513" sldId="260"/>
            <ac:spMk id="6230" creationId="{3282824E-61F8-3745-D200-E936F95EEB90}"/>
          </ac:spMkLst>
        </pc:spChg>
        <pc:spChg chg="mod">
          <ac:chgData name="White, Alex" userId="eff6cc8c-37d8-483b-9c6c-6b27e9afa9bc" providerId="ADAL" clId="{BF04C754-5BF4-4E83-9615-DB14FA25AF8A}" dt="2023-10-12T11:38:08.274" v="295"/>
          <ac:spMkLst>
            <pc:docMk/>
            <pc:sldMk cId="2376958513" sldId="260"/>
            <ac:spMk id="6231" creationId="{231B5868-A6A6-B0ED-1E6E-35853758FAE8}"/>
          </ac:spMkLst>
        </pc:spChg>
        <pc:spChg chg="mod">
          <ac:chgData name="White, Alex" userId="eff6cc8c-37d8-483b-9c6c-6b27e9afa9bc" providerId="ADAL" clId="{BF04C754-5BF4-4E83-9615-DB14FA25AF8A}" dt="2023-10-12T11:38:08.274" v="295"/>
          <ac:spMkLst>
            <pc:docMk/>
            <pc:sldMk cId="2376958513" sldId="260"/>
            <ac:spMk id="6232" creationId="{4138C2D4-CC13-917D-D29C-A0C2CBBE8434}"/>
          </ac:spMkLst>
        </pc:spChg>
        <pc:spChg chg="mod">
          <ac:chgData name="White, Alex" userId="eff6cc8c-37d8-483b-9c6c-6b27e9afa9bc" providerId="ADAL" clId="{BF04C754-5BF4-4E83-9615-DB14FA25AF8A}" dt="2023-10-12T11:38:08.274" v="295"/>
          <ac:spMkLst>
            <pc:docMk/>
            <pc:sldMk cId="2376958513" sldId="260"/>
            <ac:spMk id="6233" creationId="{4184A0C1-6381-9115-34C1-21C74934821D}"/>
          </ac:spMkLst>
        </pc:spChg>
        <pc:spChg chg="mod">
          <ac:chgData name="White, Alex" userId="eff6cc8c-37d8-483b-9c6c-6b27e9afa9bc" providerId="ADAL" clId="{BF04C754-5BF4-4E83-9615-DB14FA25AF8A}" dt="2023-10-12T11:38:08.274" v="295"/>
          <ac:spMkLst>
            <pc:docMk/>
            <pc:sldMk cId="2376958513" sldId="260"/>
            <ac:spMk id="6234" creationId="{5B8DADBA-CFA6-6328-B981-8E4E0F83D989}"/>
          </ac:spMkLst>
        </pc:spChg>
        <pc:spChg chg="mod">
          <ac:chgData name="White, Alex" userId="eff6cc8c-37d8-483b-9c6c-6b27e9afa9bc" providerId="ADAL" clId="{BF04C754-5BF4-4E83-9615-DB14FA25AF8A}" dt="2023-10-12T11:38:08.274" v="295"/>
          <ac:spMkLst>
            <pc:docMk/>
            <pc:sldMk cId="2376958513" sldId="260"/>
            <ac:spMk id="6235" creationId="{9233C6DE-39FA-8BC9-BD33-F2BE301FFABB}"/>
          </ac:spMkLst>
        </pc:spChg>
        <pc:spChg chg="mod">
          <ac:chgData name="White, Alex" userId="eff6cc8c-37d8-483b-9c6c-6b27e9afa9bc" providerId="ADAL" clId="{BF04C754-5BF4-4E83-9615-DB14FA25AF8A}" dt="2023-10-12T11:38:08.274" v="295"/>
          <ac:spMkLst>
            <pc:docMk/>
            <pc:sldMk cId="2376958513" sldId="260"/>
            <ac:spMk id="6236" creationId="{2A127032-AB11-DD6C-D432-257C31E05357}"/>
          </ac:spMkLst>
        </pc:spChg>
        <pc:spChg chg="mod">
          <ac:chgData name="White, Alex" userId="eff6cc8c-37d8-483b-9c6c-6b27e9afa9bc" providerId="ADAL" clId="{BF04C754-5BF4-4E83-9615-DB14FA25AF8A}" dt="2023-10-12T11:38:08.274" v="295"/>
          <ac:spMkLst>
            <pc:docMk/>
            <pc:sldMk cId="2376958513" sldId="260"/>
            <ac:spMk id="6237" creationId="{D3A6DF16-F292-626F-001A-2524A65ACBDB}"/>
          </ac:spMkLst>
        </pc:spChg>
        <pc:spChg chg="mod">
          <ac:chgData name="White, Alex" userId="eff6cc8c-37d8-483b-9c6c-6b27e9afa9bc" providerId="ADAL" clId="{BF04C754-5BF4-4E83-9615-DB14FA25AF8A}" dt="2023-10-12T11:38:08.274" v="295"/>
          <ac:spMkLst>
            <pc:docMk/>
            <pc:sldMk cId="2376958513" sldId="260"/>
            <ac:spMk id="6238" creationId="{39815C1D-6503-4768-EC7F-7D5A1FEC68B6}"/>
          </ac:spMkLst>
        </pc:spChg>
        <pc:spChg chg="mod">
          <ac:chgData name="White, Alex" userId="eff6cc8c-37d8-483b-9c6c-6b27e9afa9bc" providerId="ADAL" clId="{BF04C754-5BF4-4E83-9615-DB14FA25AF8A}" dt="2023-10-12T11:38:08.274" v="295"/>
          <ac:spMkLst>
            <pc:docMk/>
            <pc:sldMk cId="2376958513" sldId="260"/>
            <ac:spMk id="6239" creationId="{4D85B6E0-1A43-D4F4-D36C-A0B004155863}"/>
          </ac:spMkLst>
        </pc:spChg>
        <pc:spChg chg="mod">
          <ac:chgData name="White, Alex" userId="eff6cc8c-37d8-483b-9c6c-6b27e9afa9bc" providerId="ADAL" clId="{BF04C754-5BF4-4E83-9615-DB14FA25AF8A}" dt="2023-10-12T11:38:08.274" v="295"/>
          <ac:spMkLst>
            <pc:docMk/>
            <pc:sldMk cId="2376958513" sldId="260"/>
            <ac:spMk id="6240" creationId="{C2A00977-50D4-4D4E-F699-F6C70BC4E533}"/>
          </ac:spMkLst>
        </pc:spChg>
        <pc:spChg chg="mod">
          <ac:chgData name="White, Alex" userId="eff6cc8c-37d8-483b-9c6c-6b27e9afa9bc" providerId="ADAL" clId="{BF04C754-5BF4-4E83-9615-DB14FA25AF8A}" dt="2023-10-12T11:38:08.274" v="295"/>
          <ac:spMkLst>
            <pc:docMk/>
            <pc:sldMk cId="2376958513" sldId="260"/>
            <ac:spMk id="6241" creationId="{CD47FF1D-0417-2F53-DB06-C303D5DDBF16}"/>
          </ac:spMkLst>
        </pc:spChg>
        <pc:spChg chg="mod">
          <ac:chgData name="White, Alex" userId="eff6cc8c-37d8-483b-9c6c-6b27e9afa9bc" providerId="ADAL" clId="{BF04C754-5BF4-4E83-9615-DB14FA25AF8A}" dt="2023-10-12T11:38:08.274" v="295"/>
          <ac:spMkLst>
            <pc:docMk/>
            <pc:sldMk cId="2376958513" sldId="260"/>
            <ac:spMk id="6242" creationId="{94F705A6-46E3-3E07-67DA-2526810B57E7}"/>
          </ac:spMkLst>
        </pc:spChg>
        <pc:spChg chg="mod">
          <ac:chgData name="White, Alex" userId="eff6cc8c-37d8-483b-9c6c-6b27e9afa9bc" providerId="ADAL" clId="{BF04C754-5BF4-4E83-9615-DB14FA25AF8A}" dt="2023-10-12T11:38:08.274" v="295"/>
          <ac:spMkLst>
            <pc:docMk/>
            <pc:sldMk cId="2376958513" sldId="260"/>
            <ac:spMk id="6243" creationId="{37FD04EE-9155-2B39-C6C2-BE3CC68BDC98}"/>
          </ac:spMkLst>
        </pc:spChg>
        <pc:spChg chg="mod">
          <ac:chgData name="White, Alex" userId="eff6cc8c-37d8-483b-9c6c-6b27e9afa9bc" providerId="ADAL" clId="{BF04C754-5BF4-4E83-9615-DB14FA25AF8A}" dt="2023-10-12T11:38:08.274" v="295"/>
          <ac:spMkLst>
            <pc:docMk/>
            <pc:sldMk cId="2376958513" sldId="260"/>
            <ac:spMk id="6244" creationId="{F39A377C-CF68-6362-839C-6A23B47DF98C}"/>
          </ac:spMkLst>
        </pc:spChg>
        <pc:spChg chg="mod">
          <ac:chgData name="White, Alex" userId="eff6cc8c-37d8-483b-9c6c-6b27e9afa9bc" providerId="ADAL" clId="{BF04C754-5BF4-4E83-9615-DB14FA25AF8A}" dt="2023-10-12T11:38:08.274" v="295"/>
          <ac:spMkLst>
            <pc:docMk/>
            <pc:sldMk cId="2376958513" sldId="260"/>
            <ac:spMk id="6245" creationId="{E88D990B-DE84-87D5-FDF6-77671A4BB5CA}"/>
          </ac:spMkLst>
        </pc:spChg>
        <pc:spChg chg="mod">
          <ac:chgData name="White, Alex" userId="eff6cc8c-37d8-483b-9c6c-6b27e9afa9bc" providerId="ADAL" clId="{BF04C754-5BF4-4E83-9615-DB14FA25AF8A}" dt="2023-10-12T11:38:08.274" v="295"/>
          <ac:spMkLst>
            <pc:docMk/>
            <pc:sldMk cId="2376958513" sldId="260"/>
            <ac:spMk id="6246" creationId="{92E38DC3-AB80-39D4-B91D-5CA9D84F4260}"/>
          </ac:spMkLst>
        </pc:spChg>
        <pc:spChg chg="mod">
          <ac:chgData name="White, Alex" userId="eff6cc8c-37d8-483b-9c6c-6b27e9afa9bc" providerId="ADAL" clId="{BF04C754-5BF4-4E83-9615-DB14FA25AF8A}" dt="2023-10-12T11:38:08.274" v="295"/>
          <ac:spMkLst>
            <pc:docMk/>
            <pc:sldMk cId="2376958513" sldId="260"/>
            <ac:spMk id="6247" creationId="{2746AF1B-3E35-8695-45A4-6CE0E4974DB2}"/>
          </ac:spMkLst>
        </pc:spChg>
        <pc:spChg chg="mod">
          <ac:chgData name="White, Alex" userId="eff6cc8c-37d8-483b-9c6c-6b27e9afa9bc" providerId="ADAL" clId="{BF04C754-5BF4-4E83-9615-DB14FA25AF8A}" dt="2023-10-12T11:38:08.274" v="295"/>
          <ac:spMkLst>
            <pc:docMk/>
            <pc:sldMk cId="2376958513" sldId="260"/>
            <ac:spMk id="6248" creationId="{8ED4155A-20BE-F906-547A-9183D06AAA30}"/>
          </ac:spMkLst>
        </pc:spChg>
        <pc:spChg chg="mod">
          <ac:chgData name="White, Alex" userId="eff6cc8c-37d8-483b-9c6c-6b27e9afa9bc" providerId="ADAL" clId="{BF04C754-5BF4-4E83-9615-DB14FA25AF8A}" dt="2023-10-12T11:38:08.274" v="295"/>
          <ac:spMkLst>
            <pc:docMk/>
            <pc:sldMk cId="2376958513" sldId="260"/>
            <ac:spMk id="6249" creationId="{FB59EC38-00DF-E688-C881-21D0816B8760}"/>
          </ac:spMkLst>
        </pc:spChg>
        <pc:spChg chg="mod">
          <ac:chgData name="White, Alex" userId="eff6cc8c-37d8-483b-9c6c-6b27e9afa9bc" providerId="ADAL" clId="{BF04C754-5BF4-4E83-9615-DB14FA25AF8A}" dt="2023-10-12T11:38:08.274" v="295"/>
          <ac:spMkLst>
            <pc:docMk/>
            <pc:sldMk cId="2376958513" sldId="260"/>
            <ac:spMk id="6250" creationId="{CBF8BB97-8CA3-F0E0-BB66-7FFB0B485408}"/>
          </ac:spMkLst>
        </pc:spChg>
        <pc:spChg chg="mod">
          <ac:chgData name="White, Alex" userId="eff6cc8c-37d8-483b-9c6c-6b27e9afa9bc" providerId="ADAL" clId="{BF04C754-5BF4-4E83-9615-DB14FA25AF8A}" dt="2023-10-12T11:38:08.274" v="295"/>
          <ac:spMkLst>
            <pc:docMk/>
            <pc:sldMk cId="2376958513" sldId="260"/>
            <ac:spMk id="6251" creationId="{7E75BEC4-ECDE-EA89-93EC-F945D5CE8006}"/>
          </ac:spMkLst>
        </pc:spChg>
        <pc:spChg chg="mod">
          <ac:chgData name="White, Alex" userId="eff6cc8c-37d8-483b-9c6c-6b27e9afa9bc" providerId="ADAL" clId="{BF04C754-5BF4-4E83-9615-DB14FA25AF8A}" dt="2023-10-12T11:38:08.274" v="295"/>
          <ac:spMkLst>
            <pc:docMk/>
            <pc:sldMk cId="2376958513" sldId="260"/>
            <ac:spMk id="6252" creationId="{1F3323B8-BEE3-8804-8B47-EE41C57F993D}"/>
          </ac:spMkLst>
        </pc:spChg>
        <pc:spChg chg="mod">
          <ac:chgData name="White, Alex" userId="eff6cc8c-37d8-483b-9c6c-6b27e9afa9bc" providerId="ADAL" clId="{BF04C754-5BF4-4E83-9615-DB14FA25AF8A}" dt="2023-10-12T11:38:08.274" v="295"/>
          <ac:spMkLst>
            <pc:docMk/>
            <pc:sldMk cId="2376958513" sldId="260"/>
            <ac:spMk id="6253" creationId="{9D6BBEB7-F308-36E9-514F-2E61867859DB}"/>
          </ac:spMkLst>
        </pc:spChg>
        <pc:spChg chg="mod">
          <ac:chgData name="White, Alex" userId="eff6cc8c-37d8-483b-9c6c-6b27e9afa9bc" providerId="ADAL" clId="{BF04C754-5BF4-4E83-9615-DB14FA25AF8A}" dt="2023-10-12T11:38:08.274" v="295"/>
          <ac:spMkLst>
            <pc:docMk/>
            <pc:sldMk cId="2376958513" sldId="260"/>
            <ac:spMk id="6254" creationId="{8AD40859-994B-BBF7-669A-0013D1941905}"/>
          </ac:spMkLst>
        </pc:spChg>
        <pc:spChg chg="mod">
          <ac:chgData name="White, Alex" userId="eff6cc8c-37d8-483b-9c6c-6b27e9afa9bc" providerId="ADAL" clId="{BF04C754-5BF4-4E83-9615-DB14FA25AF8A}" dt="2023-10-12T11:38:08.274" v="295"/>
          <ac:spMkLst>
            <pc:docMk/>
            <pc:sldMk cId="2376958513" sldId="260"/>
            <ac:spMk id="6255" creationId="{F1FAB5CD-E3FA-341F-6D46-D534BF5B60C7}"/>
          </ac:spMkLst>
        </pc:spChg>
        <pc:spChg chg="mod">
          <ac:chgData name="White, Alex" userId="eff6cc8c-37d8-483b-9c6c-6b27e9afa9bc" providerId="ADAL" clId="{BF04C754-5BF4-4E83-9615-DB14FA25AF8A}" dt="2023-10-12T11:38:08.274" v="295"/>
          <ac:spMkLst>
            <pc:docMk/>
            <pc:sldMk cId="2376958513" sldId="260"/>
            <ac:spMk id="6256" creationId="{201671F6-2378-9D20-E207-228960AF473F}"/>
          </ac:spMkLst>
        </pc:spChg>
        <pc:spChg chg="mod">
          <ac:chgData name="White, Alex" userId="eff6cc8c-37d8-483b-9c6c-6b27e9afa9bc" providerId="ADAL" clId="{BF04C754-5BF4-4E83-9615-DB14FA25AF8A}" dt="2023-10-12T11:38:08.274" v="295"/>
          <ac:spMkLst>
            <pc:docMk/>
            <pc:sldMk cId="2376958513" sldId="260"/>
            <ac:spMk id="6257" creationId="{E5D8976A-D29D-1C3F-4C8C-A61F1A8D3C0E}"/>
          </ac:spMkLst>
        </pc:spChg>
        <pc:spChg chg="mod">
          <ac:chgData name="White, Alex" userId="eff6cc8c-37d8-483b-9c6c-6b27e9afa9bc" providerId="ADAL" clId="{BF04C754-5BF4-4E83-9615-DB14FA25AF8A}" dt="2023-10-12T11:38:08.274" v="295"/>
          <ac:spMkLst>
            <pc:docMk/>
            <pc:sldMk cId="2376958513" sldId="260"/>
            <ac:spMk id="6258" creationId="{D3CD14B0-BDD4-BB5B-42DB-3C9E3BADF0ED}"/>
          </ac:spMkLst>
        </pc:spChg>
        <pc:spChg chg="mod">
          <ac:chgData name="White, Alex" userId="eff6cc8c-37d8-483b-9c6c-6b27e9afa9bc" providerId="ADAL" clId="{BF04C754-5BF4-4E83-9615-DB14FA25AF8A}" dt="2023-10-12T11:38:08.274" v="295"/>
          <ac:spMkLst>
            <pc:docMk/>
            <pc:sldMk cId="2376958513" sldId="260"/>
            <ac:spMk id="6259" creationId="{51F81A2E-8255-1338-C158-E3E203BC6017}"/>
          </ac:spMkLst>
        </pc:spChg>
        <pc:spChg chg="mod">
          <ac:chgData name="White, Alex" userId="eff6cc8c-37d8-483b-9c6c-6b27e9afa9bc" providerId="ADAL" clId="{BF04C754-5BF4-4E83-9615-DB14FA25AF8A}" dt="2023-10-12T11:38:08.274" v="295"/>
          <ac:spMkLst>
            <pc:docMk/>
            <pc:sldMk cId="2376958513" sldId="260"/>
            <ac:spMk id="6260" creationId="{E8F745A8-13CC-458B-6F07-432F8987D3E8}"/>
          </ac:spMkLst>
        </pc:spChg>
        <pc:spChg chg="mod">
          <ac:chgData name="White, Alex" userId="eff6cc8c-37d8-483b-9c6c-6b27e9afa9bc" providerId="ADAL" clId="{BF04C754-5BF4-4E83-9615-DB14FA25AF8A}" dt="2023-10-12T11:38:08.274" v="295"/>
          <ac:spMkLst>
            <pc:docMk/>
            <pc:sldMk cId="2376958513" sldId="260"/>
            <ac:spMk id="6261" creationId="{B9C2810A-4CFE-1E47-50A0-66D935B941C8}"/>
          </ac:spMkLst>
        </pc:spChg>
        <pc:spChg chg="mod">
          <ac:chgData name="White, Alex" userId="eff6cc8c-37d8-483b-9c6c-6b27e9afa9bc" providerId="ADAL" clId="{BF04C754-5BF4-4E83-9615-DB14FA25AF8A}" dt="2023-10-12T11:38:08.274" v="295"/>
          <ac:spMkLst>
            <pc:docMk/>
            <pc:sldMk cId="2376958513" sldId="260"/>
            <ac:spMk id="6262" creationId="{554D6E57-B966-5F08-311F-C248388A545B}"/>
          </ac:spMkLst>
        </pc:spChg>
        <pc:spChg chg="mod">
          <ac:chgData name="White, Alex" userId="eff6cc8c-37d8-483b-9c6c-6b27e9afa9bc" providerId="ADAL" clId="{BF04C754-5BF4-4E83-9615-DB14FA25AF8A}" dt="2023-10-12T11:38:08.274" v="295"/>
          <ac:spMkLst>
            <pc:docMk/>
            <pc:sldMk cId="2376958513" sldId="260"/>
            <ac:spMk id="6263" creationId="{82DFCBBE-0E2C-81E8-53EB-697A5541774A}"/>
          </ac:spMkLst>
        </pc:spChg>
        <pc:spChg chg="mod">
          <ac:chgData name="White, Alex" userId="eff6cc8c-37d8-483b-9c6c-6b27e9afa9bc" providerId="ADAL" clId="{BF04C754-5BF4-4E83-9615-DB14FA25AF8A}" dt="2023-10-12T11:38:08.274" v="295"/>
          <ac:spMkLst>
            <pc:docMk/>
            <pc:sldMk cId="2376958513" sldId="260"/>
            <ac:spMk id="6264" creationId="{9B24D4ED-6D71-35B5-2C6F-CBF58128F836}"/>
          </ac:spMkLst>
        </pc:spChg>
        <pc:spChg chg="mod">
          <ac:chgData name="White, Alex" userId="eff6cc8c-37d8-483b-9c6c-6b27e9afa9bc" providerId="ADAL" clId="{BF04C754-5BF4-4E83-9615-DB14FA25AF8A}" dt="2023-10-12T11:38:08.274" v="295"/>
          <ac:spMkLst>
            <pc:docMk/>
            <pc:sldMk cId="2376958513" sldId="260"/>
            <ac:spMk id="6265" creationId="{8925E534-78B0-6A00-11CD-3BB38E8FB524}"/>
          </ac:spMkLst>
        </pc:spChg>
        <pc:spChg chg="mod">
          <ac:chgData name="White, Alex" userId="eff6cc8c-37d8-483b-9c6c-6b27e9afa9bc" providerId="ADAL" clId="{BF04C754-5BF4-4E83-9615-DB14FA25AF8A}" dt="2023-10-12T11:38:08.274" v="295"/>
          <ac:spMkLst>
            <pc:docMk/>
            <pc:sldMk cId="2376958513" sldId="260"/>
            <ac:spMk id="6266" creationId="{6F3B8585-F1FC-0F15-B1D1-CE2B5F9B2406}"/>
          </ac:spMkLst>
        </pc:spChg>
        <pc:spChg chg="mod">
          <ac:chgData name="White, Alex" userId="eff6cc8c-37d8-483b-9c6c-6b27e9afa9bc" providerId="ADAL" clId="{BF04C754-5BF4-4E83-9615-DB14FA25AF8A}" dt="2023-10-12T11:38:08.274" v="295"/>
          <ac:spMkLst>
            <pc:docMk/>
            <pc:sldMk cId="2376958513" sldId="260"/>
            <ac:spMk id="6267" creationId="{FED555BA-3186-9EAE-E73A-5EC91688D13D}"/>
          </ac:spMkLst>
        </pc:spChg>
        <pc:spChg chg="mod">
          <ac:chgData name="White, Alex" userId="eff6cc8c-37d8-483b-9c6c-6b27e9afa9bc" providerId="ADAL" clId="{BF04C754-5BF4-4E83-9615-DB14FA25AF8A}" dt="2023-10-12T11:38:08.274" v="295"/>
          <ac:spMkLst>
            <pc:docMk/>
            <pc:sldMk cId="2376958513" sldId="260"/>
            <ac:spMk id="6268" creationId="{21906ECB-BBD6-3906-EBD8-78BE6FE65586}"/>
          </ac:spMkLst>
        </pc:spChg>
        <pc:spChg chg="mod">
          <ac:chgData name="White, Alex" userId="eff6cc8c-37d8-483b-9c6c-6b27e9afa9bc" providerId="ADAL" clId="{BF04C754-5BF4-4E83-9615-DB14FA25AF8A}" dt="2023-10-12T11:38:08.274" v="295"/>
          <ac:spMkLst>
            <pc:docMk/>
            <pc:sldMk cId="2376958513" sldId="260"/>
            <ac:spMk id="6269" creationId="{99406FB1-714D-3485-0582-CAB8E589AE14}"/>
          </ac:spMkLst>
        </pc:spChg>
        <pc:spChg chg="mod">
          <ac:chgData name="White, Alex" userId="eff6cc8c-37d8-483b-9c6c-6b27e9afa9bc" providerId="ADAL" clId="{BF04C754-5BF4-4E83-9615-DB14FA25AF8A}" dt="2023-10-12T11:38:08.274" v="295"/>
          <ac:spMkLst>
            <pc:docMk/>
            <pc:sldMk cId="2376958513" sldId="260"/>
            <ac:spMk id="6270" creationId="{A649F5A4-DA79-00CB-0F19-9FDF49348572}"/>
          </ac:spMkLst>
        </pc:spChg>
        <pc:spChg chg="mod">
          <ac:chgData name="White, Alex" userId="eff6cc8c-37d8-483b-9c6c-6b27e9afa9bc" providerId="ADAL" clId="{BF04C754-5BF4-4E83-9615-DB14FA25AF8A}" dt="2023-10-12T11:38:08.274" v="295"/>
          <ac:spMkLst>
            <pc:docMk/>
            <pc:sldMk cId="2376958513" sldId="260"/>
            <ac:spMk id="6271" creationId="{A9FAF31E-10DB-A10D-3D1D-0AEDA2551006}"/>
          </ac:spMkLst>
        </pc:spChg>
        <pc:spChg chg="mod">
          <ac:chgData name="White, Alex" userId="eff6cc8c-37d8-483b-9c6c-6b27e9afa9bc" providerId="ADAL" clId="{BF04C754-5BF4-4E83-9615-DB14FA25AF8A}" dt="2023-10-12T11:38:08.274" v="295"/>
          <ac:spMkLst>
            <pc:docMk/>
            <pc:sldMk cId="2376958513" sldId="260"/>
            <ac:spMk id="6272" creationId="{5176D63D-3E64-C2D3-322F-D042BE561EF9}"/>
          </ac:spMkLst>
        </pc:spChg>
        <pc:spChg chg="mod">
          <ac:chgData name="White, Alex" userId="eff6cc8c-37d8-483b-9c6c-6b27e9afa9bc" providerId="ADAL" clId="{BF04C754-5BF4-4E83-9615-DB14FA25AF8A}" dt="2023-10-12T11:38:08.274" v="295"/>
          <ac:spMkLst>
            <pc:docMk/>
            <pc:sldMk cId="2376958513" sldId="260"/>
            <ac:spMk id="6273" creationId="{C0F293AE-62F1-8FDE-570B-0F4D669BE3BF}"/>
          </ac:spMkLst>
        </pc:spChg>
        <pc:spChg chg="mod">
          <ac:chgData name="White, Alex" userId="eff6cc8c-37d8-483b-9c6c-6b27e9afa9bc" providerId="ADAL" clId="{BF04C754-5BF4-4E83-9615-DB14FA25AF8A}" dt="2023-10-12T11:38:08.274" v="295"/>
          <ac:spMkLst>
            <pc:docMk/>
            <pc:sldMk cId="2376958513" sldId="260"/>
            <ac:spMk id="6274" creationId="{661F20FA-8024-2099-C6AB-5E7AF46F9A72}"/>
          </ac:spMkLst>
        </pc:spChg>
        <pc:spChg chg="mod">
          <ac:chgData name="White, Alex" userId="eff6cc8c-37d8-483b-9c6c-6b27e9afa9bc" providerId="ADAL" clId="{BF04C754-5BF4-4E83-9615-DB14FA25AF8A}" dt="2023-10-12T11:38:08.274" v="295"/>
          <ac:spMkLst>
            <pc:docMk/>
            <pc:sldMk cId="2376958513" sldId="260"/>
            <ac:spMk id="6275" creationId="{99AEE49E-0E01-1882-45D5-F6704F75E990}"/>
          </ac:spMkLst>
        </pc:spChg>
        <pc:spChg chg="mod">
          <ac:chgData name="White, Alex" userId="eff6cc8c-37d8-483b-9c6c-6b27e9afa9bc" providerId="ADAL" clId="{BF04C754-5BF4-4E83-9615-DB14FA25AF8A}" dt="2023-10-12T11:38:08.274" v="295"/>
          <ac:spMkLst>
            <pc:docMk/>
            <pc:sldMk cId="2376958513" sldId="260"/>
            <ac:spMk id="6276" creationId="{B817BECD-1ECE-0112-517D-39F3154AEBFD}"/>
          </ac:spMkLst>
        </pc:spChg>
        <pc:spChg chg="mod">
          <ac:chgData name="White, Alex" userId="eff6cc8c-37d8-483b-9c6c-6b27e9afa9bc" providerId="ADAL" clId="{BF04C754-5BF4-4E83-9615-DB14FA25AF8A}" dt="2023-10-12T11:38:08.274" v="295"/>
          <ac:spMkLst>
            <pc:docMk/>
            <pc:sldMk cId="2376958513" sldId="260"/>
            <ac:spMk id="6277" creationId="{A698D0CB-0B0E-352B-7FB1-3236E3CFC012}"/>
          </ac:spMkLst>
        </pc:spChg>
        <pc:spChg chg="mod">
          <ac:chgData name="White, Alex" userId="eff6cc8c-37d8-483b-9c6c-6b27e9afa9bc" providerId="ADAL" clId="{BF04C754-5BF4-4E83-9615-DB14FA25AF8A}" dt="2023-10-12T11:38:08.274" v="295"/>
          <ac:spMkLst>
            <pc:docMk/>
            <pc:sldMk cId="2376958513" sldId="260"/>
            <ac:spMk id="6278" creationId="{39020238-94B5-CE0E-FBD2-827DC1026CB7}"/>
          </ac:spMkLst>
        </pc:spChg>
        <pc:spChg chg="mod">
          <ac:chgData name="White, Alex" userId="eff6cc8c-37d8-483b-9c6c-6b27e9afa9bc" providerId="ADAL" clId="{BF04C754-5BF4-4E83-9615-DB14FA25AF8A}" dt="2023-10-12T11:38:08.274" v="295"/>
          <ac:spMkLst>
            <pc:docMk/>
            <pc:sldMk cId="2376958513" sldId="260"/>
            <ac:spMk id="6279" creationId="{850AE909-E940-B66E-0295-C4A9F9DA1B6D}"/>
          </ac:spMkLst>
        </pc:spChg>
        <pc:spChg chg="mod">
          <ac:chgData name="White, Alex" userId="eff6cc8c-37d8-483b-9c6c-6b27e9afa9bc" providerId="ADAL" clId="{BF04C754-5BF4-4E83-9615-DB14FA25AF8A}" dt="2023-10-12T11:38:08.274" v="295"/>
          <ac:spMkLst>
            <pc:docMk/>
            <pc:sldMk cId="2376958513" sldId="260"/>
            <ac:spMk id="6280" creationId="{65FF378F-9476-FB39-EF82-126C540B7F4A}"/>
          </ac:spMkLst>
        </pc:spChg>
        <pc:spChg chg="mod">
          <ac:chgData name="White, Alex" userId="eff6cc8c-37d8-483b-9c6c-6b27e9afa9bc" providerId="ADAL" clId="{BF04C754-5BF4-4E83-9615-DB14FA25AF8A}" dt="2023-10-12T11:38:08.274" v="295"/>
          <ac:spMkLst>
            <pc:docMk/>
            <pc:sldMk cId="2376958513" sldId="260"/>
            <ac:spMk id="6281" creationId="{59EC2D78-748A-F94A-D397-018D4C74BD13}"/>
          </ac:spMkLst>
        </pc:spChg>
        <pc:spChg chg="mod">
          <ac:chgData name="White, Alex" userId="eff6cc8c-37d8-483b-9c6c-6b27e9afa9bc" providerId="ADAL" clId="{BF04C754-5BF4-4E83-9615-DB14FA25AF8A}" dt="2023-10-12T11:38:08.274" v="295"/>
          <ac:spMkLst>
            <pc:docMk/>
            <pc:sldMk cId="2376958513" sldId="260"/>
            <ac:spMk id="6282" creationId="{6424AB70-EF2B-E510-7E98-E6F10745A5E1}"/>
          </ac:spMkLst>
        </pc:spChg>
        <pc:spChg chg="mod">
          <ac:chgData name="White, Alex" userId="eff6cc8c-37d8-483b-9c6c-6b27e9afa9bc" providerId="ADAL" clId="{BF04C754-5BF4-4E83-9615-DB14FA25AF8A}" dt="2023-10-12T11:38:08.274" v="295"/>
          <ac:spMkLst>
            <pc:docMk/>
            <pc:sldMk cId="2376958513" sldId="260"/>
            <ac:spMk id="6283" creationId="{E5FAC953-3624-D967-4481-110360AEBBB4}"/>
          </ac:spMkLst>
        </pc:spChg>
        <pc:spChg chg="mod">
          <ac:chgData name="White, Alex" userId="eff6cc8c-37d8-483b-9c6c-6b27e9afa9bc" providerId="ADAL" clId="{BF04C754-5BF4-4E83-9615-DB14FA25AF8A}" dt="2023-10-12T11:38:08.274" v="295"/>
          <ac:spMkLst>
            <pc:docMk/>
            <pc:sldMk cId="2376958513" sldId="260"/>
            <ac:spMk id="6284" creationId="{BFA5F4BD-03CC-1CB9-B482-D2B118D32E07}"/>
          </ac:spMkLst>
        </pc:spChg>
        <pc:spChg chg="mod">
          <ac:chgData name="White, Alex" userId="eff6cc8c-37d8-483b-9c6c-6b27e9afa9bc" providerId="ADAL" clId="{BF04C754-5BF4-4E83-9615-DB14FA25AF8A}" dt="2023-10-12T11:38:08.274" v="295"/>
          <ac:spMkLst>
            <pc:docMk/>
            <pc:sldMk cId="2376958513" sldId="260"/>
            <ac:spMk id="6285" creationId="{0854B00B-DBA7-BE62-D65A-78DCFC6A344E}"/>
          </ac:spMkLst>
        </pc:spChg>
        <pc:spChg chg="mod">
          <ac:chgData name="White, Alex" userId="eff6cc8c-37d8-483b-9c6c-6b27e9afa9bc" providerId="ADAL" clId="{BF04C754-5BF4-4E83-9615-DB14FA25AF8A}" dt="2023-10-12T11:38:08.274" v="295"/>
          <ac:spMkLst>
            <pc:docMk/>
            <pc:sldMk cId="2376958513" sldId="260"/>
            <ac:spMk id="6286" creationId="{ED711E2F-B9A6-26EC-BFB1-03FCB9B9F343}"/>
          </ac:spMkLst>
        </pc:spChg>
        <pc:spChg chg="mod">
          <ac:chgData name="White, Alex" userId="eff6cc8c-37d8-483b-9c6c-6b27e9afa9bc" providerId="ADAL" clId="{BF04C754-5BF4-4E83-9615-DB14FA25AF8A}" dt="2023-10-12T11:38:08.274" v="295"/>
          <ac:spMkLst>
            <pc:docMk/>
            <pc:sldMk cId="2376958513" sldId="260"/>
            <ac:spMk id="6287" creationId="{7067AB9E-A689-3DF8-2F7E-7795A4C95F18}"/>
          </ac:spMkLst>
        </pc:spChg>
        <pc:spChg chg="mod">
          <ac:chgData name="White, Alex" userId="eff6cc8c-37d8-483b-9c6c-6b27e9afa9bc" providerId="ADAL" clId="{BF04C754-5BF4-4E83-9615-DB14FA25AF8A}" dt="2023-10-12T11:38:08.274" v="295"/>
          <ac:spMkLst>
            <pc:docMk/>
            <pc:sldMk cId="2376958513" sldId="260"/>
            <ac:spMk id="6288" creationId="{F5BB2AD9-232B-817D-9FED-50FE35BEC35A}"/>
          </ac:spMkLst>
        </pc:spChg>
        <pc:spChg chg="mod">
          <ac:chgData name="White, Alex" userId="eff6cc8c-37d8-483b-9c6c-6b27e9afa9bc" providerId="ADAL" clId="{BF04C754-5BF4-4E83-9615-DB14FA25AF8A}" dt="2023-10-12T11:38:08.274" v="295"/>
          <ac:spMkLst>
            <pc:docMk/>
            <pc:sldMk cId="2376958513" sldId="260"/>
            <ac:spMk id="6289" creationId="{57AEE08D-DBC1-7595-25F3-060762FE1289}"/>
          </ac:spMkLst>
        </pc:spChg>
        <pc:spChg chg="mod">
          <ac:chgData name="White, Alex" userId="eff6cc8c-37d8-483b-9c6c-6b27e9afa9bc" providerId="ADAL" clId="{BF04C754-5BF4-4E83-9615-DB14FA25AF8A}" dt="2023-10-12T11:38:08.274" v="295"/>
          <ac:spMkLst>
            <pc:docMk/>
            <pc:sldMk cId="2376958513" sldId="260"/>
            <ac:spMk id="6290" creationId="{E28105BB-C3BF-378C-FCAA-92A78251E4CE}"/>
          </ac:spMkLst>
        </pc:spChg>
        <pc:spChg chg="mod">
          <ac:chgData name="White, Alex" userId="eff6cc8c-37d8-483b-9c6c-6b27e9afa9bc" providerId="ADAL" clId="{BF04C754-5BF4-4E83-9615-DB14FA25AF8A}" dt="2023-10-12T11:38:08.274" v="295"/>
          <ac:spMkLst>
            <pc:docMk/>
            <pc:sldMk cId="2376958513" sldId="260"/>
            <ac:spMk id="6291" creationId="{00A2337B-55FC-E9A4-113C-0B98154FC0BE}"/>
          </ac:spMkLst>
        </pc:spChg>
        <pc:spChg chg="mod">
          <ac:chgData name="White, Alex" userId="eff6cc8c-37d8-483b-9c6c-6b27e9afa9bc" providerId="ADAL" clId="{BF04C754-5BF4-4E83-9615-DB14FA25AF8A}" dt="2023-10-12T11:38:08.274" v="295"/>
          <ac:spMkLst>
            <pc:docMk/>
            <pc:sldMk cId="2376958513" sldId="260"/>
            <ac:spMk id="6292" creationId="{9B65FBFA-CE4C-6A52-9FD9-0F2967413ABE}"/>
          </ac:spMkLst>
        </pc:spChg>
        <pc:spChg chg="mod">
          <ac:chgData name="White, Alex" userId="eff6cc8c-37d8-483b-9c6c-6b27e9afa9bc" providerId="ADAL" clId="{BF04C754-5BF4-4E83-9615-DB14FA25AF8A}" dt="2023-10-12T11:38:08.274" v="295"/>
          <ac:spMkLst>
            <pc:docMk/>
            <pc:sldMk cId="2376958513" sldId="260"/>
            <ac:spMk id="6293" creationId="{5D89D166-DAFA-3F08-BE19-65F0FCC01963}"/>
          </ac:spMkLst>
        </pc:spChg>
        <pc:spChg chg="mod">
          <ac:chgData name="White, Alex" userId="eff6cc8c-37d8-483b-9c6c-6b27e9afa9bc" providerId="ADAL" clId="{BF04C754-5BF4-4E83-9615-DB14FA25AF8A}" dt="2023-10-12T11:38:08.274" v="295"/>
          <ac:spMkLst>
            <pc:docMk/>
            <pc:sldMk cId="2376958513" sldId="260"/>
            <ac:spMk id="6294" creationId="{891BC198-152E-D0F4-EBF2-45945BEA209D}"/>
          </ac:spMkLst>
        </pc:spChg>
        <pc:spChg chg="mod">
          <ac:chgData name="White, Alex" userId="eff6cc8c-37d8-483b-9c6c-6b27e9afa9bc" providerId="ADAL" clId="{BF04C754-5BF4-4E83-9615-DB14FA25AF8A}" dt="2023-10-12T11:38:08.274" v="295"/>
          <ac:spMkLst>
            <pc:docMk/>
            <pc:sldMk cId="2376958513" sldId="260"/>
            <ac:spMk id="6295" creationId="{B7B25D27-3172-98CD-5FD7-A4F6FED633AF}"/>
          </ac:spMkLst>
        </pc:spChg>
        <pc:spChg chg="mod">
          <ac:chgData name="White, Alex" userId="eff6cc8c-37d8-483b-9c6c-6b27e9afa9bc" providerId="ADAL" clId="{BF04C754-5BF4-4E83-9615-DB14FA25AF8A}" dt="2023-10-12T11:38:08.274" v="295"/>
          <ac:spMkLst>
            <pc:docMk/>
            <pc:sldMk cId="2376958513" sldId="260"/>
            <ac:spMk id="6296" creationId="{DFEF90B7-CC0D-DFB9-44DE-E9393852B7E3}"/>
          </ac:spMkLst>
        </pc:spChg>
        <pc:spChg chg="mod">
          <ac:chgData name="White, Alex" userId="eff6cc8c-37d8-483b-9c6c-6b27e9afa9bc" providerId="ADAL" clId="{BF04C754-5BF4-4E83-9615-DB14FA25AF8A}" dt="2023-10-12T11:38:08.274" v="295"/>
          <ac:spMkLst>
            <pc:docMk/>
            <pc:sldMk cId="2376958513" sldId="260"/>
            <ac:spMk id="6297" creationId="{A86CA4DA-76F7-9FDD-B187-D189F8724875}"/>
          </ac:spMkLst>
        </pc:spChg>
        <pc:spChg chg="mod">
          <ac:chgData name="White, Alex" userId="eff6cc8c-37d8-483b-9c6c-6b27e9afa9bc" providerId="ADAL" clId="{BF04C754-5BF4-4E83-9615-DB14FA25AF8A}" dt="2023-10-12T11:38:08.274" v="295"/>
          <ac:spMkLst>
            <pc:docMk/>
            <pc:sldMk cId="2376958513" sldId="260"/>
            <ac:spMk id="6298" creationId="{5F708BBD-CF3B-B2AE-84DD-C879A66E6541}"/>
          </ac:spMkLst>
        </pc:spChg>
        <pc:spChg chg="mod">
          <ac:chgData name="White, Alex" userId="eff6cc8c-37d8-483b-9c6c-6b27e9afa9bc" providerId="ADAL" clId="{BF04C754-5BF4-4E83-9615-DB14FA25AF8A}" dt="2023-10-12T11:38:08.274" v="295"/>
          <ac:spMkLst>
            <pc:docMk/>
            <pc:sldMk cId="2376958513" sldId="260"/>
            <ac:spMk id="6299" creationId="{31892578-9897-47AC-80B9-845635B404F9}"/>
          </ac:spMkLst>
        </pc:spChg>
        <pc:spChg chg="mod">
          <ac:chgData name="White, Alex" userId="eff6cc8c-37d8-483b-9c6c-6b27e9afa9bc" providerId="ADAL" clId="{BF04C754-5BF4-4E83-9615-DB14FA25AF8A}" dt="2023-10-12T11:38:08.274" v="295"/>
          <ac:spMkLst>
            <pc:docMk/>
            <pc:sldMk cId="2376958513" sldId="260"/>
            <ac:spMk id="6300" creationId="{086201C7-071B-3780-A57E-C9BBC96F1C3A}"/>
          </ac:spMkLst>
        </pc:spChg>
        <pc:spChg chg="mod">
          <ac:chgData name="White, Alex" userId="eff6cc8c-37d8-483b-9c6c-6b27e9afa9bc" providerId="ADAL" clId="{BF04C754-5BF4-4E83-9615-DB14FA25AF8A}" dt="2023-10-12T11:38:08.274" v="295"/>
          <ac:spMkLst>
            <pc:docMk/>
            <pc:sldMk cId="2376958513" sldId="260"/>
            <ac:spMk id="6301" creationId="{754EA14C-8065-0EA5-1941-72ABA3C4DB90}"/>
          </ac:spMkLst>
        </pc:spChg>
        <pc:spChg chg="mod">
          <ac:chgData name="White, Alex" userId="eff6cc8c-37d8-483b-9c6c-6b27e9afa9bc" providerId="ADAL" clId="{BF04C754-5BF4-4E83-9615-DB14FA25AF8A}" dt="2023-10-12T11:38:08.274" v="295"/>
          <ac:spMkLst>
            <pc:docMk/>
            <pc:sldMk cId="2376958513" sldId="260"/>
            <ac:spMk id="6302" creationId="{C49534A5-395F-8D1E-8AE7-C728CCA5CD93}"/>
          </ac:spMkLst>
        </pc:spChg>
        <pc:spChg chg="mod">
          <ac:chgData name="White, Alex" userId="eff6cc8c-37d8-483b-9c6c-6b27e9afa9bc" providerId="ADAL" clId="{BF04C754-5BF4-4E83-9615-DB14FA25AF8A}" dt="2023-10-12T11:38:08.274" v="295"/>
          <ac:spMkLst>
            <pc:docMk/>
            <pc:sldMk cId="2376958513" sldId="260"/>
            <ac:spMk id="6303" creationId="{672B21F1-58D1-39E0-804E-3B7B7E97A633}"/>
          </ac:spMkLst>
        </pc:spChg>
        <pc:spChg chg="mod">
          <ac:chgData name="White, Alex" userId="eff6cc8c-37d8-483b-9c6c-6b27e9afa9bc" providerId="ADAL" clId="{BF04C754-5BF4-4E83-9615-DB14FA25AF8A}" dt="2023-10-12T11:38:08.274" v="295"/>
          <ac:spMkLst>
            <pc:docMk/>
            <pc:sldMk cId="2376958513" sldId="260"/>
            <ac:spMk id="6304" creationId="{35A8F532-086F-6A2A-4CD4-097DFDD75113}"/>
          </ac:spMkLst>
        </pc:spChg>
        <pc:spChg chg="mod">
          <ac:chgData name="White, Alex" userId="eff6cc8c-37d8-483b-9c6c-6b27e9afa9bc" providerId="ADAL" clId="{BF04C754-5BF4-4E83-9615-DB14FA25AF8A}" dt="2023-10-12T11:38:08.274" v="295"/>
          <ac:spMkLst>
            <pc:docMk/>
            <pc:sldMk cId="2376958513" sldId="260"/>
            <ac:spMk id="6305" creationId="{B793AC9B-8AB6-31CB-34BA-4FF687E8A0F9}"/>
          </ac:spMkLst>
        </pc:spChg>
        <pc:spChg chg="mod">
          <ac:chgData name="White, Alex" userId="eff6cc8c-37d8-483b-9c6c-6b27e9afa9bc" providerId="ADAL" clId="{BF04C754-5BF4-4E83-9615-DB14FA25AF8A}" dt="2023-10-12T11:38:08.274" v="295"/>
          <ac:spMkLst>
            <pc:docMk/>
            <pc:sldMk cId="2376958513" sldId="260"/>
            <ac:spMk id="6306" creationId="{3EB89038-203D-9051-8099-E0C0E87830B1}"/>
          </ac:spMkLst>
        </pc:spChg>
        <pc:spChg chg="mod">
          <ac:chgData name="White, Alex" userId="eff6cc8c-37d8-483b-9c6c-6b27e9afa9bc" providerId="ADAL" clId="{BF04C754-5BF4-4E83-9615-DB14FA25AF8A}" dt="2023-10-12T11:38:08.274" v="295"/>
          <ac:spMkLst>
            <pc:docMk/>
            <pc:sldMk cId="2376958513" sldId="260"/>
            <ac:spMk id="6307" creationId="{95620D6C-A6C6-BBFD-73FE-ECBA4DD240AA}"/>
          </ac:spMkLst>
        </pc:spChg>
        <pc:spChg chg="mod">
          <ac:chgData name="White, Alex" userId="eff6cc8c-37d8-483b-9c6c-6b27e9afa9bc" providerId="ADAL" clId="{BF04C754-5BF4-4E83-9615-DB14FA25AF8A}" dt="2023-10-12T11:38:08.274" v="295"/>
          <ac:spMkLst>
            <pc:docMk/>
            <pc:sldMk cId="2376958513" sldId="260"/>
            <ac:spMk id="6308" creationId="{45B87AF4-8826-0F78-A444-F4F33E8E0382}"/>
          </ac:spMkLst>
        </pc:spChg>
        <pc:spChg chg="mod">
          <ac:chgData name="White, Alex" userId="eff6cc8c-37d8-483b-9c6c-6b27e9afa9bc" providerId="ADAL" clId="{BF04C754-5BF4-4E83-9615-DB14FA25AF8A}" dt="2023-10-12T11:38:08.274" v="295"/>
          <ac:spMkLst>
            <pc:docMk/>
            <pc:sldMk cId="2376958513" sldId="260"/>
            <ac:spMk id="6309" creationId="{44286C6B-1B4D-F085-9F15-2FD1A00510D3}"/>
          </ac:spMkLst>
        </pc:spChg>
        <pc:spChg chg="mod">
          <ac:chgData name="White, Alex" userId="eff6cc8c-37d8-483b-9c6c-6b27e9afa9bc" providerId="ADAL" clId="{BF04C754-5BF4-4E83-9615-DB14FA25AF8A}" dt="2023-10-12T11:38:08.274" v="295"/>
          <ac:spMkLst>
            <pc:docMk/>
            <pc:sldMk cId="2376958513" sldId="260"/>
            <ac:spMk id="6310" creationId="{9E7028DC-0F6F-F7E2-CA65-0B5E19460AF2}"/>
          </ac:spMkLst>
        </pc:spChg>
        <pc:spChg chg="mod">
          <ac:chgData name="White, Alex" userId="eff6cc8c-37d8-483b-9c6c-6b27e9afa9bc" providerId="ADAL" clId="{BF04C754-5BF4-4E83-9615-DB14FA25AF8A}" dt="2023-10-12T11:38:08.274" v="295"/>
          <ac:spMkLst>
            <pc:docMk/>
            <pc:sldMk cId="2376958513" sldId="260"/>
            <ac:spMk id="6311" creationId="{59126D55-0F2B-F9D9-A280-69CD0D4C157F}"/>
          </ac:spMkLst>
        </pc:spChg>
        <pc:spChg chg="mod">
          <ac:chgData name="White, Alex" userId="eff6cc8c-37d8-483b-9c6c-6b27e9afa9bc" providerId="ADAL" clId="{BF04C754-5BF4-4E83-9615-DB14FA25AF8A}" dt="2023-10-12T11:38:08.274" v="295"/>
          <ac:spMkLst>
            <pc:docMk/>
            <pc:sldMk cId="2376958513" sldId="260"/>
            <ac:spMk id="6312" creationId="{70AFC195-9989-87E8-68E2-A3FF48B8E2D4}"/>
          </ac:spMkLst>
        </pc:spChg>
        <pc:spChg chg="mod">
          <ac:chgData name="White, Alex" userId="eff6cc8c-37d8-483b-9c6c-6b27e9afa9bc" providerId="ADAL" clId="{BF04C754-5BF4-4E83-9615-DB14FA25AF8A}" dt="2023-10-12T11:38:08.274" v="295"/>
          <ac:spMkLst>
            <pc:docMk/>
            <pc:sldMk cId="2376958513" sldId="260"/>
            <ac:spMk id="6313" creationId="{EC884F42-D682-2596-B419-BA39FBDA7457}"/>
          </ac:spMkLst>
        </pc:spChg>
        <pc:spChg chg="mod">
          <ac:chgData name="White, Alex" userId="eff6cc8c-37d8-483b-9c6c-6b27e9afa9bc" providerId="ADAL" clId="{BF04C754-5BF4-4E83-9615-DB14FA25AF8A}" dt="2023-10-12T11:38:08.274" v="295"/>
          <ac:spMkLst>
            <pc:docMk/>
            <pc:sldMk cId="2376958513" sldId="260"/>
            <ac:spMk id="6314" creationId="{27560408-CB31-44AF-E2F9-609946F4E65C}"/>
          </ac:spMkLst>
        </pc:spChg>
        <pc:spChg chg="mod">
          <ac:chgData name="White, Alex" userId="eff6cc8c-37d8-483b-9c6c-6b27e9afa9bc" providerId="ADAL" clId="{BF04C754-5BF4-4E83-9615-DB14FA25AF8A}" dt="2023-10-12T11:38:08.274" v="295"/>
          <ac:spMkLst>
            <pc:docMk/>
            <pc:sldMk cId="2376958513" sldId="260"/>
            <ac:spMk id="6315" creationId="{AAD70B4A-3775-325D-CDF5-63BD3F14B8E4}"/>
          </ac:spMkLst>
        </pc:spChg>
        <pc:spChg chg="mod">
          <ac:chgData name="White, Alex" userId="eff6cc8c-37d8-483b-9c6c-6b27e9afa9bc" providerId="ADAL" clId="{BF04C754-5BF4-4E83-9615-DB14FA25AF8A}" dt="2023-10-12T11:38:08.274" v="295"/>
          <ac:spMkLst>
            <pc:docMk/>
            <pc:sldMk cId="2376958513" sldId="260"/>
            <ac:spMk id="6316" creationId="{FAC083E1-758D-432A-9137-601C0523BD9D}"/>
          </ac:spMkLst>
        </pc:spChg>
        <pc:spChg chg="mod">
          <ac:chgData name="White, Alex" userId="eff6cc8c-37d8-483b-9c6c-6b27e9afa9bc" providerId="ADAL" clId="{BF04C754-5BF4-4E83-9615-DB14FA25AF8A}" dt="2023-10-12T11:38:08.274" v="295"/>
          <ac:spMkLst>
            <pc:docMk/>
            <pc:sldMk cId="2376958513" sldId="260"/>
            <ac:spMk id="6317" creationId="{F9C3B875-FB71-0157-762B-BF4237D92577}"/>
          </ac:spMkLst>
        </pc:spChg>
        <pc:spChg chg="mod">
          <ac:chgData name="White, Alex" userId="eff6cc8c-37d8-483b-9c6c-6b27e9afa9bc" providerId="ADAL" clId="{BF04C754-5BF4-4E83-9615-DB14FA25AF8A}" dt="2023-10-12T11:38:08.274" v="295"/>
          <ac:spMkLst>
            <pc:docMk/>
            <pc:sldMk cId="2376958513" sldId="260"/>
            <ac:spMk id="6318" creationId="{4960C96A-AD48-D028-95A3-5638BCF099C8}"/>
          </ac:spMkLst>
        </pc:spChg>
        <pc:spChg chg="mod">
          <ac:chgData name="White, Alex" userId="eff6cc8c-37d8-483b-9c6c-6b27e9afa9bc" providerId="ADAL" clId="{BF04C754-5BF4-4E83-9615-DB14FA25AF8A}" dt="2023-10-12T11:38:08.274" v="295"/>
          <ac:spMkLst>
            <pc:docMk/>
            <pc:sldMk cId="2376958513" sldId="260"/>
            <ac:spMk id="6319" creationId="{A8094221-080F-4CC1-6691-623F13CAD7BD}"/>
          </ac:spMkLst>
        </pc:spChg>
        <pc:spChg chg="mod">
          <ac:chgData name="White, Alex" userId="eff6cc8c-37d8-483b-9c6c-6b27e9afa9bc" providerId="ADAL" clId="{BF04C754-5BF4-4E83-9615-DB14FA25AF8A}" dt="2023-10-12T11:38:08.274" v="295"/>
          <ac:spMkLst>
            <pc:docMk/>
            <pc:sldMk cId="2376958513" sldId="260"/>
            <ac:spMk id="6320" creationId="{B6B05851-9682-E0D4-D75E-E21105EFB2EE}"/>
          </ac:spMkLst>
        </pc:spChg>
        <pc:spChg chg="mod">
          <ac:chgData name="White, Alex" userId="eff6cc8c-37d8-483b-9c6c-6b27e9afa9bc" providerId="ADAL" clId="{BF04C754-5BF4-4E83-9615-DB14FA25AF8A}" dt="2023-10-12T11:38:08.274" v="295"/>
          <ac:spMkLst>
            <pc:docMk/>
            <pc:sldMk cId="2376958513" sldId="260"/>
            <ac:spMk id="6321" creationId="{ECB4A792-7D57-DB55-7AF2-256C11C02146}"/>
          </ac:spMkLst>
        </pc:spChg>
        <pc:spChg chg="mod">
          <ac:chgData name="White, Alex" userId="eff6cc8c-37d8-483b-9c6c-6b27e9afa9bc" providerId="ADAL" clId="{BF04C754-5BF4-4E83-9615-DB14FA25AF8A}" dt="2023-10-12T11:38:08.274" v="295"/>
          <ac:spMkLst>
            <pc:docMk/>
            <pc:sldMk cId="2376958513" sldId="260"/>
            <ac:spMk id="6322" creationId="{82EEA566-E459-87FA-2D01-62C41BE52801}"/>
          </ac:spMkLst>
        </pc:spChg>
        <pc:spChg chg="mod">
          <ac:chgData name="White, Alex" userId="eff6cc8c-37d8-483b-9c6c-6b27e9afa9bc" providerId="ADAL" clId="{BF04C754-5BF4-4E83-9615-DB14FA25AF8A}" dt="2023-10-12T11:38:08.274" v="295"/>
          <ac:spMkLst>
            <pc:docMk/>
            <pc:sldMk cId="2376958513" sldId="260"/>
            <ac:spMk id="6323" creationId="{89139CAE-A217-ABB8-E94F-FD4A3D323D0E}"/>
          </ac:spMkLst>
        </pc:spChg>
        <pc:spChg chg="mod">
          <ac:chgData name="White, Alex" userId="eff6cc8c-37d8-483b-9c6c-6b27e9afa9bc" providerId="ADAL" clId="{BF04C754-5BF4-4E83-9615-DB14FA25AF8A}" dt="2023-10-12T11:38:08.274" v="295"/>
          <ac:spMkLst>
            <pc:docMk/>
            <pc:sldMk cId="2376958513" sldId="260"/>
            <ac:spMk id="6324" creationId="{A4E947D8-5FB0-0817-4A04-F2D85CDC9F69}"/>
          </ac:spMkLst>
        </pc:spChg>
        <pc:spChg chg="mod">
          <ac:chgData name="White, Alex" userId="eff6cc8c-37d8-483b-9c6c-6b27e9afa9bc" providerId="ADAL" clId="{BF04C754-5BF4-4E83-9615-DB14FA25AF8A}" dt="2023-10-12T11:38:08.274" v="295"/>
          <ac:spMkLst>
            <pc:docMk/>
            <pc:sldMk cId="2376958513" sldId="260"/>
            <ac:spMk id="6325" creationId="{47C2645D-D841-3F7E-AF9D-38DE8AFF25CA}"/>
          </ac:spMkLst>
        </pc:spChg>
        <pc:spChg chg="mod">
          <ac:chgData name="White, Alex" userId="eff6cc8c-37d8-483b-9c6c-6b27e9afa9bc" providerId="ADAL" clId="{BF04C754-5BF4-4E83-9615-DB14FA25AF8A}" dt="2023-10-12T11:38:08.274" v="295"/>
          <ac:spMkLst>
            <pc:docMk/>
            <pc:sldMk cId="2376958513" sldId="260"/>
            <ac:spMk id="6326" creationId="{F7235982-8A70-5D70-1431-AF40138BEB1B}"/>
          </ac:spMkLst>
        </pc:spChg>
        <pc:spChg chg="mod">
          <ac:chgData name="White, Alex" userId="eff6cc8c-37d8-483b-9c6c-6b27e9afa9bc" providerId="ADAL" clId="{BF04C754-5BF4-4E83-9615-DB14FA25AF8A}" dt="2023-10-12T11:38:08.274" v="295"/>
          <ac:spMkLst>
            <pc:docMk/>
            <pc:sldMk cId="2376958513" sldId="260"/>
            <ac:spMk id="6327" creationId="{A9177243-C198-0AAF-5458-97AB9B16E00B}"/>
          </ac:spMkLst>
        </pc:spChg>
        <pc:spChg chg="mod">
          <ac:chgData name="White, Alex" userId="eff6cc8c-37d8-483b-9c6c-6b27e9afa9bc" providerId="ADAL" clId="{BF04C754-5BF4-4E83-9615-DB14FA25AF8A}" dt="2023-10-12T11:38:08.274" v="295"/>
          <ac:spMkLst>
            <pc:docMk/>
            <pc:sldMk cId="2376958513" sldId="260"/>
            <ac:spMk id="6328" creationId="{1AB80D7E-2679-1514-0E11-8B36924574FE}"/>
          </ac:spMkLst>
        </pc:spChg>
        <pc:spChg chg="mod">
          <ac:chgData name="White, Alex" userId="eff6cc8c-37d8-483b-9c6c-6b27e9afa9bc" providerId="ADAL" clId="{BF04C754-5BF4-4E83-9615-DB14FA25AF8A}" dt="2023-10-12T11:38:08.274" v="295"/>
          <ac:spMkLst>
            <pc:docMk/>
            <pc:sldMk cId="2376958513" sldId="260"/>
            <ac:spMk id="6329" creationId="{86309B8D-84E1-A0B5-AD50-4ADBD46DA2AC}"/>
          </ac:spMkLst>
        </pc:spChg>
        <pc:spChg chg="mod">
          <ac:chgData name="White, Alex" userId="eff6cc8c-37d8-483b-9c6c-6b27e9afa9bc" providerId="ADAL" clId="{BF04C754-5BF4-4E83-9615-DB14FA25AF8A}" dt="2023-10-12T11:38:08.274" v="295"/>
          <ac:spMkLst>
            <pc:docMk/>
            <pc:sldMk cId="2376958513" sldId="260"/>
            <ac:spMk id="6330" creationId="{76117516-1121-2F29-2F1F-8C46B04FFD2E}"/>
          </ac:spMkLst>
        </pc:spChg>
        <pc:spChg chg="mod">
          <ac:chgData name="White, Alex" userId="eff6cc8c-37d8-483b-9c6c-6b27e9afa9bc" providerId="ADAL" clId="{BF04C754-5BF4-4E83-9615-DB14FA25AF8A}" dt="2023-10-12T11:38:08.274" v="295"/>
          <ac:spMkLst>
            <pc:docMk/>
            <pc:sldMk cId="2376958513" sldId="260"/>
            <ac:spMk id="6331" creationId="{CC7639FE-AA90-25AB-390E-DB6850E89708}"/>
          </ac:spMkLst>
        </pc:spChg>
        <pc:spChg chg="mod">
          <ac:chgData name="White, Alex" userId="eff6cc8c-37d8-483b-9c6c-6b27e9afa9bc" providerId="ADAL" clId="{BF04C754-5BF4-4E83-9615-DB14FA25AF8A}" dt="2023-10-12T11:38:08.274" v="295"/>
          <ac:spMkLst>
            <pc:docMk/>
            <pc:sldMk cId="2376958513" sldId="260"/>
            <ac:spMk id="6332" creationId="{7B078FC2-132D-CA2A-FD3D-E9AE9771F8B0}"/>
          </ac:spMkLst>
        </pc:spChg>
        <pc:spChg chg="mod">
          <ac:chgData name="White, Alex" userId="eff6cc8c-37d8-483b-9c6c-6b27e9afa9bc" providerId="ADAL" clId="{BF04C754-5BF4-4E83-9615-DB14FA25AF8A}" dt="2023-10-12T11:38:08.274" v="295"/>
          <ac:spMkLst>
            <pc:docMk/>
            <pc:sldMk cId="2376958513" sldId="260"/>
            <ac:spMk id="6333" creationId="{36009FD4-D8D2-3E7F-5742-98AF6EF309CD}"/>
          </ac:spMkLst>
        </pc:spChg>
        <pc:spChg chg="mod">
          <ac:chgData name="White, Alex" userId="eff6cc8c-37d8-483b-9c6c-6b27e9afa9bc" providerId="ADAL" clId="{BF04C754-5BF4-4E83-9615-DB14FA25AF8A}" dt="2023-10-12T11:38:08.274" v="295"/>
          <ac:spMkLst>
            <pc:docMk/>
            <pc:sldMk cId="2376958513" sldId="260"/>
            <ac:spMk id="6334" creationId="{9FCBF80B-905A-22D6-A8ED-3D59CDBF6EE5}"/>
          </ac:spMkLst>
        </pc:spChg>
        <pc:spChg chg="mod">
          <ac:chgData name="White, Alex" userId="eff6cc8c-37d8-483b-9c6c-6b27e9afa9bc" providerId="ADAL" clId="{BF04C754-5BF4-4E83-9615-DB14FA25AF8A}" dt="2023-10-12T11:38:08.274" v="295"/>
          <ac:spMkLst>
            <pc:docMk/>
            <pc:sldMk cId="2376958513" sldId="260"/>
            <ac:spMk id="6335" creationId="{B2DA6889-CE1B-CB81-FC05-CF73AF76FB6F}"/>
          </ac:spMkLst>
        </pc:spChg>
        <pc:spChg chg="mod">
          <ac:chgData name="White, Alex" userId="eff6cc8c-37d8-483b-9c6c-6b27e9afa9bc" providerId="ADAL" clId="{BF04C754-5BF4-4E83-9615-DB14FA25AF8A}" dt="2023-10-12T11:38:08.274" v="295"/>
          <ac:spMkLst>
            <pc:docMk/>
            <pc:sldMk cId="2376958513" sldId="260"/>
            <ac:spMk id="6336" creationId="{A0048DE6-BF21-84AD-CB21-8C764227B84F}"/>
          </ac:spMkLst>
        </pc:spChg>
        <pc:spChg chg="mod">
          <ac:chgData name="White, Alex" userId="eff6cc8c-37d8-483b-9c6c-6b27e9afa9bc" providerId="ADAL" clId="{BF04C754-5BF4-4E83-9615-DB14FA25AF8A}" dt="2023-10-12T11:38:08.274" v="295"/>
          <ac:spMkLst>
            <pc:docMk/>
            <pc:sldMk cId="2376958513" sldId="260"/>
            <ac:spMk id="6337" creationId="{165B116E-324A-28EB-1425-F19D3C7E9FF8}"/>
          </ac:spMkLst>
        </pc:spChg>
        <pc:spChg chg="mod">
          <ac:chgData name="White, Alex" userId="eff6cc8c-37d8-483b-9c6c-6b27e9afa9bc" providerId="ADAL" clId="{BF04C754-5BF4-4E83-9615-DB14FA25AF8A}" dt="2023-10-12T11:38:08.274" v="295"/>
          <ac:spMkLst>
            <pc:docMk/>
            <pc:sldMk cId="2376958513" sldId="260"/>
            <ac:spMk id="6338" creationId="{0E972DAD-E948-A0D7-55E8-B4066D3A64C2}"/>
          </ac:spMkLst>
        </pc:spChg>
        <pc:spChg chg="mod">
          <ac:chgData name="White, Alex" userId="eff6cc8c-37d8-483b-9c6c-6b27e9afa9bc" providerId="ADAL" clId="{BF04C754-5BF4-4E83-9615-DB14FA25AF8A}" dt="2023-10-12T11:38:08.274" v="295"/>
          <ac:spMkLst>
            <pc:docMk/>
            <pc:sldMk cId="2376958513" sldId="260"/>
            <ac:spMk id="6339" creationId="{86669A26-1D29-8586-D671-852FA4E32A27}"/>
          </ac:spMkLst>
        </pc:spChg>
        <pc:spChg chg="mod">
          <ac:chgData name="White, Alex" userId="eff6cc8c-37d8-483b-9c6c-6b27e9afa9bc" providerId="ADAL" clId="{BF04C754-5BF4-4E83-9615-DB14FA25AF8A}" dt="2023-10-12T11:38:08.274" v="295"/>
          <ac:spMkLst>
            <pc:docMk/>
            <pc:sldMk cId="2376958513" sldId="260"/>
            <ac:spMk id="6340" creationId="{ACC604A0-A945-A408-F21D-901CF26979D6}"/>
          </ac:spMkLst>
        </pc:spChg>
        <pc:spChg chg="mod">
          <ac:chgData name="White, Alex" userId="eff6cc8c-37d8-483b-9c6c-6b27e9afa9bc" providerId="ADAL" clId="{BF04C754-5BF4-4E83-9615-DB14FA25AF8A}" dt="2023-10-12T11:38:08.274" v="295"/>
          <ac:spMkLst>
            <pc:docMk/>
            <pc:sldMk cId="2376958513" sldId="260"/>
            <ac:spMk id="6341" creationId="{5F3F5F51-ACB4-3053-84AC-D6205BB3EE62}"/>
          </ac:spMkLst>
        </pc:spChg>
        <pc:spChg chg="mod">
          <ac:chgData name="White, Alex" userId="eff6cc8c-37d8-483b-9c6c-6b27e9afa9bc" providerId="ADAL" clId="{BF04C754-5BF4-4E83-9615-DB14FA25AF8A}" dt="2023-10-12T11:38:08.274" v="295"/>
          <ac:spMkLst>
            <pc:docMk/>
            <pc:sldMk cId="2376958513" sldId="260"/>
            <ac:spMk id="6342" creationId="{E3C25F5A-C312-3050-F2E6-F1DA11126024}"/>
          </ac:spMkLst>
        </pc:spChg>
        <pc:spChg chg="mod">
          <ac:chgData name="White, Alex" userId="eff6cc8c-37d8-483b-9c6c-6b27e9afa9bc" providerId="ADAL" clId="{BF04C754-5BF4-4E83-9615-DB14FA25AF8A}" dt="2023-10-12T11:38:08.274" v="295"/>
          <ac:spMkLst>
            <pc:docMk/>
            <pc:sldMk cId="2376958513" sldId="260"/>
            <ac:spMk id="6343" creationId="{D59DDEC7-D0CE-E737-0D4A-37883BA5B969}"/>
          </ac:spMkLst>
        </pc:spChg>
        <pc:spChg chg="mod">
          <ac:chgData name="White, Alex" userId="eff6cc8c-37d8-483b-9c6c-6b27e9afa9bc" providerId="ADAL" clId="{BF04C754-5BF4-4E83-9615-DB14FA25AF8A}" dt="2023-10-12T11:38:08.274" v="295"/>
          <ac:spMkLst>
            <pc:docMk/>
            <pc:sldMk cId="2376958513" sldId="260"/>
            <ac:spMk id="6344" creationId="{28F05A16-EF43-1998-CF87-A2AFE596F7F5}"/>
          </ac:spMkLst>
        </pc:spChg>
        <pc:spChg chg="mod">
          <ac:chgData name="White, Alex" userId="eff6cc8c-37d8-483b-9c6c-6b27e9afa9bc" providerId="ADAL" clId="{BF04C754-5BF4-4E83-9615-DB14FA25AF8A}" dt="2023-10-12T11:38:08.274" v="295"/>
          <ac:spMkLst>
            <pc:docMk/>
            <pc:sldMk cId="2376958513" sldId="260"/>
            <ac:spMk id="6345" creationId="{2F966236-1D47-13DD-76A3-96E7EB48B274}"/>
          </ac:spMkLst>
        </pc:spChg>
        <pc:spChg chg="mod">
          <ac:chgData name="White, Alex" userId="eff6cc8c-37d8-483b-9c6c-6b27e9afa9bc" providerId="ADAL" clId="{BF04C754-5BF4-4E83-9615-DB14FA25AF8A}" dt="2023-10-12T11:38:08.274" v="295"/>
          <ac:spMkLst>
            <pc:docMk/>
            <pc:sldMk cId="2376958513" sldId="260"/>
            <ac:spMk id="6346" creationId="{35C97E32-8133-3197-6247-6D523B38927E}"/>
          </ac:spMkLst>
        </pc:spChg>
        <pc:spChg chg="mod">
          <ac:chgData name="White, Alex" userId="eff6cc8c-37d8-483b-9c6c-6b27e9afa9bc" providerId="ADAL" clId="{BF04C754-5BF4-4E83-9615-DB14FA25AF8A}" dt="2023-10-12T11:38:08.274" v="295"/>
          <ac:spMkLst>
            <pc:docMk/>
            <pc:sldMk cId="2376958513" sldId="260"/>
            <ac:spMk id="6347" creationId="{ACB5D439-AE25-4959-BFB7-14B45C20D085}"/>
          </ac:spMkLst>
        </pc:spChg>
        <pc:spChg chg="mod">
          <ac:chgData name="White, Alex" userId="eff6cc8c-37d8-483b-9c6c-6b27e9afa9bc" providerId="ADAL" clId="{BF04C754-5BF4-4E83-9615-DB14FA25AF8A}" dt="2023-10-12T11:38:08.274" v="295"/>
          <ac:spMkLst>
            <pc:docMk/>
            <pc:sldMk cId="2376958513" sldId="260"/>
            <ac:spMk id="6348" creationId="{9F9A036C-F020-EBC3-0ACE-2CD6D44E36A9}"/>
          </ac:spMkLst>
        </pc:spChg>
        <pc:spChg chg="mod">
          <ac:chgData name="White, Alex" userId="eff6cc8c-37d8-483b-9c6c-6b27e9afa9bc" providerId="ADAL" clId="{BF04C754-5BF4-4E83-9615-DB14FA25AF8A}" dt="2023-10-12T11:38:08.274" v="295"/>
          <ac:spMkLst>
            <pc:docMk/>
            <pc:sldMk cId="2376958513" sldId="260"/>
            <ac:spMk id="6349" creationId="{749DA7C1-EF1A-EF9D-F384-94124DFBC297}"/>
          </ac:spMkLst>
        </pc:spChg>
        <pc:spChg chg="mod">
          <ac:chgData name="White, Alex" userId="eff6cc8c-37d8-483b-9c6c-6b27e9afa9bc" providerId="ADAL" clId="{BF04C754-5BF4-4E83-9615-DB14FA25AF8A}" dt="2023-10-12T11:38:08.274" v="295"/>
          <ac:spMkLst>
            <pc:docMk/>
            <pc:sldMk cId="2376958513" sldId="260"/>
            <ac:spMk id="6350" creationId="{A6520562-7B9E-8B03-34F6-F1D495B0047D}"/>
          </ac:spMkLst>
        </pc:spChg>
        <pc:spChg chg="mod">
          <ac:chgData name="White, Alex" userId="eff6cc8c-37d8-483b-9c6c-6b27e9afa9bc" providerId="ADAL" clId="{BF04C754-5BF4-4E83-9615-DB14FA25AF8A}" dt="2023-10-12T11:38:08.274" v="295"/>
          <ac:spMkLst>
            <pc:docMk/>
            <pc:sldMk cId="2376958513" sldId="260"/>
            <ac:spMk id="6351" creationId="{30F1A190-CFAE-1EA0-2A2F-340E1A0A20B0}"/>
          </ac:spMkLst>
        </pc:spChg>
        <pc:spChg chg="mod">
          <ac:chgData name="White, Alex" userId="eff6cc8c-37d8-483b-9c6c-6b27e9afa9bc" providerId="ADAL" clId="{BF04C754-5BF4-4E83-9615-DB14FA25AF8A}" dt="2023-10-12T11:38:08.274" v="295"/>
          <ac:spMkLst>
            <pc:docMk/>
            <pc:sldMk cId="2376958513" sldId="260"/>
            <ac:spMk id="6352" creationId="{86698524-1C3A-2063-624D-DB67468189E2}"/>
          </ac:spMkLst>
        </pc:spChg>
        <pc:spChg chg="mod">
          <ac:chgData name="White, Alex" userId="eff6cc8c-37d8-483b-9c6c-6b27e9afa9bc" providerId="ADAL" clId="{BF04C754-5BF4-4E83-9615-DB14FA25AF8A}" dt="2023-10-12T11:38:08.274" v="295"/>
          <ac:spMkLst>
            <pc:docMk/>
            <pc:sldMk cId="2376958513" sldId="260"/>
            <ac:spMk id="6353" creationId="{7CE8DE23-2BD5-E475-741D-865136EF6A88}"/>
          </ac:spMkLst>
        </pc:spChg>
        <pc:spChg chg="mod">
          <ac:chgData name="White, Alex" userId="eff6cc8c-37d8-483b-9c6c-6b27e9afa9bc" providerId="ADAL" clId="{BF04C754-5BF4-4E83-9615-DB14FA25AF8A}" dt="2023-10-12T11:38:08.274" v="295"/>
          <ac:spMkLst>
            <pc:docMk/>
            <pc:sldMk cId="2376958513" sldId="260"/>
            <ac:spMk id="6354" creationId="{2D88A48B-861F-AC02-E68A-DC433B84EC94}"/>
          </ac:spMkLst>
        </pc:spChg>
        <pc:spChg chg="mod">
          <ac:chgData name="White, Alex" userId="eff6cc8c-37d8-483b-9c6c-6b27e9afa9bc" providerId="ADAL" clId="{BF04C754-5BF4-4E83-9615-DB14FA25AF8A}" dt="2023-10-12T11:38:08.274" v="295"/>
          <ac:spMkLst>
            <pc:docMk/>
            <pc:sldMk cId="2376958513" sldId="260"/>
            <ac:spMk id="6355" creationId="{C94DC851-1761-C83E-8B2E-0448B899078E}"/>
          </ac:spMkLst>
        </pc:spChg>
        <pc:spChg chg="mod">
          <ac:chgData name="White, Alex" userId="eff6cc8c-37d8-483b-9c6c-6b27e9afa9bc" providerId="ADAL" clId="{BF04C754-5BF4-4E83-9615-DB14FA25AF8A}" dt="2023-10-12T11:38:08.274" v="295"/>
          <ac:spMkLst>
            <pc:docMk/>
            <pc:sldMk cId="2376958513" sldId="260"/>
            <ac:spMk id="6356" creationId="{1BFF36C8-57AA-EAC5-AB4E-A2D490BB71BF}"/>
          </ac:spMkLst>
        </pc:spChg>
        <pc:spChg chg="mod">
          <ac:chgData name="White, Alex" userId="eff6cc8c-37d8-483b-9c6c-6b27e9afa9bc" providerId="ADAL" clId="{BF04C754-5BF4-4E83-9615-DB14FA25AF8A}" dt="2023-10-12T11:38:08.274" v="295"/>
          <ac:spMkLst>
            <pc:docMk/>
            <pc:sldMk cId="2376958513" sldId="260"/>
            <ac:spMk id="6357" creationId="{AD340773-B62A-2C21-FCF0-71139CA7F8A1}"/>
          </ac:spMkLst>
        </pc:spChg>
        <pc:spChg chg="mod">
          <ac:chgData name="White, Alex" userId="eff6cc8c-37d8-483b-9c6c-6b27e9afa9bc" providerId="ADAL" clId="{BF04C754-5BF4-4E83-9615-DB14FA25AF8A}" dt="2023-10-12T11:38:08.274" v="295"/>
          <ac:spMkLst>
            <pc:docMk/>
            <pc:sldMk cId="2376958513" sldId="260"/>
            <ac:spMk id="6358" creationId="{36E8D643-D107-0E8D-D1B7-8E6F8A00EA80}"/>
          </ac:spMkLst>
        </pc:spChg>
        <pc:spChg chg="mod">
          <ac:chgData name="White, Alex" userId="eff6cc8c-37d8-483b-9c6c-6b27e9afa9bc" providerId="ADAL" clId="{BF04C754-5BF4-4E83-9615-DB14FA25AF8A}" dt="2023-10-12T11:38:08.274" v="295"/>
          <ac:spMkLst>
            <pc:docMk/>
            <pc:sldMk cId="2376958513" sldId="260"/>
            <ac:spMk id="6359" creationId="{3A9FB887-8492-9A98-B9C6-C5C5F63FA7F9}"/>
          </ac:spMkLst>
        </pc:spChg>
        <pc:spChg chg="mod">
          <ac:chgData name="White, Alex" userId="eff6cc8c-37d8-483b-9c6c-6b27e9afa9bc" providerId="ADAL" clId="{BF04C754-5BF4-4E83-9615-DB14FA25AF8A}" dt="2023-10-12T11:38:08.274" v="295"/>
          <ac:spMkLst>
            <pc:docMk/>
            <pc:sldMk cId="2376958513" sldId="260"/>
            <ac:spMk id="6360" creationId="{F4A08998-63A6-632E-D6BD-840B8A742410}"/>
          </ac:spMkLst>
        </pc:spChg>
        <pc:spChg chg="mod">
          <ac:chgData name="White, Alex" userId="eff6cc8c-37d8-483b-9c6c-6b27e9afa9bc" providerId="ADAL" clId="{BF04C754-5BF4-4E83-9615-DB14FA25AF8A}" dt="2023-10-12T11:38:08.274" v="295"/>
          <ac:spMkLst>
            <pc:docMk/>
            <pc:sldMk cId="2376958513" sldId="260"/>
            <ac:spMk id="6361" creationId="{107F8755-C736-B752-1FAE-65A7409AB418}"/>
          </ac:spMkLst>
        </pc:spChg>
        <pc:spChg chg="mod">
          <ac:chgData name="White, Alex" userId="eff6cc8c-37d8-483b-9c6c-6b27e9afa9bc" providerId="ADAL" clId="{BF04C754-5BF4-4E83-9615-DB14FA25AF8A}" dt="2023-10-12T11:38:08.274" v="295"/>
          <ac:spMkLst>
            <pc:docMk/>
            <pc:sldMk cId="2376958513" sldId="260"/>
            <ac:spMk id="6362" creationId="{48A3E4BB-8F54-C014-EBCB-9B6C78B06111}"/>
          </ac:spMkLst>
        </pc:spChg>
        <pc:spChg chg="mod">
          <ac:chgData name="White, Alex" userId="eff6cc8c-37d8-483b-9c6c-6b27e9afa9bc" providerId="ADAL" clId="{BF04C754-5BF4-4E83-9615-DB14FA25AF8A}" dt="2023-10-12T11:38:08.274" v="295"/>
          <ac:spMkLst>
            <pc:docMk/>
            <pc:sldMk cId="2376958513" sldId="260"/>
            <ac:spMk id="6363" creationId="{DDDC55D4-0BDD-B5EA-0CCC-3C687D99816E}"/>
          </ac:spMkLst>
        </pc:spChg>
        <pc:spChg chg="mod">
          <ac:chgData name="White, Alex" userId="eff6cc8c-37d8-483b-9c6c-6b27e9afa9bc" providerId="ADAL" clId="{BF04C754-5BF4-4E83-9615-DB14FA25AF8A}" dt="2023-10-12T11:38:08.274" v="295"/>
          <ac:spMkLst>
            <pc:docMk/>
            <pc:sldMk cId="2376958513" sldId="260"/>
            <ac:spMk id="6364" creationId="{E4323473-1589-2E84-02FC-3FBC5E13A1CE}"/>
          </ac:spMkLst>
        </pc:spChg>
        <pc:spChg chg="mod">
          <ac:chgData name="White, Alex" userId="eff6cc8c-37d8-483b-9c6c-6b27e9afa9bc" providerId="ADAL" clId="{BF04C754-5BF4-4E83-9615-DB14FA25AF8A}" dt="2023-10-12T11:38:08.274" v="295"/>
          <ac:spMkLst>
            <pc:docMk/>
            <pc:sldMk cId="2376958513" sldId="260"/>
            <ac:spMk id="6365" creationId="{FA4C36BF-0595-E7B7-5F17-FAAAC6D8BBE6}"/>
          </ac:spMkLst>
        </pc:spChg>
        <pc:spChg chg="mod">
          <ac:chgData name="White, Alex" userId="eff6cc8c-37d8-483b-9c6c-6b27e9afa9bc" providerId="ADAL" clId="{BF04C754-5BF4-4E83-9615-DB14FA25AF8A}" dt="2023-10-12T11:38:08.274" v="295"/>
          <ac:spMkLst>
            <pc:docMk/>
            <pc:sldMk cId="2376958513" sldId="260"/>
            <ac:spMk id="6366" creationId="{587AB7E1-CDE9-62DE-FE21-D91EB41BF346}"/>
          </ac:spMkLst>
        </pc:spChg>
        <pc:spChg chg="mod">
          <ac:chgData name="White, Alex" userId="eff6cc8c-37d8-483b-9c6c-6b27e9afa9bc" providerId="ADAL" clId="{BF04C754-5BF4-4E83-9615-DB14FA25AF8A}" dt="2023-10-12T11:38:08.274" v="295"/>
          <ac:spMkLst>
            <pc:docMk/>
            <pc:sldMk cId="2376958513" sldId="260"/>
            <ac:spMk id="6367" creationId="{568B546A-A1B3-E9C9-08AA-25EAAA35206B}"/>
          </ac:spMkLst>
        </pc:spChg>
        <pc:spChg chg="mod">
          <ac:chgData name="White, Alex" userId="eff6cc8c-37d8-483b-9c6c-6b27e9afa9bc" providerId="ADAL" clId="{BF04C754-5BF4-4E83-9615-DB14FA25AF8A}" dt="2023-10-12T11:38:08.274" v="295"/>
          <ac:spMkLst>
            <pc:docMk/>
            <pc:sldMk cId="2376958513" sldId="260"/>
            <ac:spMk id="6368" creationId="{5C059D70-7663-537E-B5B4-114FDE0AACED}"/>
          </ac:spMkLst>
        </pc:spChg>
        <pc:spChg chg="mod">
          <ac:chgData name="White, Alex" userId="eff6cc8c-37d8-483b-9c6c-6b27e9afa9bc" providerId="ADAL" clId="{BF04C754-5BF4-4E83-9615-DB14FA25AF8A}" dt="2023-10-12T11:38:08.274" v="295"/>
          <ac:spMkLst>
            <pc:docMk/>
            <pc:sldMk cId="2376958513" sldId="260"/>
            <ac:spMk id="6369" creationId="{099DF8E8-9BA8-4CD5-FE1C-9C36B31DA55F}"/>
          </ac:spMkLst>
        </pc:spChg>
        <pc:spChg chg="mod">
          <ac:chgData name="White, Alex" userId="eff6cc8c-37d8-483b-9c6c-6b27e9afa9bc" providerId="ADAL" clId="{BF04C754-5BF4-4E83-9615-DB14FA25AF8A}" dt="2023-10-12T11:38:08.274" v="295"/>
          <ac:spMkLst>
            <pc:docMk/>
            <pc:sldMk cId="2376958513" sldId="260"/>
            <ac:spMk id="6370" creationId="{9AFD4E73-6E93-64AC-4AA2-A02C56794A07}"/>
          </ac:spMkLst>
        </pc:spChg>
        <pc:spChg chg="mod">
          <ac:chgData name="White, Alex" userId="eff6cc8c-37d8-483b-9c6c-6b27e9afa9bc" providerId="ADAL" clId="{BF04C754-5BF4-4E83-9615-DB14FA25AF8A}" dt="2023-10-12T11:38:08.274" v="295"/>
          <ac:spMkLst>
            <pc:docMk/>
            <pc:sldMk cId="2376958513" sldId="260"/>
            <ac:spMk id="6371" creationId="{0636097C-91E1-2135-2406-FDA5761FA6DA}"/>
          </ac:spMkLst>
        </pc:spChg>
        <pc:spChg chg="mod">
          <ac:chgData name="White, Alex" userId="eff6cc8c-37d8-483b-9c6c-6b27e9afa9bc" providerId="ADAL" clId="{BF04C754-5BF4-4E83-9615-DB14FA25AF8A}" dt="2023-10-12T11:38:08.274" v="295"/>
          <ac:spMkLst>
            <pc:docMk/>
            <pc:sldMk cId="2376958513" sldId="260"/>
            <ac:spMk id="6372" creationId="{B71A60B7-7116-295B-7F2D-C085CD477B43}"/>
          </ac:spMkLst>
        </pc:spChg>
        <pc:spChg chg="mod">
          <ac:chgData name="White, Alex" userId="eff6cc8c-37d8-483b-9c6c-6b27e9afa9bc" providerId="ADAL" clId="{BF04C754-5BF4-4E83-9615-DB14FA25AF8A}" dt="2023-10-12T11:38:08.274" v="295"/>
          <ac:spMkLst>
            <pc:docMk/>
            <pc:sldMk cId="2376958513" sldId="260"/>
            <ac:spMk id="6373" creationId="{3EE22B65-0E21-AC57-37D4-9E7BF9A07DE7}"/>
          </ac:spMkLst>
        </pc:spChg>
        <pc:spChg chg="mod">
          <ac:chgData name="White, Alex" userId="eff6cc8c-37d8-483b-9c6c-6b27e9afa9bc" providerId="ADAL" clId="{BF04C754-5BF4-4E83-9615-DB14FA25AF8A}" dt="2023-10-12T11:38:08.274" v="295"/>
          <ac:spMkLst>
            <pc:docMk/>
            <pc:sldMk cId="2376958513" sldId="260"/>
            <ac:spMk id="6374" creationId="{B2686532-E9FC-7CAD-6650-2415C5007961}"/>
          </ac:spMkLst>
        </pc:spChg>
        <pc:spChg chg="mod">
          <ac:chgData name="White, Alex" userId="eff6cc8c-37d8-483b-9c6c-6b27e9afa9bc" providerId="ADAL" clId="{BF04C754-5BF4-4E83-9615-DB14FA25AF8A}" dt="2023-10-12T11:38:08.274" v="295"/>
          <ac:spMkLst>
            <pc:docMk/>
            <pc:sldMk cId="2376958513" sldId="260"/>
            <ac:spMk id="6375" creationId="{C0E66234-E40F-C806-D0F7-1758873518BF}"/>
          </ac:spMkLst>
        </pc:spChg>
        <pc:spChg chg="mod">
          <ac:chgData name="White, Alex" userId="eff6cc8c-37d8-483b-9c6c-6b27e9afa9bc" providerId="ADAL" clId="{BF04C754-5BF4-4E83-9615-DB14FA25AF8A}" dt="2023-10-12T11:38:08.274" v="295"/>
          <ac:spMkLst>
            <pc:docMk/>
            <pc:sldMk cId="2376958513" sldId="260"/>
            <ac:spMk id="6376" creationId="{F6D31523-756F-F605-47BB-69D78BB5B3E4}"/>
          </ac:spMkLst>
        </pc:spChg>
        <pc:spChg chg="mod">
          <ac:chgData name="White, Alex" userId="eff6cc8c-37d8-483b-9c6c-6b27e9afa9bc" providerId="ADAL" clId="{BF04C754-5BF4-4E83-9615-DB14FA25AF8A}" dt="2023-10-12T11:38:08.274" v="295"/>
          <ac:spMkLst>
            <pc:docMk/>
            <pc:sldMk cId="2376958513" sldId="260"/>
            <ac:spMk id="6377" creationId="{552AD9E1-59C0-1E32-6CED-5ED3A9F0C046}"/>
          </ac:spMkLst>
        </pc:spChg>
        <pc:spChg chg="mod">
          <ac:chgData name="White, Alex" userId="eff6cc8c-37d8-483b-9c6c-6b27e9afa9bc" providerId="ADAL" clId="{BF04C754-5BF4-4E83-9615-DB14FA25AF8A}" dt="2023-10-12T11:38:08.274" v="295"/>
          <ac:spMkLst>
            <pc:docMk/>
            <pc:sldMk cId="2376958513" sldId="260"/>
            <ac:spMk id="6378" creationId="{62FFA7B4-A5E4-9D34-0A86-3525A63BD85B}"/>
          </ac:spMkLst>
        </pc:spChg>
        <pc:spChg chg="mod">
          <ac:chgData name="White, Alex" userId="eff6cc8c-37d8-483b-9c6c-6b27e9afa9bc" providerId="ADAL" clId="{BF04C754-5BF4-4E83-9615-DB14FA25AF8A}" dt="2023-10-12T11:38:08.274" v="295"/>
          <ac:spMkLst>
            <pc:docMk/>
            <pc:sldMk cId="2376958513" sldId="260"/>
            <ac:spMk id="6379" creationId="{B0D663EC-A2B9-D0B2-4B77-B47BD93ADA40}"/>
          </ac:spMkLst>
        </pc:spChg>
        <pc:spChg chg="mod">
          <ac:chgData name="White, Alex" userId="eff6cc8c-37d8-483b-9c6c-6b27e9afa9bc" providerId="ADAL" clId="{BF04C754-5BF4-4E83-9615-DB14FA25AF8A}" dt="2023-10-12T11:38:08.274" v="295"/>
          <ac:spMkLst>
            <pc:docMk/>
            <pc:sldMk cId="2376958513" sldId="260"/>
            <ac:spMk id="6380" creationId="{0510F9D8-FD1A-9A93-4413-72213479ECE7}"/>
          </ac:spMkLst>
        </pc:spChg>
        <pc:spChg chg="mod">
          <ac:chgData name="White, Alex" userId="eff6cc8c-37d8-483b-9c6c-6b27e9afa9bc" providerId="ADAL" clId="{BF04C754-5BF4-4E83-9615-DB14FA25AF8A}" dt="2023-10-12T11:38:08.274" v="295"/>
          <ac:spMkLst>
            <pc:docMk/>
            <pc:sldMk cId="2376958513" sldId="260"/>
            <ac:spMk id="6381" creationId="{DF0B4CBB-5648-3927-AEDA-05BAFABE48D6}"/>
          </ac:spMkLst>
        </pc:spChg>
        <pc:spChg chg="mod">
          <ac:chgData name="White, Alex" userId="eff6cc8c-37d8-483b-9c6c-6b27e9afa9bc" providerId="ADAL" clId="{BF04C754-5BF4-4E83-9615-DB14FA25AF8A}" dt="2023-10-12T11:38:08.274" v="295"/>
          <ac:spMkLst>
            <pc:docMk/>
            <pc:sldMk cId="2376958513" sldId="260"/>
            <ac:spMk id="6382" creationId="{D7230EFA-5292-3307-D3E3-25FA864DA09A}"/>
          </ac:spMkLst>
        </pc:spChg>
        <pc:spChg chg="mod">
          <ac:chgData name="White, Alex" userId="eff6cc8c-37d8-483b-9c6c-6b27e9afa9bc" providerId="ADAL" clId="{BF04C754-5BF4-4E83-9615-DB14FA25AF8A}" dt="2023-10-12T11:38:08.274" v="295"/>
          <ac:spMkLst>
            <pc:docMk/>
            <pc:sldMk cId="2376958513" sldId="260"/>
            <ac:spMk id="6383" creationId="{CA9850F0-D9C3-5D0F-2979-84ACE0432CF5}"/>
          </ac:spMkLst>
        </pc:spChg>
        <pc:spChg chg="mod">
          <ac:chgData name="White, Alex" userId="eff6cc8c-37d8-483b-9c6c-6b27e9afa9bc" providerId="ADAL" clId="{BF04C754-5BF4-4E83-9615-DB14FA25AF8A}" dt="2023-10-12T11:38:08.274" v="295"/>
          <ac:spMkLst>
            <pc:docMk/>
            <pc:sldMk cId="2376958513" sldId="260"/>
            <ac:spMk id="6384" creationId="{51FDCD1F-ED44-086C-8B89-EDBCD064BDE3}"/>
          </ac:spMkLst>
        </pc:spChg>
        <pc:spChg chg="mod">
          <ac:chgData name="White, Alex" userId="eff6cc8c-37d8-483b-9c6c-6b27e9afa9bc" providerId="ADAL" clId="{BF04C754-5BF4-4E83-9615-DB14FA25AF8A}" dt="2023-10-12T11:38:08.274" v="295"/>
          <ac:spMkLst>
            <pc:docMk/>
            <pc:sldMk cId="2376958513" sldId="260"/>
            <ac:spMk id="6385" creationId="{85FD01E6-9BDF-5392-91A8-BF04F322F67D}"/>
          </ac:spMkLst>
        </pc:spChg>
        <pc:spChg chg="mod">
          <ac:chgData name="White, Alex" userId="eff6cc8c-37d8-483b-9c6c-6b27e9afa9bc" providerId="ADAL" clId="{BF04C754-5BF4-4E83-9615-DB14FA25AF8A}" dt="2023-10-12T11:38:08.274" v="295"/>
          <ac:spMkLst>
            <pc:docMk/>
            <pc:sldMk cId="2376958513" sldId="260"/>
            <ac:spMk id="6386" creationId="{233D43BD-2628-43D4-AA28-B9CBE6840697}"/>
          </ac:spMkLst>
        </pc:spChg>
        <pc:spChg chg="mod">
          <ac:chgData name="White, Alex" userId="eff6cc8c-37d8-483b-9c6c-6b27e9afa9bc" providerId="ADAL" clId="{BF04C754-5BF4-4E83-9615-DB14FA25AF8A}" dt="2023-10-12T11:38:08.274" v="295"/>
          <ac:spMkLst>
            <pc:docMk/>
            <pc:sldMk cId="2376958513" sldId="260"/>
            <ac:spMk id="6387" creationId="{93DA59BF-3FD1-49DF-F49B-C4605B19C767}"/>
          </ac:spMkLst>
        </pc:spChg>
        <pc:spChg chg="mod">
          <ac:chgData name="White, Alex" userId="eff6cc8c-37d8-483b-9c6c-6b27e9afa9bc" providerId="ADAL" clId="{BF04C754-5BF4-4E83-9615-DB14FA25AF8A}" dt="2023-10-12T11:38:08.274" v="295"/>
          <ac:spMkLst>
            <pc:docMk/>
            <pc:sldMk cId="2376958513" sldId="260"/>
            <ac:spMk id="6388" creationId="{E35EFB96-6116-7B09-25FE-2921FCD8AF18}"/>
          </ac:spMkLst>
        </pc:spChg>
        <pc:spChg chg="mod">
          <ac:chgData name="White, Alex" userId="eff6cc8c-37d8-483b-9c6c-6b27e9afa9bc" providerId="ADAL" clId="{BF04C754-5BF4-4E83-9615-DB14FA25AF8A}" dt="2023-10-12T11:38:08.274" v="295"/>
          <ac:spMkLst>
            <pc:docMk/>
            <pc:sldMk cId="2376958513" sldId="260"/>
            <ac:spMk id="6389" creationId="{AD246211-50C5-23BF-A616-749CD9DAF871}"/>
          </ac:spMkLst>
        </pc:spChg>
        <pc:spChg chg="mod">
          <ac:chgData name="White, Alex" userId="eff6cc8c-37d8-483b-9c6c-6b27e9afa9bc" providerId="ADAL" clId="{BF04C754-5BF4-4E83-9615-DB14FA25AF8A}" dt="2023-10-12T11:38:08.274" v="295"/>
          <ac:spMkLst>
            <pc:docMk/>
            <pc:sldMk cId="2376958513" sldId="260"/>
            <ac:spMk id="6390" creationId="{2E37104E-AB02-760E-0D8A-99AA8347C91D}"/>
          </ac:spMkLst>
        </pc:spChg>
        <pc:spChg chg="mod">
          <ac:chgData name="White, Alex" userId="eff6cc8c-37d8-483b-9c6c-6b27e9afa9bc" providerId="ADAL" clId="{BF04C754-5BF4-4E83-9615-DB14FA25AF8A}" dt="2023-10-12T11:38:08.274" v="295"/>
          <ac:spMkLst>
            <pc:docMk/>
            <pc:sldMk cId="2376958513" sldId="260"/>
            <ac:spMk id="6391" creationId="{580CBC1F-FB13-1601-726D-02664E43BEFA}"/>
          </ac:spMkLst>
        </pc:spChg>
        <pc:spChg chg="mod">
          <ac:chgData name="White, Alex" userId="eff6cc8c-37d8-483b-9c6c-6b27e9afa9bc" providerId="ADAL" clId="{BF04C754-5BF4-4E83-9615-DB14FA25AF8A}" dt="2023-10-12T11:38:08.274" v="295"/>
          <ac:spMkLst>
            <pc:docMk/>
            <pc:sldMk cId="2376958513" sldId="260"/>
            <ac:spMk id="6392" creationId="{5849FBDC-3036-ED7D-8079-12E4E9481343}"/>
          </ac:spMkLst>
        </pc:spChg>
        <pc:spChg chg="mod">
          <ac:chgData name="White, Alex" userId="eff6cc8c-37d8-483b-9c6c-6b27e9afa9bc" providerId="ADAL" clId="{BF04C754-5BF4-4E83-9615-DB14FA25AF8A}" dt="2023-10-12T11:38:08.274" v="295"/>
          <ac:spMkLst>
            <pc:docMk/>
            <pc:sldMk cId="2376958513" sldId="260"/>
            <ac:spMk id="6393" creationId="{F21E64DD-4EFF-2B07-A4DF-63F52B9ABF05}"/>
          </ac:spMkLst>
        </pc:spChg>
        <pc:spChg chg="mod">
          <ac:chgData name="White, Alex" userId="eff6cc8c-37d8-483b-9c6c-6b27e9afa9bc" providerId="ADAL" clId="{BF04C754-5BF4-4E83-9615-DB14FA25AF8A}" dt="2023-10-12T11:38:08.274" v="295"/>
          <ac:spMkLst>
            <pc:docMk/>
            <pc:sldMk cId="2376958513" sldId="260"/>
            <ac:spMk id="6394" creationId="{ED1A6A90-F132-F980-5B5F-91FE208A00D5}"/>
          </ac:spMkLst>
        </pc:spChg>
        <pc:spChg chg="mod">
          <ac:chgData name="White, Alex" userId="eff6cc8c-37d8-483b-9c6c-6b27e9afa9bc" providerId="ADAL" clId="{BF04C754-5BF4-4E83-9615-DB14FA25AF8A}" dt="2023-10-12T11:38:08.274" v="295"/>
          <ac:spMkLst>
            <pc:docMk/>
            <pc:sldMk cId="2376958513" sldId="260"/>
            <ac:spMk id="6395" creationId="{6F784451-C67C-3439-73DC-7C071166D767}"/>
          </ac:spMkLst>
        </pc:spChg>
        <pc:spChg chg="mod">
          <ac:chgData name="White, Alex" userId="eff6cc8c-37d8-483b-9c6c-6b27e9afa9bc" providerId="ADAL" clId="{BF04C754-5BF4-4E83-9615-DB14FA25AF8A}" dt="2023-10-12T11:38:08.274" v="295"/>
          <ac:spMkLst>
            <pc:docMk/>
            <pc:sldMk cId="2376958513" sldId="260"/>
            <ac:spMk id="6396" creationId="{4A4AFAA5-4B7A-D501-093C-82F69EE7B54F}"/>
          </ac:spMkLst>
        </pc:spChg>
        <pc:spChg chg="mod">
          <ac:chgData name="White, Alex" userId="eff6cc8c-37d8-483b-9c6c-6b27e9afa9bc" providerId="ADAL" clId="{BF04C754-5BF4-4E83-9615-DB14FA25AF8A}" dt="2023-10-12T11:38:08.274" v="295"/>
          <ac:spMkLst>
            <pc:docMk/>
            <pc:sldMk cId="2376958513" sldId="260"/>
            <ac:spMk id="6397" creationId="{3545B755-ECD4-5C0B-9080-0AA115C4E598}"/>
          </ac:spMkLst>
        </pc:spChg>
        <pc:spChg chg="mod">
          <ac:chgData name="White, Alex" userId="eff6cc8c-37d8-483b-9c6c-6b27e9afa9bc" providerId="ADAL" clId="{BF04C754-5BF4-4E83-9615-DB14FA25AF8A}" dt="2023-10-12T11:38:08.274" v="295"/>
          <ac:spMkLst>
            <pc:docMk/>
            <pc:sldMk cId="2376958513" sldId="260"/>
            <ac:spMk id="6398" creationId="{7F968426-111D-586E-12D8-134B84279146}"/>
          </ac:spMkLst>
        </pc:spChg>
        <pc:spChg chg="mod">
          <ac:chgData name="White, Alex" userId="eff6cc8c-37d8-483b-9c6c-6b27e9afa9bc" providerId="ADAL" clId="{BF04C754-5BF4-4E83-9615-DB14FA25AF8A}" dt="2023-10-12T11:38:08.274" v="295"/>
          <ac:spMkLst>
            <pc:docMk/>
            <pc:sldMk cId="2376958513" sldId="260"/>
            <ac:spMk id="6399" creationId="{549D3C79-CF8F-0899-9FD7-43E3C4667B89}"/>
          </ac:spMkLst>
        </pc:spChg>
        <pc:spChg chg="mod">
          <ac:chgData name="White, Alex" userId="eff6cc8c-37d8-483b-9c6c-6b27e9afa9bc" providerId="ADAL" clId="{BF04C754-5BF4-4E83-9615-DB14FA25AF8A}" dt="2023-10-12T11:38:08.274" v="295"/>
          <ac:spMkLst>
            <pc:docMk/>
            <pc:sldMk cId="2376958513" sldId="260"/>
            <ac:spMk id="6400" creationId="{FB78313C-BEC0-62CE-A3E9-3038054DC7DA}"/>
          </ac:spMkLst>
        </pc:spChg>
        <pc:spChg chg="mod">
          <ac:chgData name="White, Alex" userId="eff6cc8c-37d8-483b-9c6c-6b27e9afa9bc" providerId="ADAL" clId="{BF04C754-5BF4-4E83-9615-DB14FA25AF8A}" dt="2023-10-12T11:38:08.274" v="295"/>
          <ac:spMkLst>
            <pc:docMk/>
            <pc:sldMk cId="2376958513" sldId="260"/>
            <ac:spMk id="6401" creationId="{B47AB68B-8BA1-B57B-C8D6-0A717BFD1B31}"/>
          </ac:spMkLst>
        </pc:spChg>
        <pc:spChg chg="mod">
          <ac:chgData name="White, Alex" userId="eff6cc8c-37d8-483b-9c6c-6b27e9afa9bc" providerId="ADAL" clId="{BF04C754-5BF4-4E83-9615-DB14FA25AF8A}" dt="2023-10-12T11:38:08.274" v="295"/>
          <ac:spMkLst>
            <pc:docMk/>
            <pc:sldMk cId="2376958513" sldId="260"/>
            <ac:spMk id="6402" creationId="{18DE2BF3-5A54-8D05-3979-6375DDE083A0}"/>
          </ac:spMkLst>
        </pc:spChg>
        <pc:spChg chg="mod">
          <ac:chgData name="White, Alex" userId="eff6cc8c-37d8-483b-9c6c-6b27e9afa9bc" providerId="ADAL" clId="{BF04C754-5BF4-4E83-9615-DB14FA25AF8A}" dt="2023-10-12T11:38:08.274" v="295"/>
          <ac:spMkLst>
            <pc:docMk/>
            <pc:sldMk cId="2376958513" sldId="260"/>
            <ac:spMk id="6403" creationId="{2B783601-9DF8-A1C9-EC15-58022CBB497F}"/>
          </ac:spMkLst>
        </pc:spChg>
        <pc:spChg chg="mod">
          <ac:chgData name="White, Alex" userId="eff6cc8c-37d8-483b-9c6c-6b27e9afa9bc" providerId="ADAL" clId="{BF04C754-5BF4-4E83-9615-DB14FA25AF8A}" dt="2023-10-12T11:38:08.274" v="295"/>
          <ac:spMkLst>
            <pc:docMk/>
            <pc:sldMk cId="2376958513" sldId="260"/>
            <ac:spMk id="6404" creationId="{6888CF65-63FE-0FFD-AB2F-8B797AEF657D}"/>
          </ac:spMkLst>
        </pc:spChg>
        <pc:spChg chg="mod">
          <ac:chgData name="White, Alex" userId="eff6cc8c-37d8-483b-9c6c-6b27e9afa9bc" providerId="ADAL" clId="{BF04C754-5BF4-4E83-9615-DB14FA25AF8A}" dt="2023-10-12T11:38:08.274" v="295"/>
          <ac:spMkLst>
            <pc:docMk/>
            <pc:sldMk cId="2376958513" sldId="260"/>
            <ac:spMk id="6405" creationId="{3A8C028F-8D16-8AEA-86F5-31E791AE1B45}"/>
          </ac:spMkLst>
        </pc:spChg>
        <pc:spChg chg="mod">
          <ac:chgData name="White, Alex" userId="eff6cc8c-37d8-483b-9c6c-6b27e9afa9bc" providerId="ADAL" clId="{BF04C754-5BF4-4E83-9615-DB14FA25AF8A}" dt="2023-10-12T11:38:08.274" v="295"/>
          <ac:spMkLst>
            <pc:docMk/>
            <pc:sldMk cId="2376958513" sldId="260"/>
            <ac:spMk id="6406" creationId="{85127D9E-D14F-1BAC-B4CA-A2E92731A93E}"/>
          </ac:spMkLst>
        </pc:spChg>
        <pc:spChg chg="mod">
          <ac:chgData name="White, Alex" userId="eff6cc8c-37d8-483b-9c6c-6b27e9afa9bc" providerId="ADAL" clId="{BF04C754-5BF4-4E83-9615-DB14FA25AF8A}" dt="2023-10-12T11:38:08.274" v="295"/>
          <ac:spMkLst>
            <pc:docMk/>
            <pc:sldMk cId="2376958513" sldId="260"/>
            <ac:spMk id="6407" creationId="{47C93374-EDA3-0AD1-2F9D-9B19F43585DF}"/>
          </ac:spMkLst>
        </pc:spChg>
        <pc:spChg chg="mod">
          <ac:chgData name="White, Alex" userId="eff6cc8c-37d8-483b-9c6c-6b27e9afa9bc" providerId="ADAL" clId="{BF04C754-5BF4-4E83-9615-DB14FA25AF8A}" dt="2023-10-12T11:38:08.274" v="295"/>
          <ac:spMkLst>
            <pc:docMk/>
            <pc:sldMk cId="2376958513" sldId="260"/>
            <ac:spMk id="6408" creationId="{08CD4F92-1041-4345-6410-924AB63A8358}"/>
          </ac:spMkLst>
        </pc:spChg>
        <pc:spChg chg="mod">
          <ac:chgData name="White, Alex" userId="eff6cc8c-37d8-483b-9c6c-6b27e9afa9bc" providerId="ADAL" clId="{BF04C754-5BF4-4E83-9615-DB14FA25AF8A}" dt="2023-10-12T11:38:08.274" v="295"/>
          <ac:spMkLst>
            <pc:docMk/>
            <pc:sldMk cId="2376958513" sldId="260"/>
            <ac:spMk id="6409" creationId="{93EA523C-54BF-1692-FB4A-7CFE35C95171}"/>
          </ac:spMkLst>
        </pc:spChg>
        <pc:spChg chg="mod">
          <ac:chgData name="White, Alex" userId="eff6cc8c-37d8-483b-9c6c-6b27e9afa9bc" providerId="ADAL" clId="{BF04C754-5BF4-4E83-9615-DB14FA25AF8A}" dt="2023-10-12T11:38:08.274" v="295"/>
          <ac:spMkLst>
            <pc:docMk/>
            <pc:sldMk cId="2376958513" sldId="260"/>
            <ac:spMk id="6410" creationId="{6EFC1637-9119-F03B-A15A-76728F58954F}"/>
          </ac:spMkLst>
        </pc:spChg>
        <pc:spChg chg="mod">
          <ac:chgData name="White, Alex" userId="eff6cc8c-37d8-483b-9c6c-6b27e9afa9bc" providerId="ADAL" clId="{BF04C754-5BF4-4E83-9615-DB14FA25AF8A}" dt="2023-10-12T11:38:08.274" v="295"/>
          <ac:spMkLst>
            <pc:docMk/>
            <pc:sldMk cId="2376958513" sldId="260"/>
            <ac:spMk id="6411" creationId="{D45EC2B9-A5C4-43D0-4A68-0A447F2F6A8B}"/>
          </ac:spMkLst>
        </pc:spChg>
        <pc:spChg chg="mod">
          <ac:chgData name="White, Alex" userId="eff6cc8c-37d8-483b-9c6c-6b27e9afa9bc" providerId="ADAL" clId="{BF04C754-5BF4-4E83-9615-DB14FA25AF8A}" dt="2023-10-12T11:38:08.274" v="295"/>
          <ac:spMkLst>
            <pc:docMk/>
            <pc:sldMk cId="2376958513" sldId="260"/>
            <ac:spMk id="6412" creationId="{C456289D-D59C-2903-1510-0F8227FABB9F}"/>
          </ac:spMkLst>
        </pc:spChg>
        <pc:spChg chg="mod">
          <ac:chgData name="White, Alex" userId="eff6cc8c-37d8-483b-9c6c-6b27e9afa9bc" providerId="ADAL" clId="{BF04C754-5BF4-4E83-9615-DB14FA25AF8A}" dt="2023-10-12T11:38:08.274" v="295"/>
          <ac:spMkLst>
            <pc:docMk/>
            <pc:sldMk cId="2376958513" sldId="260"/>
            <ac:spMk id="6413" creationId="{15A190AF-04CB-A7E4-ABBE-DA3FDCC65082}"/>
          </ac:spMkLst>
        </pc:spChg>
        <pc:spChg chg="mod">
          <ac:chgData name="White, Alex" userId="eff6cc8c-37d8-483b-9c6c-6b27e9afa9bc" providerId="ADAL" clId="{BF04C754-5BF4-4E83-9615-DB14FA25AF8A}" dt="2023-10-12T11:38:08.274" v="295"/>
          <ac:spMkLst>
            <pc:docMk/>
            <pc:sldMk cId="2376958513" sldId="260"/>
            <ac:spMk id="6414" creationId="{5B6F4664-E89F-7A42-8FFD-E82E67938A5C}"/>
          </ac:spMkLst>
        </pc:spChg>
        <pc:spChg chg="mod">
          <ac:chgData name="White, Alex" userId="eff6cc8c-37d8-483b-9c6c-6b27e9afa9bc" providerId="ADAL" clId="{BF04C754-5BF4-4E83-9615-DB14FA25AF8A}" dt="2023-10-12T11:38:08.274" v="295"/>
          <ac:spMkLst>
            <pc:docMk/>
            <pc:sldMk cId="2376958513" sldId="260"/>
            <ac:spMk id="6415" creationId="{A315C202-8DB2-B046-7C23-63048393110C}"/>
          </ac:spMkLst>
        </pc:spChg>
        <pc:spChg chg="mod">
          <ac:chgData name="White, Alex" userId="eff6cc8c-37d8-483b-9c6c-6b27e9afa9bc" providerId="ADAL" clId="{BF04C754-5BF4-4E83-9615-DB14FA25AF8A}" dt="2023-10-12T11:38:08.274" v="295"/>
          <ac:spMkLst>
            <pc:docMk/>
            <pc:sldMk cId="2376958513" sldId="260"/>
            <ac:spMk id="6416" creationId="{A042E3E1-DB10-0116-30BB-AC06543C831B}"/>
          </ac:spMkLst>
        </pc:spChg>
        <pc:spChg chg="mod">
          <ac:chgData name="White, Alex" userId="eff6cc8c-37d8-483b-9c6c-6b27e9afa9bc" providerId="ADAL" clId="{BF04C754-5BF4-4E83-9615-DB14FA25AF8A}" dt="2023-10-12T11:38:08.274" v="295"/>
          <ac:spMkLst>
            <pc:docMk/>
            <pc:sldMk cId="2376958513" sldId="260"/>
            <ac:spMk id="6417" creationId="{E795FE26-4C03-4870-E46C-56DECCE79B9F}"/>
          </ac:spMkLst>
        </pc:spChg>
        <pc:spChg chg="mod">
          <ac:chgData name="White, Alex" userId="eff6cc8c-37d8-483b-9c6c-6b27e9afa9bc" providerId="ADAL" clId="{BF04C754-5BF4-4E83-9615-DB14FA25AF8A}" dt="2023-10-12T11:38:08.274" v="295"/>
          <ac:spMkLst>
            <pc:docMk/>
            <pc:sldMk cId="2376958513" sldId="260"/>
            <ac:spMk id="6418" creationId="{68777E58-0215-467B-848E-1E125AEB8FCE}"/>
          </ac:spMkLst>
        </pc:spChg>
        <pc:spChg chg="mod">
          <ac:chgData name="White, Alex" userId="eff6cc8c-37d8-483b-9c6c-6b27e9afa9bc" providerId="ADAL" clId="{BF04C754-5BF4-4E83-9615-DB14FA25AF8A}" dt="2023-10-12T11:38:08.274" v="295"/>
          <ac:spMkLst>
            <pc:docMk/>
            <pc:sldMk cId="2376958513" sldId="260"/>
            <ac:spMk id="6419" creationId="{BD6D1853-A1B1-76F6-792E-61DF8060C408}"/>
          </ac:spMkLst>
        </pc:spChg>
        <pc:spChg chg="mod">
          <ac:chgData name="White, Alex" userId="eff6cc8c-37d8-483b-9c6c-6b27e9afa9bc" providerId="ADAL" clId="{BF04C754-5BF4-4E83-9615-DB14FA25AF8A}" dt="2023-10-12T11:38:08.274" v="295"/>
          <ac:spMkLst>
            <pc:docMk/>
            <pc:sldMk cId="2376958513" sldId="260"/>
            <ac:spMk id="6420" creationId="{53DD0F10-7019-20F0-52E6-7022AE7FD14C}"/>
          </ac:spMkLst>
        </pc:spChg>
        <pc:spChg chg="mod">
          <ac:chgData name="White, Alex" userId="eff6cc8c-37d8-483b-9c6c-6b27e9afa9bc" providerId="ADAL" clId="{BF04C754-5BF4-4E83-9615-DB14FA25AF8A}" dt="2023-10-12T11:38:08.274" v="295"/>
          <ac:spMkLst>
            <pc:docMk/>
            <pc:sldMk cId="2376958513" sldId="260"/>
            <ac:spMk id="6421" creationId="{E7B41CAF-86DB-00C6-E1A9-208668475B7A}"/>
          </ac:spMkLst>
        </pc:spChg>
        <pc:spChg chg="mod">
          <ac:chgData name="White, Alex" userId="eff6cc8c-37d8-483b-9c6c-6b27e9afa9bc" providerId="ADAL" clId="{BF04C754-5BF4-4E83-9615-DB14FA25AF8A}" dt="2023-10-12T11:38:08.274" v="295"/>
          <ac:spMkLst>
            <pc:docMk/>
            <pc:sldMk cId="2376958513" sldId="260"/>
            <ac:spMk id="6422" creationId="{211D2A83-B851-347B-C07F-54F30FC1B60B}"/>
          </ac:spMkLst>
        </pc:spChg>
        <pc:spChg chg="mod">
          <ac:chgData name="White, Alex" userId="eff6cc8c-37d8-483b-9c6c-6b27e9afa9bc" providerId="ADAL" clId="{BF04C754-5BF4-4E83-9615-DB14FA25AF8A}" dt="2023-10-12T11:38:08.274" v="295"/>
          <ac:spMkLst>
            <pc:docMk/>
            <pc:sldMk cId="2376958513" sldId="260"/>
            <ac:spMk id="6423" creationId="{7E2ADB1B-1945-8971-F518-2698EBD70974}"/>
          </ac:spMkLst>
        </pc:spChg>
        <pc:spChg chg="mod">
          <ac:chgData name="White, Alex" userId="eff6cc8c-37d8-483b-9c6c-6b27e9afa9bc" providerId="ADAL" clId="{BF04C754-5BF4-4E83-9615-DB14FA25AF8A}" dt="2023-10-12T11:38:08.274" v="295"/>
          <ac:spMkLst>
            <pc:docMk/>
            <pc:sldMk cId="2376958513" sldId="260"/>
            <ac:spMk id="6424" creationId="{48AE190A-429A-0FDF-F681-F1E48D7E226B}"/>
          </ac:spMkLst>
        </pc:spChg>
        <pc:spChg chg="mod">
          <ac:chgData name="White, Alex" userId="eff6cc8c-37d8-483b-9c6c-6b27e9afa9bc" providerId="ADAL" clId="{BF04C754-5BF4-4E83-9615-DB14FA25AF8A}" dt="2023-10-12T11:38:08.274" v="295"/>
          <ac:spMkLst>
            <pc:docMk/>
            <pc:sldMk cId="2376958513" sldId="260"/>
            <ac:spMk id="6425" creationId="{4172C9A5-EC2B-0308-F323-76F6562F5CC5}"/>
          </ac:spMkLst>
        </pc:spChg>
        <pc:spChg chg="mod">
          <ac:chgData name="White, Alex" userId="eff6cc8c-37d8-483b-9c6c-6b27e9afa9bc" providerId="ADAL" clId="{BF04C754-5BF4-4E83-9615-DB14FA25AF8A}" dt="2023-10-12T11:38:08.274" v="295"/>
          <ac:spMkLst>
            <pc:docMk/>
            <pc:sldMk cId="2376958513" sldId="260"/>
            <ac:spMk id="6426" creationId="{50E29C9F-02F4-188B-EFCB-CFDDA0651CFC}"/>
          </ac:spMkLst>
        </pc:spChg>
        <pc:spChg chg="mod">
          <ac:chgData name="White, Alex" userId="eff6cc8c-37d8-483b-9c6c-6b27e9afa9bc" providerId="ADAL" clId="{BF04C754-5BF4-4E83-9615-DB14FA25AF8A}" dt="2023-10-12T11:38:08.274" v="295"/>
          <ac:spMkLst>
            <pc:docMk/>
            <pc:sldMk cId="2376958513" sldId="260"/>
            <ac:spMk id="6427" creationId="{56261F89-87CC-A78F-5F4B-92168C02C32D}"/>
          </ac:spMkLst>
        </pc:spChg>
        <pc:spChg chg="mod">
          <ac:chgData name="White, Alex" userId="eff6cc8c-37d8-483b-9c6c-6b27e9afa9bc" providerId="ADAL" clId="{BF04C754-5BF4-4E83-9615-DB14FA25AF8A}" dt="2023-10-12T11:38:08.274" v="295"/>
          <ac:spMkLst>
            <pc:docMk/>
            <pc:sldMk cId="2376958513" sldId="260"/>
            <ac:spMk id="6428" creationId="{30328800-D95F-CBA9-1748-AA3886241CFC}"/>
          </ac:spMkLst>
        </pc:spChg>
        <pc:spChg chg="mod">
          <ac:chgData name="White, Alex" userId="eff6cc8c-37d8-483b-9c6c-6b27e9afa9bc" providerId="ADAL" clId="{BF04C754-5BF4-4E83-9615-DB14FA25AF8A}" dt="2023-10-12T11:38:08.274" v="295"/>
          <ac:spMkLst>
            <pc:docMk/>
            <pc:sldMk cId="2376958513" sldId="260"/>
            <ac:spMk id="6429" creationId="{580249EA-807E-224D-6963-522728D26EF1}"/>
          </ac:spMkLst>
        </pc:spChg>
        <pc:spChg chg="mod">
          <ac:chgData name="White, Alex" userId="eff6cc8c-37d8-483b-9c6c-6b27e9afa9bc" providerId="ADAL" clId="{BF04C754-5BF4-4E83-9615-DB14FA25AF8A}" dt="2023-10-12T11:38:08.274" v="295"/>
          <ac:spMkLst>
            <pc:docMk/>
            <pc:sldMk cId="2376958513" sldId="260"/>
            <ac:spMk id="6430" creationId="{3B26D749-2958-AB82-EE0F-0619E30A083B}"/>
          </ac:spMkLst>
        </pc:spChg>
        <pc:spChg chg="mod">
          <ac:chgData name="White, Alex" userId="eff6cc8c-37d8-483b-9c6c-6b27e9afa9bc" providerId="ADAL" clId="{BF04C754-5BF4-4E83-9615-DB14FA25AF8A}" dt="2023-10-12T11:38:08.274" v="295"/>
          <ac:spMkLst>
            <pc:docMk/>
            <pc:sldMk cId="2376958513" sldId="260"/>
            <ac:spMk id="6431" creationId="{E5A08A59-5CDC-9310-A972-286A329AD285}"/>
          </ac:spMkLst>
        </pc:spChg>
        <pc:spChg chg="mod">
          <ac:chgData name="White, Alex" userId="eff6cc8c-37d8-483b-9c6c-6b27e9afa9bc" providerId="ADAL" clId="{BF04C754-5BF4-4E83-9615-DB14FA25AF8A}" dt="2023-10-12T11:38:08.274" v="295"/>
          <ac:spMkLst>
            <pc:docMk/>
            <pc:sldMk cId="2376958513" sldId="260"/>
            <ac:spMk id="6432" creationId="{C4C68DBA-EBB4-EC3F-9702-02829C169306}"/>
          </ac:spMkLst>
        </pc:spChg>
        <pc:spChg chg="mod">
          <ac:chgData name="White, Alex" userId="eff6cc8c-37d8-483b-9c6c-6b27e9afa9bc" providerId="ADAL" clId="{BF04C754-5BF4-4E83-9615-DB14FA25AF8A}" dt="2023-10-12T11:38:08.274" v="295"/>
          <ac:spMkLst>
            <pc:docMk/>
            <pc:sldMk cId="2376958513" sldId="260"/>
            <ac:spMk id="6433" creationId="{4F31C164-4280-8437-7772-D11D22218BE3}"/>
          </ac:spMkLst>
        </pc:spChg>
        <pc:spChg chg="mod">
          <ac:chgData name="White, Alex" userId="eff6cc8c-37d8-483b-9c6c-6b27e9afa9bc" providerId="ADAL" clId="{BF04C754-5BF4-4E83-9615-DB14FA25AF8A}" dt="2023-10-12T11:38:08.274" v="295"/>
          <ac:spMkLst>
            <pc:docMk/>
            <pc:sldMk cId="2376958513" sldId="260"/>
            <ac:spMk id="6434" creationId="{9A37CB65-427E-11AD-7877-C3381ABB03A7}"/>
          </ac:spMkLst>
        </pc:spChg>
        <pc:spChg chg="mod">
          <ac:chgData name="White, Alex" userId="eff6cc8c-37d8-483b-9c6c-6b27e9afa9bc" providerId="ADAL" clId="{BF04C754-5BF4-4E83-9615-DB14FA25AF8A}" dt="2023-10-12T11:38:08.274" v="295"/>
          <ac:spMkLst>
            <pc:docMk/>
            <pc:sldMk cId="2376958513" sldId="260"/>
            <ac:spMk id="6435" creationId="{1414E651-22EE-66FE-4ED3-3DD4BDB6BF1B}"/>
          </ac:spMkLst>
        </pc:spChg>
        <pc:spChg chg="mod">
          <ac:chgData name="White, Alex" userId="eff6cc8c-37d8-483b-9c6c-6b27e9afa9bc" providerId="ADAL" clId="{BF04C754-5BF4-4E83-9615-DB14FA25AF8A}" dt="2023-10-12T11:38:08.274" v="295"/>
          <ac:spMkLst>
            <pc:docMk/>
            <pc:sldMk cId="2376958513" sldId="260"/>
            <ac:spMk id="6436" creationId="{1F8E5D3C-24EC-CF7C-200C-8D127BD94BDF}"/>
          </ac:spMkLst>
        </pc:spChg>
        <pc:spChg chg="mod">
          <ac:chgData name="White, Alex" userId="eff6cc8c-37d8-483b-9c6c-6b27e9afa9bc" providerId="ADAL" clId="{BF04C754-5BF4-4E83-9615-DB14FA25AF8A}" dt="2023-10-12T11:38:08.274" v="295"/>
          <ac:spMkLst>
            <pc:docMk/>
            <pc:sldMk cId="2376958513" sldId="260"/>
            <ac:spMk id="6437" creationId="{C7408922-20FA-28E3-5156-BAF0F796D1B4}"/>
          </ac:spMkLst>
        </pc:spChg>
        <pc:spChg chg="mod">
          <ac:chgData name="White, Alex" userId="eff6cc8c-37d8-483b-9c6c-6b27e9afa9bc" providerId="ADAL" clId="{BF04C754-5BF4-4E83-9615-DB14FA25AF8A}" dt="2023-10-12T11:38:08.274" v="295"/>
          <ac:spMkLst>
            <pc:docMk/>
            <pc:sldMk cId="2376958513" sldId="260"/>
            <ac:spMk id="6438" creationId="{526FE010-3BCD-5BF9-2BED-1DB090DC0B5C}"/>
          </ac:spMkLst>
        </pc:spChg>
        <pc:spChg chg="mod">
          <ac:chgData name="White, Alex" userId="eff6cc8c-37d8-483b-9c6c-6b27e9afa9bc" providerId="ADAL" clId="{BF04C754-5BF4-4E83-9615-DB14FA25AF8A}" dt="2023-10-12T11:38:08.274" v="295"/>
          <ac:spMkLst>
            <pc:docMk/>
            <pc:sldMk cId="2376958513" sldId="260"/>
            <ac:spMk id="6439" creationId="{2989B8BA-1EE5-EA50-5B9A-F545EB5496F4}"/>
          </ac:spMkLst>
        </pc:spChg>
        <pc:spChg chg="mod">
          <ac:chgData name="White, Alex" userId="eff6cc8c-37d8-483b-9c6c-6b27e9afa9bc" providerId="ADAL" clId="{BF04C754-5BF4-4E83-9615-DB14FA25AF8A}" dt="2023-10-12T11:38:08.274" v="295"/>
          <ac:spMkLst>
            <pc:docMk/>
            <pc:sldMk cId="2376958513" sldId="260"/>
            <ac:spMk id="6440" creationId="{68511D40-50A6-1DCD-9B98-68F127520698}"/>
          </ac:spMkLst>
        </pc:spChg>
        <pc:spChg chg="mod">
          <ac:chgData name="White, Alex" userId="eff6cc8c-37d8-483b-9c6c-6b27e9afa9bc" providerId="ADAL" clId="{BF04C754-5BF4-4E83-9615-DB14FA25AF8A}" dt="2023-10-12T11:38:08.274" v="295"/>
          <ac:spMkLst>
            <pc:docMk/>
            <pc:sldMk cId="2376958513" sldId="260"/>
            <ac:spMk id="6441" creationId="{340BA89A-9CF4-3619-6A4E-78416B1453AE}"/>
          </ac:spMkLst>
        </pc:spChg>
        <pc:spChg chg="mod">
          <ac:chgData name="White, Alex" userId="eff6cc8c-37d8-483b-9c6c-6b27e9afa9bc" providerId="ADAL" clId="{BF04C754-5BF4-4E83-9615-DB14FA25AF8A}" dt="2023-10-12T11:38:08.274" v="295"/>
          <ac:spMkLst>
            <pc:docMk/>
            <pc:sldMk cId="2376958513" sldId="260"/>
            <ac:spMk id="6442" creationId="{237F7E87-5F80-BB49-37E4-F56CD7CC4F3F}"/>
          </ac:spMkLst>
        </pc:spChg>
        <pc:spChg chg="mod">
          <ac:chgData name="White, Alex" userId="eff6cc8c-37d8-483b-9c6c-6b27e9afa9bc" providerId="ADAL" clId="{BF04C754-5BF4-4E83-9615-DB14FA25AF8A}" dt="2023-10-12T11:38:08.274" v="295"/>
          <ac:spMkLst>
            <pc:docMk/>
            <pc:sldMk cId="2376958513" sldId="260"/>
            <ac:spMk id="6443" creationId="{225C5D27-B313-2E5E-C2D6-E34705E9A7BC}"/>
          </ac:spMkLst>
        </pc:spChg>
        <pc:spChg chg="mod">
          <ac:chgData name="White, Alex" userId="eff6cc8c-37d8-483b-9c6c-6b27e9afa9bc" providerId="ADAL" clId="{BF04C754-5BF4-4E83-9615-DB14FA25AF8A}" dt="2023-10-12T11:38:08.274" v="295"/>
          <ac:spMkLst>
            <pc:docMk/>
            <pc:sldMk cId="2376958513" sldId="260"/>
            <ac:spMk id="6444" creationId="{7B0DE5DF-83BC-6AF5-EFE2-0D3EFFABB9EE}"/>
          </ac:spMkLst>
        </pc:spChg>
        <pc:spChg chg="mod">
          <ac:chgData name="White, Alex" userId="eff6cc8c-37d8-483b-9c6c-6b27e9afa9bc" providerId="ADAL" clId="{BF04C754-5BF4-4E83-9615-DB14FA25AF8A}" dt="2023-10-12T11:38:08.274" v="295"/>
          <ac:spMkLst>
            <pc:docMk/>
            <pc:sldMk cId="2376958513" sldId="260"/>
            <ac:spMk id="6445" creationId="{741BC15E-28EA-63E2-4BD5-66D73EC0AA19}"/>
          </ac:spMkLst>
        </pc:spChg>
        <pc:spChg chg="mod">
          <ac:chgData name="White, Alex" userId="eff6cc8c-37d8-483b-9c6c-6b27e9afa9bc" providerId="ADAL" clId="{BF04C754-5BF4-4E83-9615-DB14FA25AF8A}" dt="2023-10-12T11:38:08.274" v="295"/>
          <ac:spMkLst>
            <pc:docMk/>
            <pc:sldMk cId="2376958513" sldId="260"/>
            <ac:spMk id="6446" creationId="{43C78AE2-3751-76FA-E4E1-8BA2FC8A9152}"/>
          </ac:spMkLst>
        </pc:spChg>
        <pc:spChg chg="mod">
          <ac:chgData name="White, Alex" userId="eff6cc8c-37d8-483b-9c6c-6b27e9afa9bc" providerId="ADAL" clId="{BF04C754-5BF4-4E83-9615-DB14FA25AF8A}" dt="2023-10-12T11:38:08.274" v="295"/>
          <ac:spMkLst>
            <pc:docMk/>
            <pc:sldMk cId="2376958513" sldId="260"/>
            <ac:spMk id="6447" creationId="{834BD1EF-1A26-3DCE-C0D3-AC9EDABF20D4}"/>
          </ac:spMkLst>
        </pc:spChg>
        <pc:spChg chg="mod">
          <ac:chgData name="White, Alex" userId="eff6cc8c-37d8-483b-9c6c-6b27e9afa9bc" providerId="ADAL" clId="{BF04C754-5BF4-4E83-9615-DB14FA25AF8A}" dt="2023-10-12T11:38:08.274" v="295"/>
          <ac:spMkLst>
            <pc:docMk/>
            <pc:sldMk cId="2376958513" sldId="260"/>
            <ac:spMk id="6448" creationId="{672D1466-0B40-C7AF-1490-A84A329320CC}"/>
          </ac:spMkLst>
        </pc:spChg>
        <pc:spChg chg="mod">
          <ac:chgData name="White, Alex" userId="eff6cc8c-37d8-483b-9c6c-6b27e9afa9bc" providerId="ADAL" clId="{BF04C754-5BF4-4E83-9615-DB14FA25AF8A}" dt="2023-10-12T11:38:08.274" v="295"/>
          <ac:spMkLst>
            <pc:docMk/>
            <pc:sldMk cId="2376958513" sldId="260"/>
            <ac:spMk id="6449" creationId="{EC9AC617-8711-9347-8192-87896BEDE5F6}"/>
          </ac:spMkLst>
        </pc:spChg>
        <pc:spChg chg="mod">
          <ac:chgData name="White, Alex" userId="eff6cc8c-37d8-483b-9c6c-6b27e9afa9bc" providerId="ADAL" clId="{BF04C754-5BF4-4E83-9615-DB14FA25AF8A}" dt="2023-10-12T11:38:08.274" v="295"/>
          <ac:spMkLst>
            <pc:docMk/>
            <pc:sldMk cId="2376958513" sldId="260"/>
            <ac:spMk id="6450" creationId="{661CCB73-2268-B134-B011-9B4FA02F296F}"/>
          </ac:spMkLst>
        </pc:spChg>
        <pc:spChg chg="mod">
          <ac:chgData name="White, Alex" userId="eff6cc8c-37d8-483b-9c6c-6b27e9afa9bc" providerId="ADAL" clId="{BF04C754-5BF4-4E83-9615-DB14FA25AF8A}" dt="2023-10-12T11:38:08.274" v="295"/>
          <ac:spMkLst>
            <pc:docMk/>
            <pc:sldMk cId="2376958513" sldId="260"/>
            <ac:spMk id="6451" creationId="{5346A038-69DF-1F57-93D7-C19C32B078F6}"/>
          </ac:spMkLst>
        </pc:spChg>
        <pc:spChg chg="mod">
          <ac:chgData name="White, Alex" userId="eff6cc8c-37d8-483b-9c6c-6b27e9afa9bc" providerId="ADAL" clId="{BF04C754-5BF4-4E83-9615-DB14FA25AF8A}" dt="2023-10-12T11:38:08.274" v="295"/>
          <ac:spMkLst>
            <pc:docMk/>
            <pc:sldMk cId="2376958513" sldId="260"/>
            <ac:spMk id="6452" creationId="{96F950CE-31F6-8FFC-4CD8-4B16EE5C6E98}"/>
          </ac:spMkLst>
        </pc:spChg>
        <pc:spChg chg="mod">
          <ac:chgData name="White, Alex" userId="eff6cc8c-37d8-483b-9c6c-6b27e9afa9bc" providerId="ADAL" clId="{BF04C754-5BF4-4E83-9615-DB14FA25AF8A}" dt="2023-10-12T11:38:08.274" v="295"/>
          <ac:spMkLst>
            <pc:docMk/>
            <pc:sldMk cId="2376958513" sldId="260"/>
            <ac:spMk id="6453" creationId="{78775C9B-5A87-978C-6C02-D4A2E0A263E6}"/>
          </ac:spMkLst>
        </pc:spChg>
        <pc:spChg chg="mod">
          <ac:chgData name="White, Alex" userId="eff6cc8c-37d8-483b-9c6c-6b27e9afa9bc" providerId="ADAL" clId="{BF04C754-5BF4-4E83-9615-DB14FA25AF8A}" dt="2023-10-12T11:38:08.274" v="295"/>
          <ac:spMkLst>
            <pc:docMk/>
            <pc:sldMk cId="2376958513" sldId="260"/>
            <ac:spMk id="6454" creationId="{DCC24B3F-A494-20FC-D910-E1EB97FBABE5}"/>
          </ac:spMkLst>
        </pc:spChg>
        <pc:spChg chg="mod">
          <ac:chgData name="White, Alex" userId="eff6cc8c-37d8-483b-9c6c-6b27e9afa9bc" providerId="ADAL" clId="{BF04C754-5BF4-4E83-9615-DB14FA25AF8A}" dt="2023-10-12T11:38:08.274" v="295"/>
          <ac:spMkLst>
            <pc:docMk/>
            <pc:sldMk cId="2376958513" sldId="260"/>
            <ac:spMk id="6455" creationId="{19439746-8AD7-DAFA-5582-C47A04B90D99}"/>
          </ac:spMkLst>
        </pc:spChg>
        <pc:spChg chg="mod">
          <ac:chgData name="White, Alex" userId="eff6cc8c-37d8-483b-9c6c-6b27e9afa9bc" providerId="ADAL" clId="{BF04C754-5BF4-4E83-9615-DB14FA25AF8A}" dt="2023-10-12T11:38:08.274" v="295"/>
          <ac:spMkLst>
            <pc:docMk/>
            <pc:sldMk cId="2376958513" sldId="260"/>
            <ac:spMk id="6456" creationId="{0BBF1011-2A19-D9EB-19EA-10BE3661F5F4}"/>
          </ac:spMkLst>
        </pc:spChg>
        <pc:spChg chg="mod">
          <ac:chgData name="White, Alex" userId="eff6cc8c-37d8-483b-9c6c-6b27e9afa9bc" providerId="ADAL" clId="{BF04C754-5BF4-4E83-9615-DB14FA25AF8A}" dt="2023-10-12T11:38:08.274" v="295"/>
          <ac:spMkLst>
            <pc:docMk/>
            <pc:sldMk cId="2376958513" sldId="260"/>
            <ac:spMk id="6457" creationId="{4B8851D4-AFE7-3392-99CB-8E18A56DDD2C}"/>
          </ac:spMkLst>
        </pc:spChg>
        <pc:spChg chg="mod">
          <ac:chgData name="White, Alex" userId="eff6cc8c-37d8-483b-9c6c-6b27e9afa9bc" providerId="ADAL" clId="{BF04C754-5BF4-4E83-9615-DB14FA25AF8A}" dt="2023-10-12T11:38:08.274" v="295"/>
          <ac:spMkLst>
            <pc:docMk/>
            <pc:sldMk cId="2376958513" sldId="260"/>
            <ac:spMk id="6458" creationId="{87EAE0AF-3FB8-D2CB-8AC0-117FF481F03D}"/>
          </ac:spMkLst>
        </pc:spChg>
        <pc:spChg chg="mod">
          <ac:chgData name="White, Alex" userId="eff6cc8c-37d8-483b-9c6c-6b27e9afa9bc" providerId="ADAL" clId="{BF04C754-5BF4-4E83-9615-DB14FA25AF8A}" dt="2023-10-12T11:38:08.274" v="295"/>
          <ac:spMkLst>
            <pc:docMk/>
            <pc:sldMk cId="2376958513" sldId="260"/>
            <ac:spMk id="6459" creationId="{D8E31A1C-B136-A96A-4DF2-118DD725E358}"/>
          </ac:spMkLst>
        </pc:spChg>
        <pc:spChg chg="mod">
          <ac:chgData name="White, Alex" userId="eff6cc8c-37d8-483b-9c6c-6b27e9afa9bc" providerId="ADAL" clId="{BF04C754-5BF4-4E83-9615-DB14FA25AF8A}" dt="2023-10-12T11:38:08.274" v="295"/>
          <ac:spMkLst>
            <pc:docMk/>
            <pc:sldMk cId="2376958513" sldId="260"/>
            <ac:spMk id="6460" creationId="{A54D08A4-A055-EE90-0395-D0467B86E809}"/>
          </ac:spMkLst>
        </pc:spChg>
        <pc:spChg chg="mod">
          <ac:chgData name="White, Alex" userId="eff6cc8c-37d8-483b-9c6c-6b27e9afa9bc" providerId="ADAL" clId="{BF04C754-5BF4-4E83-9615-DB14FA25AF8A}" dt="2023-10-12T11:38:08.274" v="295"/>
          <ac:spMkLst>
            <pc:docMk/>
            <pc:sldMk cId="2376958513" sldId="260"/>
            <ac:spMk id="6461" creationId="{5777F4C4-4699-D1E9-29A6-A0519720BA47}"/>
          </ac:spMkLst>
        </pc:spChg>
        <pc:spChg chg="mod">
          <ac:chgData name="White, Alex" userId="eff6cc8c-37d8-483b-9c6c-6b27e9afa9bc" providerId="ADAL" clId="{BF04C754-5BF4-4E83-9615-DB14FA25AF8A}" dt="2023-10-12T11:38:08.274" v="295"/>
          <ac:spMkLst>
            <pc:docMk/>
            <pc:sldMk cId="2376958513" sldId="260"/>
            <ac:spMk id="6462" creationId="{7F5277B1-9EE6-9629-C628-F45E588C0728}"/>
          </ac:spMkLst>
        </pc:spChg>
        <pc:spChg chg="mod">
          <ac:chgData name="White, Alex" userId="eff6cc8c-37d8-483b-9c6c-6b27e9afa9bc" providerId="ADAL" clId="{BF04C754-5BF4-4E83-9615-DB14FA25AF8A}" dt="2023-10-12T11:38:08.274" v="295"/>
          <ac:spMkLst>
            <pc:docMk/>
            <pc:sldMk cId="2376958513" sldId="260"/>
            <ac:spMk id="6463" creationId="{F49BA84F-306A-FD4A-FCBC-A111E7B3C200}"/>
          </ac:spMkLst>
        </pc:spChg>
        <pc:spChg chg="mod">
          <ac:chgData name="White, Alex" userId="eff6cc8c-37d8-483b-9c6c-6b27e9afa9bc" providerId="ADAL" clId="{BF04C754-5BF4-4E83-9615-DB14FA25AF8A}" dt="2023-10-12T11:38:08.274" v="295"/>
          <ac:spMkLst>
            <pc:docMk/>
            <pc:sldMk cId="2376958513" sldId="260"/>
            <ac:spMk id="6464" creationId="{82091467-7966-C614-76C3-14BA9F01A298}"/>
          </ac:spMkLst>
        </pc:spChg>
        <pc:spChg chg="mod">
          <ac:chgData name="White, Alex" userId="eff6cc8c-37d8-483b-9c6c-6b27e9afa9bc" providerId="ADAL" clId="{BF04C754-5BF4-4E83-9615-DB14FA25AF8A}" dt="2023-10-12T11:38:08.274" v="295"/>
          <ac:spMkLst>
            <pc:docMk/>
            <pc:sldMk cId="2376958513" sldId="260"/>
            <ac:spMk id="6465" creationId="{50BF7328-808C-D060-335F-2821FDEC70AC}"/>
          </ac:spMkLst>
        </pc:spChg>
        <pc:spChg chg="mod">
          <ac:chgData name="White, Alex" userId="eff6cc8c-37d8-483b-9c6c-6b27e9afa9bc" providerId="ADAL" clId="{BF04C754-5BF4-4E83-9615-DB14FA25AF8A}" dt="2023-10-12T11:38:08.274" v="295"/>
          <ac:spMkLst>
            <pc:docMk/>
            <pc:sldMk cId="2376958513" sldId="260"/>
            <ac:spMk id="6466" creationId="{2090D321-1B20-F5B2-ED55-8CED87D93305}"/>
          </ac:spMkLst>
        </pc:spChg>
        <pc:spChg chg="mod">
          <ac:chgData name="White, Alex" userId="eff6cc8c-37d8-483b-9c6c-6b27e9afa9bc" providerId="ADAL" clId="{BF04C754-5BF4-4E83-9615-DB14FA25AF8A}" dt="2023-10-12T11:38:08.274" v="295"/>
          <ac:spMkLst>
            <pc:docMk/>
            <pc:sldMk cId="2376958513" sldId="260"/>
            <ac:spMk id="6467" creationId="{2C49F0C1-90D2-FB55-FB0C-6E9FF17D2D06}"/>
          </ac:spMkLst>
        </pc:spChg>
        <pc:spChg chg="mod">
          <ac:chgData name="White, Alex" userId="eff6cc8c-37d8-483b-9c6c-6b27e9afa9bc" providerId="ADAL" clId="{BF04C754-5BF4-4E83-9615-DB14FA25AF8A}" dt="2023-10-12T11:38:08.274" v="295"/>
          <ac:spMkLst>
            <pc:docMk/>
            <pc:sldMk cId="2376958513" sldId="260"/>
            <ac:spMk id="6468" creationId="{A937C08C-4EEE-9061-E9FB-923D96990222}"/>
          </ac:spMkLst>
        </pc:spChg>
        <pc:spChg chg="mod">
          <ac:chgData name="White, Alex" userId="eff6cc8c-37d8-483b-9c6c-6b27e9afa9bc" providerId="ADAL" clId="{BF04C754-5BF4-4E83-9615-DB14FA25AF8A}" dt="2023-10-12T11:38:08.274" v="295"/>
          <ac:spMkLst>
            <pc:docMk/>
            <pc:sldMk cId="2376958513" sldId="260"/>
            <ac:spMk id="6469" creationId="{50F3030F-4438-FD93-9D43-EB3FF7819C3D}"/>
          </ac:spMkLst>
        </pc:spChg>
        <pc:spChg chg="mod">
          <ac:chgData name="White, Alex" userId="eff6cc8c-37d8-483b-9c6c-6b27e9afa9bc" providerId="ADAL" clId="{BF04C754-5BF4-4E83-9615-DB14FA25AF8A}" dt="2023-10-12T11:38:08.274" v="295"/>
          <ac:spMkLst>
            <pc:docMk/>
            <pc:sldMk cId="2376958513" sldId="260"/>
            <ac:spMk id="6470" creationId="{A750C65D-6FD4-A64F-6D9F-F63E623A6717}"/>
          </ac:spMkLst>
        </pc:spChg>
        <pc:spChg chg="mod">
          <ac:chgData name="White, Alex" userId="eff6cc8c-37d8-483b-9c6c-6b27e9afa9bc" providerId="ADAL" clId="{BF04C754-5BF4-4E83-9615-DB14FA25AF8A}" dt="2023-10-12T11:38:08.274" v="295"/>
          <ac:spMkLst>
            <pc:docMk/>
            <pc:sldMk cId="2376958513" sldId="260"/>
            <ac:spMk id="6471" creationId="{0B58888F-C324-EBF0-8BE9-AD134AEE490A}"/>
          </ac:spMkLst>
        </pc:spChg>
        <pc:spChg chg="mod">
          <ac:chgData name="White, Alex" userId="eff6cc8c-37d8-483b-9c6c-6b27e9afa9bc" providerId="ADAL" clId="{BF04C754-5BF4-4E83-9615-DB14FA25AF8A}" dt="2023-10-12T11:38:08.274" v="295"/>
          <ac:spMkLst>
            <pc:docMk/>
            <pc:sldMk cId="2376958513" sldId="260"/>
            <ac:spMk id="6472" creationId="{4F2E0676-85E6-2293-EF04-B2BDB7BBA1E4}"/>
          </ac:spMkLst>
        </pc:spChg>
        <pc:spChg chg="mod">
          <ac:chgData name="White, Alex" userId="eff6cc8c-37d8-483b-9c6c-6b27e9afa9bc" providerId="ADAL" clId="{BF04C754-5BF4-4E83-9615-DB14FA25AF8A}" dt="2023-10-12T11:38:08.274" v="295"/>
          <ac:spMkLst>
            <pc:docMk/>
            <pc:sldMk cId="2376958513" sldId="260"/>
            <ac:spMk id="6473" creationId="{7DCE90B8-91F5-0104-75F9-CC089F5D6A97}"/>
          </ac:spMkLst>
        </pc:spChg>
        <pc:spChg chg="mod">
          <ac:chgData name="White, Alex" userId="eff6cc8c-37d8-483b-9c6c-6b27e9afa9bc" providerId="ADAL" clId="{BF04C754-5BF4-4E83-9615-DB14FA25AF8A}" dt="2023-10-12T11:38:08.274" v="295"/>
          <ac:spMkLst>
            <pc:docMk/>
            <pc:sldMk cId="2376958513" sldId="260"/>
            <ac:spMk id="6474" creationId="{F66ECD77-C029-06BB-CFB7-12CF6084614B}"/>
          </ac:spMkLst>
        </pc:spChg>
        <pc:spChg chg="mod">
          <ac:chgData name="White, Alex" userId="eff6cc8c-37d8-483b-9c6c-6b27e9afa9bc" providerId="ADAL" clId="{BF04C754-5BF4-4E83-9615-DB14FA25AF8A}" dt="2023-10-12T11:38:08.274" v="295"/>
          <ac:spMkLst>
            <pc:docMk/>
            <pc:sldMk cId="2376958513" sldId="260"/>
            <ac:spMk id="6475" creationId="{7A1BDD3D-8B3F-C2EA-FC2C-E054AC45CA47}"/>
          </ac:spMkLst>
        </pc:spChg>
        <pc:spChg chg="mod">
          <ac:chgData name="White, Alex" userId="eff6cc8c-37d8-483b-9c6c-6b27e9afa9bc" providerId="ADAL" clId="{BF04C754-5BF4-4E83-9615-DB14FA25AF8A}" dt="2023-10-12T11:38:08.274" v="295"/>
          <ac:spMkLst>
            <pc:docMk/>
            <pc:sldMk cId="2376958513" sldId="260"/>
            <ac:spMk id="6476" creationId="{CB2DA693-2AC5-1216-2193-8D695C4E1457}"/>
          </ac:spMkLst>
        </pc:spChg>
        <pc:spChg chg="mod">
          <ac:chgData name="White, Alex" userId="eff6cc8c-37d8-483b-9c6c-6b27e9afa9bc" providerId="ADAL" clId="{BF04C754-5BF4-4E83-9615-DB14FA25AF8A}" dt="2023-10-12T11:38:08.274" v="295"/>
          <ac:spMkLst>
            <pc:docMk/>
            <pc:sldMk cId="2376958513" sldId="260"/>
            <ac:spMk id="6477" creationId="{013E0015-C8CE-D3C4-4532-318874EE10B1}"/>
          </ac:spMkLst>
        </pc:spChg>
        <pc:spChg chg="mod">
          <ac:chgData name="White, Alex" userId="eff6cc8c-37d8-483b-9c6c-6b27e9afa9bc" providerId="ADAL" clId="{BF04C754-5BF4-4E83-9615-DB14FA25AF8A}" dt="2023-10-12T11:38:08.274" v="295"/>
          <ac:spMkLst>
            <pc:docMk/>
            <pc:sldMk cId="2376958513" sldId="260"/>
            <ac:spMk id="6478" creationId="{1E8DCC9C-A5DA-8338-C229-DD6176AACA3E}"/>
          </ac:spMkLst>
        </pc:spChg>
        <pc:spChg chg="mod">
          <ac:chgData name="White, Alex" userId="eff6cc8c-37d8-483b-9c6c-6b27e9afa9bc" providerId="ADAL" clId="{BF04C754-5BF4-4E83-9615-DB14FA25AF8A}" dt="2023-10-12T11:38:08.274" v="295"/>
          <ac:spMkLst>
            <pc:docMk/>
            <pc:sldMk cId="2376958513" sldId="260"/>
            <ac:spMk id="6479" creationId="{485B10B8-51A7-D77C-592B-9149B5517FE6}"/>
          </ac:spMkLst>
        </pc:spChg>
        <pc:spChg chg="mod">
          <ac:chgData name="White, Alex" userId="eff6cc8c-37d8-483b-9c6c-6b27e9afa9bc" providerId="ADAL" clId="{BF04C754-5BF4-4E83-9615-DB14FA25AF8A}" dt="2023-10-12T11:38:08.274" v="295"/>
          <ac:spMkLst>
            <pc:docMk/>
            <pc:sldMk cId="2376958513" sldId="260"/>
            <ac:spMk id="6480" creationId="{C7880B4D-8814-6977-15FD-074E3533ACE6}"/>
          </ac:spMkLst>
        </pc:spChg>
        <pc:spChg chg="mod">
          <ac:chgData name="White, Alex" userId="eff6cc8c-37d8-483b-9c6c-6b27e9afa9bc" providerId="ADAL" clId="{BF04C754-5BF4-4E83-9615-DB14FA25AF8A}" dt="2023-10-12T11:38:08.274" v="295"/>
          <ac:spMkLst>
            <pc:docMk/>
            <pc:sldMk cId="2376958513" sldId="260"/>
            <ac:spMk id="6481" creationId="{373DD060-8218-B9BB-B506-C99D3AFFD1D4}"/>
          </ac:spMkLst>
        </pc:spChg>
        <pc:spChg chg="mod">
          <ac:chgData name="White, Alex" userId="eff6cc8c-37d8-483b-9c6c-6b27e9afa9bc" providerId="ADAL" clId="{BF04C754-5BF4-4E83-9615-DB14FA25AF8A}" dt="2023-10-12T11:38:08.274" v="295"/>
          <ac:spMkLst>
            <pc:docMk/>
            <pc:sldMk cId="2376958513" sldId="260"/>
            <ac:spMk id="6482" creationId="{79D4BA5D-681F-D53F-6413-71D32F4454EF}"/>
          </ac:spMkLst>
        </pc:spChg>
        <pc:spChg chg="mod">
          <ac:chgData name="White, Alex" userId="eff6cc8c-37d8-483b-9c6c-6b27e9afa9bc" providerId="ADAL" clId="{BF04C754-5BF4-4E83-9615-DB14FA25AF8A}" dt="2023-10-12T11:38:08.274" v="295"/>
          <ac:spMkLst>
            <pc:docMk/>
            <pc:sldMk cId="2376958513" sldId="260"/>
            <ac:spMk id="6483" creationId="{110BC83A-76F2-94E9-4CB1-8046AA271AC4}"/>
          </ac:spMkLst>
        </pc:spChg>
        <pc:spChg chg="mod">
          <ac:chgData name="White, Alex" userId="eff6cc8c-37d8-483b-9c6c-6b27e9afa9bc" providerId="ADAL" clId="{BF04C754-5BF4-4E83-9615-DB14FA25AF8A}" dt="2023-10-12T11:38:08.274" v="295"/>
          <ac:spMkLst>
            <pc:docMk/>
            <pc:sldMk cId="2376958513" sldId="260"/>
            <ac:spMk id="6484" creationId="{E9DEE3DA-CD06-B979-818C-E191188307F3}"/>
          </ac:spMkLst>
        </pc:spChg>
        <pc:spChg chg="mod">
          <ac:chgData name="White, Alex" userId="eff6cc8c-37d8-483b-9c6c-6b27e9afa9bc" providerId="ADAL" clId="{BF04C754-5BF4-4E83-9615-DB14FA25AF8A}" dt="2023-10-12T11:38:08.274" v="295"/>
          <ac:spMkLst>
            <pc:docMk/>
            <pc:sldMk cId="2376958513" sldId="260"/>
            <ac:spMk id="6485" creationId="{0ADCEC0B-1825-5AA6-CC3B-E4B3B4830233}"/>
          </ac:spMkLst>
        </pc:spChg>
        <pc:spChg chg="mod">
          <ac:chgData name="White, Alex" userId="eff6cc8c-37d8-483b-9c6c-6b27e9afa9bc" providerId="ADAL" clId="{BF04C754-5BF4-4E83-9615-DB14FA25AF8A}" dt="2023-10-12T11:38:08.274" v="295"/>
          <ac:spMkLst>
            <pc:docMk/>
            <pc:sldMk cId="2376958513" sldId="260"/>
            <ac:spMk id="6486" creationId="{76E0F5A5-3B9C-BAFD-D456-257C12F3BCE6}"/>
          </ac:spMkLst>
        </pc:spChg>
        <pc:spChg chg="mod">
          <ac:chgData name="White, Alex" userId="eff6cc8c-37d8-483b-9c6c-6b27e9afa9bc" providerId="ADAL" clId="{BF04C754-5BF4-4E83-9615-DB14FA25AF8A}" dt="2023-10-12T11:38:08.274" v="295"/>
          <ac:spMkLst>
            <pc:docMk/>
            <pc:sldMk cId="2376958513" sldId="260"/>
            <ac:spMk id="6487" creationId="{7D578384-12B8-FD0C-8839-151F679B0B92}"/>
          </ac:spMkLst>
        </pc:spChg>
        <pc:spChg chg="mod">
          <ac:chgData name="White, Alex" userId="eff6cc8c-37d8-483b-9c6c-6b27e9afa9bc" providerId="ADAL" clId="{BF04C754-5BF4-4E83-9615-DB14FA25AF8A}" dt="2023-10-12T11:38:08.274" v="295"/>
          <ac:spMkLst>
            <pc:docMk/>
            <pc:sldMk cId="2376958513" sldId="260"/>
            <ac:spMk id="6488" creationId="{397EBE00-1931-B6F6-197A-4F4B60DC73A1}"/>
          </ac:spMkLst>
        </pc:spChg>
        <pc:spChg chg="mod">
          <ac:chgData name="White, Alex" userId="eff6cc8c-37d8-483b-9c6c-6b27e9afa9bc" providerId="ADAL" clId="{BF04C754-5BF4-4E83-9615-DB14FA25AF8A}" dt="2023-10-12T11:38:08.274" v="295"/>
          <ac:spMkLst>
            <pc:docMk/>
            <pc:sldMk cId="2376958513" sldId="260"/>
            <ac:spMk id="6489" creationId="{5182A890-94DE-37D4-57EA-09DC374711BC}"/>
          </ac:spMkLst>
        </pc:spChg>
        <pc:spChg chg="mod">
          <ac:chgData name="White, Alex" userId="eff6cc8c-37d8-483b-9c6c-6b27e9afa9bc" providerId="ADAL" clId="{BF04C754-5BF4-4E83-9615-DB14FA25AF8A}" dt="2023-10-12T11:38:08.274" v="295"/>
          <ac:spMkLst>
            <pc:docMk/>
            <pc:sldMk cId="2376958513" sldId="260"/>
            <ac:spMk id="6490" creationId="{D99BE36F-8427-4AFC-74F3-B9A6751D504D}"/>
          </ac:spMkLst>
        </pc:spChg>
        <pc:spChg chg="mod">
          <ac:chgData name="White, Alex" userId="eff6cc8c-37d8-483b-9c6c-6b27e9afa9bc" providerId="ADAL" clId="{BF04C754-5BF4-4E83-9615-DB14FA25AF8A}" dt="2023-10-12T11:38:08.274" v="295"/>
          <ac:spMkLst>
            <pc:docMk/>
            <pc:sldMk cId="2376958513" sldId="260"/>
            <ac:spMk id="6491" creationId="{B429DE58-EED4-D506-4498-BD02DFACB0DD}"/>
          </ac:spMkLst>
        </pc:spChg>
        <pc:spChg chg="mod">
          <ac:chgData name="White, Alex" userId="eff6cc8c-37d8-483b-9c6c-6b27e9afa9bc" providerId="ADAL" clId="{BF04C754-5BF4-4E83-9615-DB14FA25AF8A}" dt="2023-10-12T11:38:08.274" v="295"/>
          <ac:spMkLst>
            <pc:docMk/>
            <pc:sldMk cId="2376958513" sldId="260"/>
            <ac:spMk id="6492" creationId="{E1932B96-E059-1571-7A73-7F612C1941CD}"/>
          </ac:spMkLst>
        </pc:spChg>
        <pc:spChg chg="mod">
          <ac:chgData name="White, Alex" userId="eff6cc8c-37d8-483b-9c6c-6b27e9afa9bc" providerId="ADAL" clId="{BF04C754-5BF4-4E83-9615-DB14FA25AF8A}" dt="2023-10-12T11:38:08.274" v="295"/>
          <ac:spMkLst>
            <pc:docMk/>
            <pc:sldMk cId="2376958513" sldId="260"/>
            <ac:spMk id="6493" creationId="{2774F277-6919-293F-4478-3885EDE9A656}"/>
          </ac:spMkLst>
        </pc:spChg>
        <pc:spChg chg="mod">
          <ac:chgData name="White, Alex" userId="eff6cc8c-37d8-483b-9c6c-6b27e9afa9bc" providerId="ADAL" clId="{BF04C754-5BF4-4E83-9615-DB14FA25AF8A}" dt="2023-10-12T11:38:08.274" v="295"/>
          <ac:spMkLst>
            <pc:docMk/>
            <pc:sldMk cId="2376958513" sldId="260"/>
            <ac:spMk id="6494" creationId="{250AB320-3C18-5DDF-F3FC-0F7A0032F8F2}"/>
          </ac:spMkLst>
        </pc:spChg>
        <pc:spChg chg="mod">
          <ac:chgData name="White, Alex" userId="eff6cc8c-37d8-483b-9c6c-6b27e9afa9bc" providerId="ADAL" clId="{BF04C754-5BF4-4E83-9615-DB14FA25AF8A}" dt="2023-10-12T11:38:08.274" v="295"/>
          <ac:spMkLst>
            <pc:docMk/>
            <pc:sldMk cId="2376958513" sldId="260"/>
            <ac:spMk id="6495" creationId="{2186A67A-DF3B-8D16-51DB-EF7A5E0827B7}"/>
          </ac:spMkLst>
        </pc:spChg>
        <pc:spChg chg="mod">
          <ac:chgData name="White, Alex" userId="eff6cc8c-37d8-483b-9c6c-6b27e9afa9bc" providerId="ADAL" clId="{BF04C754-5BF4-4E83-9615-DB14FA25AF8A}" dt="2023-10-12T11:38:08.274" v="295"/>
          <ac:spMkLst>
            <pc:docMk/>
            <pc:sldMk cId="2376958513" sldId="260"/>
            <ac:spMk id="6496" creationId="{7A8CF91F-74AE-6016-11D7-5E58AE92E004}"/>
          </ac:spMkLst>
        </pc:spChg>
        <pc:spChg chg="mod">
          <ac:chgData name="White, Alex" userId="eff6cc8c-37d8-483b-9c6c-6b27e9afa9bc" providerId="ADAL" clId="{BF04C754-5BF4-4E83-9615-DB14FA25AF8A}" dt="2023-10-12T11:38:08.274" v="295"/>
          <ac:spMkLst>
            <pc:docMk/>
            <pc:sldMk cId="2376958513" sldId="260"/>
            <ac:spMk id="6497" creationId="{CA6635D2-EACD-CC75-BB19-7404FAD07A0D}"/>
          </ac:spMkLst>
        </pc:spChg>
        <pc:spChg chg="mod">
          <ac:chgData name="White, Alex" userId="eff6cc8c-37d8-483b-9c6c-6b27e9afa9bc" providerId="ADAL" clId="{BF04C754-5BF4-4E83-9615-DB14FA25AF8A}" dt="2023-10-12T11:38:08.274" v="295"/>
          <ac:spMkLst>
            <pc:docMk/>
            <pc:sldMk cId="2376958513" sldId="260"/>
            <ac:spMk id="6498" creationId="{0C79284E-3075-AF22-3E89-9589A833BC34}"/>
          </ac:spMkLst>
        </pc:spChg>
        <pc:spChg chg="mod">
          <ac:chgData name="White, Alex" userId="eff6cc8c-37d8-483b-9c6c-6b27e9afa9bc" providerId="ADAL" clId="{BF04C754-5BF4-4E83-9615-DB14FA25AF8A}" dt="2023-10-12T11:38:08.274" v="295"/>
          <ac:spMkLst>
            <pc:docMk/>
            <pc:sldMk cId="2376958513" sldId="260"/>
            <ac:spMk id="6499" creationId="{7312BEA2-1E20-CE2C-9231-8D696DCD3453}"/>
          </ac:spMkLst>
        </pc:spChg>
        <pc:spChg chg="mod">
          <ac:chgData name="White, Alex" userId="eff6cc8c-37d8-483b-9c6c-6b27e9afa9bc" providerId="ADAL" clId="{BF04C754-5BF4-4E83-9615-DB14FA25AF8A}" dt="2023-10-12T11:38:08.274" v="295"/>
          <ac:spMkLst>
            <pc:docMk/>
            <pc:sldMk cId="2376958513" sldId="260"/>
            <ac:spMk id="6500" creationId="{0DEF73E4-C4FD-CCB7-37F1-9705A2E350D5}"/>
          </ac:spMkLst>
        </pc:spChg>
        <pc:spChg chg="mod">
          <ac:chgData name="White, Alex" userId="eff6cc8c-37d8-483b-9c6c-6b27e9afa9bc" providerId="ADAL" clId="{BF04C754-5BF4-4E83-9615-DB14FA25AF8A}" dt="2023-10-12T11:38:08.274" v="295"/>
          <ac:spMkLst>
            <pc:docMk/>
            <pc:sldMk cId="2376958513" sldId="260"/>
            <ac:spMk id="6501" creationId="{14DA68DE-55EB-E75A-9688-27540D807A9E}"/>
          </ac:spMkLst>
        </pc:spChg>
        <pc:spChg chg="mod">
          <ac:chgData name="White, Alex" userId="eff6cc8c-37d8-483b-9c6c-6b27e9afa9bc" providerId="ADAL" clId="{BF04C754-5BF4-4E83-9615-DB14FA25AF8A}" dt="2023-10-12T11:38:08.274" v="295"/>
          <ac:spMkLst>
            <pc:docMk/>
            <pc:sldMk cId="2376958513" sldId="260"/>
            <ac:spMk id="6502" creationId="{20DADC22-27B0-B388-468B-8ACF6E57215D}"/>
          </ac:spMkLst>
        </pc:spChg>
        <pc:spChg chg="mod">
          <ac:chgData name="White, Alex" userId="eff6cc8c-37d8-483b-9c6c-6b27e9afa9bc" providerId="ADAL" clId="{BF04C754-5BF4-4E83-9615-DB14FA25AF8A}" dt="2023-10-12T11:38:08.274" v="295"/>
          <ac:spMkLst>
            <pc:docMk/>
            <pc:sldMk cId="2376958513" sldId="260"/>
            <ac:spMk id="6503" creationId="{9C788EC3-85AC-0015-EFEA-590ECE801AD5}"/>
          </ac:spMkLst>
        </pc:spChg>
        <pc:spChg chg="mod">
          <ac:chgData name="White, Alex" userId="eff6cc8c-37d8-483b-9c6c-6b27e9afa9bc" providerId="ADAL" clId="{BF04C754-5BF4-4E83-9615-DB14FA25AF8A}" dt="2023-10-12T11:38:08.274" v="295"/>
          <ac:spMkLst>
            <pc:docMk/>
            <pc:sldMk cId="2376958513" sldId="260"/>
            <ac:spMk id="6504" creationId="{7ABCA691-5AF2-8551-0E89-A9059175F853}"/>
          </ac:spMkLst>
        </pc:spChg>
        <pc:spChg chg="mod">
          <ac:chgData name="White, Alex" userId="eff6cc8c-37d8-483b-9c6c-6b27e9afa9bc" providerId="ADAL" clId="{BF04C754-5BF4-4E83-9615-DB14FA25AF8A}" dt="2023-10-12T11:38:08.274" v="295"/>
          <ac:spMkLst>
            <pc:docMk/>
            <pc:sldMk cId="2376958513" sldId="260"/>
            <ac:spMk id="6505" creationId="{F6F5A362-4F43-0F48-EBF5-216AD49B8DA7}"/>
          </ac:spMkLst>
        </pc:spChg>
        <pc:spChg chg="mod">
          <ac:chgData name="White, Alex" userId="eff6cc8c-37d8-483b-9c6c-6b27e9afa9bc" providerId="ADAL" clId="{BF04C754-5BF4-4E83-9615-DB14FA25AF8A}" dt="2023-10-12T11:38:08.274" v="295"/>
          <ac:spMkLst>
            <pc:docMk/>
            <pc:sldMk cId="2376958513" sldId="260"/>
            <ac:spMk id="6506" creationId="{EAF36E5A-21A8-BB23-8D7B-BCF3072E5210}"/>
          </ac:spMkLst>
        </pc:spChg>
        <pc:spChg chg="mod">
          <ac:chgData name="White, Alex" userId="eff6cc8c-37d8-483b-9c6c-6b27e9afa9bc" providerId="ADAL" clId="{BF04C754-5BF4-4E83-9615-DB14FA25AF8A}" dt="2023-10-12T11:38:08.274" v="295"/>
          <ac:spMkLst>
            <pc:docMk/>
            <pc:sldMk cId="2376958513" sldId="260"/>
            <ac:spMk id="6507" creationId="{7B664CB0-F3B1-E943-CF17-0B705E01F39B}"/>
          </ac:spMkLst>
        </pc:spChg>
        <pc:spChg chg="mod">
          <ac:chgData name="White, Alex" userId="eff6cc8c-37d8-483b-9c6c-6b27e9afa9bc" providerId="ADAL" clId="{BF04C754-5BF4-4E83-9615-DB14FA25AF8A}" dt="2023-10-12T11:38:08.274" v="295"/>
          <ac:spMkLst>
            <pc:docMk/>
            <pc:sldMk cId="2376958513" sldId="260"/>
            <ac:spMk id="6508" creationId="{DDF60140-BA56-09A1-9581-D9954D133FDA}"/>
          </ac:spMkLst>
        </pc:spChg>
        <pc:spChg chg="mod">
          <ac:chgData name="White, Alex" userId="eff6cc8c-37d8-483b-9c6c-6b27e9afa9bc" providerId="ADAL" clId="{BF04C754-5BF4-4E83-9615-DB14FA25AF8A}" dt="2023-10-12T11:38:08.274" v="295"/>
          <ac:spMkLst>
            <pc:docMk/>
            <pc:sldMk cId="2376958513" sldId="260"/>
            <ac:spMk id="6509" creationId="{539EC2FF-ADFD-1224-414D-C7177D09FD94}"/>
          </ac:spMkLst>
        </pc:spChg>
        <pc:spChg chg="mod">
          <ac:chgData name="White, Alex" userId="eff6cc8c-37d8-483b-9c6c-6b27e9afa9bc" providerId="ADAL" clId="{BF04C754-5BF4-4E83-9615-DB14FA25AF8A}" dt="2023-10-12T11:38:08.274" v="295"/>
          <ac:spMkLst>
            <pc:docMk/>
            <pc:sldMk cId="2376958513" sldId="260"/>
            <ac:spMk id="6510" creationId="{6F2C89CC-5A14-3731-389E-7DB9507A6276}"/>
          </ac:spMkLst>
        </pc:spChg>
        <pc:spChg chg="mod">
          <ac:chgData name="White, Alex" userId="eff6cc8c-37d8-483b-9c6c-6b27e9afa9bc" providerId="ADAL" clId="{BF04C754-5BF4-4E83-9615-DB14FA25AF8A}" dt="2023-10-12T11:38:08.274" v="295"/>
          <ac:spMkLst>
            <pc:docMk/>
            <pc:sldMk cId="2376958513" sldId="260"/>
            <ac:spMk id="6511" creationId="{A2BE21E6-DA0D-822E-3B6D-147B45EFCCD6}"/>
          </ac:spMkLst>
        </pc:spChg>
        <pc:spChg chg="mod">
          <ac:chgData name="White, Alex" userId="eff6cc8c-37d8-483b-9c6c-6b27e9afa9bc" providerId="ADAL" clId="{BF04C754-5BF4-4E83-9615-DB14FA25AF8A}" dt="2023-10-12T11:38:08.274" v="295"/>
          <ac:spMkLst>
            <pc:docMk/>
            <pc:sldMk cId="2376958513" sldId="260"/>
            <ac:spMk id="6512" creationId="{00680415-563D-A26A-9C53-C89ED9BEA55D}"/>
          </ac:spMkLst>
        </pc:spChg>
        <pc:spChg chg="mod">
          <ac:chgData name="White, Alex" userId="eff6cc8c-37d8-483b-9c6c-6b27e9afa9bc" providerId="ADAL" clId="{BF04C754-5BF4-4E83-9615-DB14FA25AF8A}" dt="2023-10-12T11:38:08.274" v="295"/>
          <ac:spMkLst>
            <pc:docMk/>
            <pc:sldMk cId="2376958513" sldId="260"/>
            <ac:spMk id="6513" creationId="{E3D79D3B-750A-37AD-CE16-154570E732EE}"/>
          </ac:spMkLst>
        </pc:spChg>
        <pc:spChg chg="mod">
          <ac:chgData name="White, Alex" userId="eff6cc8c-37d8-483b-9c6c-6b27e9afa9bc" providerId="ADAL" clId="{BF04C754-5BF4-4E83-9615-DB14FA25AF8A}" dt="2023-10-12T11:38:08.274" v="295"/>
          <ac:spMkLst>
            <pc:docMk/>
            <pc:sldMk cId="2376958513" sldId="260"/>
            <ac:spMk id="6514" creationId="{B1128CAD-F522-C920-B965-B34C08642366}"/>
          </ac:spMkLst>
        </pc:spChg>
        <pc:spChg chg="mod">
          <ac:chgData name="White, Alex" userId="eff6cc8c-37d8-483b-9c6c-6b27e9afa9bc" providerId="ADAL" clId="{BF04C754-5BF4-4E83-9615-DB14FA25AF8A}" dt="2023-10-12T11:38:08.274" v="295"/>
          <ac:spMkLst>
            <pc:docMk/>
            <pc:sldMk cId="2376958513" sldId="260"/>
            <ac:spMk id="6515" creationId="{5E68D749-E3FB-892D-101A-9CA314747505}"/>
          </ac:spMkLst>
        </pc:spChg>
        <pc:spChg chg="mod">
          <ac:chgData name="White, Alex" userId="eff6cc8c-37d8-483b-9c6c-6b27e9afa9bc" providerId="ADAL" clId="{BF04C754-5BF4-4E83-9615-DB14FA25AF8A}" dt="2023-10-12T11:38:08.274" v="295"/>
          <ac:spMkLst>
            <pc:docMk/>
            <pc:sldMk cId="2376958513" sldId="260"/>
            <ac:spMk id="6516" creationId="{421CD061-9F24-41CD-6B86-C84394AF41ED}"/>
          </ac:spMkLst>
        </pc:spChg>
        <pc:spChg chg="mod">
          <ac:chgData name="White, Alex" userId="eff6cc8c-37d8-483b-9c6c-6b27e9afa9bc" providerId="ADAL" clId="{BF04C754-5BF4-4E83-9615-DB14FA25AF8A}" dt="2023-10-12T11:38:08.274" v="295"/>
          <ac:spMkLst>
            <pc:docMk/>
            <pc:sldMk cId="2376958513" sldId="260"/>
            <ac:spMk id="6517" creationId="{BF231A2D-C078-D7DC-E5C8-D4FDAB88B564}"/>
          </ac:spMkLst>
        </pc:spChg>
        <pc:spChg chg="mod">
          <ac:chgData name="White, Alex" userId="eff6cc8c-37d8-483b-9c6c-6b27e9afa9bc" providerId="ADAL" clId="{BF04C754-5BF4-4E83-9615-DB14FA25AF8A}" dt="2023-10-12T11:38:08.274" v="295"/>
          <ac:spMkLst>
            <pc:docMk/>
            <pc:sldMk cId="2376958513" sldId="260"/>
            <ac:spMk id="6518" creationId="{AC442DAA-271A-D889-C6E3-903E2D2AA530}"/>
          </ac:spMkLst>
        </pc:spChg>
        <pc:spChg chg="mod">
          <ac:chgData name="White, Alex" userId="eff6cc8c-37d8-483b-9c6c-6b27e9afa9bc" providerId="ADAL" clId="{BF04C754-5BF4-4E83-9615-DB14FA25AF8A}" dt="2023-10-12T11:38:08.274" v="295"/>
          <ac:spMkLst>
            <pc:docMk/>
            <pc:sldMk cId="2376958513" sldId="260"/>
            <ac:spMk id="6519" creationId="{AD4F2999-46F8-E608-7829-17A8D4F83764}"/>
          </ac:spMkLst>
        </pc:spChg>
        <pc:spChg chg="mod">
          <ac:chgData name="White, Alex" userId="eff6cc8c-37d8-483b-9c6c-6b27e9afa9bc" providerId="ADAL" clId="{BF04C754-5BF4-4E83-9615-DB14FA25AF8A}" dt="2023-10-12T11:38:08.274" v="295"/>
          <ac:spMkLst>
            <pc:docMk/>
            <pc:sldMk cId="2376958513" sldId="260"/>
            <ac:spMk id="6520" creationId="{E26BBD18-A0BD-39BA-4E10-01B627F0BC28}"/>
          </ac:spMkLst>
        </pc:spChg>
        <pc:spChg chg="mod">
          <ac:chgData name="White, Alex" userId="eff6cc8c-37d8-483b-9c6c-6b27e9afa9bc" providerId="ADAL" clId="{BF04C754-5BF4-4E83-9615-DB14FA25AF8A}" dt="2023-10-12T11:38:08.274" v="295"/>
          <ac:spMkLst>
            <pc:docMk/>
            <pc:sldMk cId="2376958513" sldId="260"/>
            <ac:spMk id="6521" creationId="{16ABB5F7-2F01-50DF-91BB-EA09B45A43E9}"/>
          </ac:spMkLst>
        </pc:spChg>
        <pc:spChg chg="mod">
          <ac:chgData name="White, Alex" userId="eff6cc8c-37d8-483b-9c6c-6b27e9afa9bc" providerId="ADAL" clId="{BF04C754-5BF4-4E83-9615-DB14FA25AF8A}" dt="2023-10-12T11:38:08.274" v="295"/>
          <ac:spMkLst>
            <pc:docMk/>
            <pc:sldMk cId="2376958513" sldId="260"/>
            <ac:spMk id="6522" creationId="{664FA41A-7CAA-803A-01BB-8E8CA5780CD4}"/>
          </ac:spMkLst>
        </pc:spChg>
        <pc:spChg chg="mod">
          <ac:chgData name="White, Alex" userId="eff6cc8c-37d8-483b-9c6c-6b27e9afa9bc" providerId="ADAL" clId="{BF04C754-5BF4-4E83-9615-DB14FA25AF8A}" dt="2023-10-12T11:38:08.274" v="295"/>
          <ac:spMkLst>
            <pc:docMk/>
            <pc:sldMk cId="2376958513" sldId="260"/>
            <ac:spMk id="6523" creationId="{7A8030ED-AAB1-CC08-3FD1-941EBBB2F50D}"/>
          </ac:spMkLst>
        </pc:spChg>
        <pc:spChg chg="mod">
          <ac:chgData name="White, Alex" userId="eff6cc8c-37d8-483b-9c6c-6b27e9afa9bc" providerId="ADAL" clId="{BF04C754-5BF4-4E83-9615-DB14FA25AF8A}" dt="2023-10-12T11:38:08.274" v="295"/>
          <ac:spMkLst>
            <pc:docMk/>
            <pc:sldMk cId="2376958513" sldId="260"/>
            <ac:spMk id="6524" creationId="{C66C9E8F-4B36-AFF2-57F9-5F9B1F4CB5ED}"/>
          </ac:spMkLst>
        </pc:spChg>
        <pc:spChg chg="mod">
          <ac:chgData name="White, Alex" userId="eff6cc8c-37d8-483b-9c6c-6b27e9afa9bc" providerId="ADAL" clId="{BF04C754-5BF4-4E83-9615-DB14FA25AF8A}" dt="2023-10-12T11:38:08.274" v="295"/>
          <ac:spMkLst>
            <pc:docMk/>
            <pc:sldMk cId="2376958513" sldId="260"/>
            <ac:spMk id="6525" creationId="{9CB71305-B13A-D2CD-C29B-0F0C6940B1E9}"/>
          </ac:spMkLst>
        </pc:spChg>
        <pc:spChg chg="mod">
          <ac:chgData name="White, Alex" userId="eff6cc8c-37d8-483b-9c6c-6b27e9afa9bc" providerId="ADAL" clId="{BF04C754-5BF4-4E83-9615-DB14FA25AF8A}" dt="2023-10-12T11:38:08.274" v="295"/>
          <ac:spMkLst>
            <pc:docMk/>
            <pc:sldMk cId="2376958513" sldId="260"/>
            <ac:spMk id="6526" creationId="{3B906C95-D62E-9D13-D6A8-9F7046372895}"/>
          </ac:spMkLst>
        </pc:spChg>
        <pc:spChg chg="mod">
          <ac:chgData name="White, Alex" userId="eff6cc8c-37d8-483b-9c6c-6b27e9afa9bc" providerId="ADAL" clId="{BF04C754-5BF4-4E83-9615-DB14FA25AF8A}" dt="2023-10-12T11:38:08.274" v="295"/>
          <ac:spMkLst>
            <pc:docMk/>
            <pc:sldMk cId="2376958513" sldId="260"/>
            <ac:spMk id="6527" creationId="{496A72F2-F54C-671F-F883-19105EA11863}"/>
          </ac:spMkLst>
        </pc:spChg>
        <pc:spChg chg="mod">
          <ac:chgData name="White, Alex" userId="eff6cc8c-37d8-483b-9c6c-6b27e9afa9bc" providerId="ADAL" clId="{BF04C754-5BF4-4E83-9615-DB14FA25AF8A}" dt="2023-10-12T11:38:08.274" v="295"/>
          <ac:spMkLst>
            <pc:docMk/>
            <pc:sldMk cId="2376958513" sldId="260"/>
            <ac:spMk id="6528" creationId="{C3E5DC18-2DF4-5B31-FC61-C3AE4E5F7574}"/>
          </ac:spMkLst>
        </pc:spChg>
        <pc:spChg chg="mod">
          <ac:chgData name="White, Alex" userId="eff6cc8c-37d8-483b-9c6c-6b27e9afa9bc" providerId="ADAL" clId="{BF04C754-5BF4-4E83-9615-DB14FA25AF8A}" dt="2023-10-12T11:38:08.274" v="295"/>
          <ac:spMkLst>
            <pc:docMk/>
            <pc:sldMk cId="2376958513" sldId="260"/>
            <ac:spMk id="6529" creationId="{6748DA4A-B631-7AAD-05DA-95E313000EE2}"/>
          </ac:spMkLst>
        </pc:spChg>
        <pc:spChg chg="mod">
          <ac:chgData name="White, Alex" userId="eff6cc8c-37d8-483b-9c6c-6b27e9afa9bc" providerId="ADAL" clId="{BF04C754-5BF4-4E83-9615-DB14FA25AF8A}" dt="2023-10-12T11:38:08.274" v="295"/>
          <ac:spMkLst>
            <pc:docMk/>
            <pc:sldMk cId="2376958513" sldId="260"/>
            <ac:spMk id="6530" creationId="{18AE128F-1F45-6ECC-1974-9F4FFED20C49}"/>
          </ac:spMkLst>
        </pc:spChg>
        <pc:spChg chg="mod">
          <ac:chgData name="White, Alex" userId="eff6cc8c-37d8-483b-9c6c-6b27e9afa9bc" providerId="ADAL" clId="{BF04C754-5BF4-4E83-9615-DB14FA25AF8A}" dt="2023-10-12T11:38:08.274" v="295"/>
          <ac:spMkLst>
            <pc:docMk/>
            <pc:sldMk cId="2376958513" sldId="260"/>
            <ac:spMk id="6531" creationId="{9204E1B5-8897-15E4-1C5F-46BA958A86DF}"/>
          </ac:spMkLst>
        </pc:spChg>
        <pc:spChg chg="mod">
          <ac:chgData name="White, Alex" userId="eff6cc8c-37d8-483b-9c6c-6b27e9afa9bc" providerId="ADAL" clId="{BF04C754-5BF4-4E83-9615-DB14FA25AF8A}" dt="2023-10-12T11:38:08.274" v="295"/>
          <ac:spMkLst>
            <pc:docMk/>
            <pc:sldMk cId="2376958513" sldId="260"/>
            <ac:spMk id="6532" creationId="{DBAD3D57-39F3-927A-044B-9BC0D5C263E4}"/>
          </ac:spMkLst>
        </pc:spChg>
        <pc:spChg chg="mod">
          <ac:chgData name="White, Alex" userId="eff6cc8c-37d8-483b-9c6c-6b27e9afa9bc" providerId="ADAL" clId="{BF04C754-5BF4-4E83-9615-DB14FA25AF8A}" dt="2023-10-12T11:38:08.274" v="295"/>
          <ac:spMkLst>
            <pc:docMk/>
            <pc:sldMk cId="2376958513" sldId="260"/>
            <ac:spMk id="6533" creationId="{DE7FC72A-68EE-C90E-C0B2-64B68A8AADF5}"/>
          </ac:spMkLst>
        </pc:spChg>
        <pc:spChg chg="mod">
          <ac:chgData name="White, Alex" userId="eff6cc8c-37d8-483b-9c6c-6b27e9afa9bc" providerId="ADAL" clId="{BF04C754-5BF4-4E83-9615-DB14FA25AF8A}" dt="2023-10-12T11:38:08.274" v="295"/>
          <ac:spMkLst>
            <pc:docMk/>
            <pc:sldMk cId="2376958513" sldId="260"/>
            <ac:spMk id="6534" creationId="{9D28BEF8-B929-963C-643C-7A8A00F64277}"/>
          </ac:spMkLst>
        </pc:spChg>
        <pc:spChg chg="mod">
          <ac:chgData name="White, Alex" userId="eff6cc8c-37d8-483b-9c6c-6b27e9afa9bc" providerId="ADAL" clId="{BF04C754-5BF4-4E83-9615-DB14FA25AF8A}" dt="2023-10-12T11:38:08.274" v="295"/>
          <ac:spMkLst>
            <pc:docMk/>
            <pc:sldMk cId="2376958513" sldId="260"/>
            <ac:spMk id="6535" creationId="{9B6E07FD-EBB7-45C8-CA59-1A6135C705B3}"/>
          </ac:spMkLst>
        </pc:spChg>
        <pc:spChg chg="mod">
          <ac:chgData name="White, Alex" userId="eff6cc8c-37d8-483b-9c6c-6b27e9afa9bc" providerId="ADAL" clId="{BF04C754-5BF4-4E83-9615-DB14FA25AF8A}" dt="2023-10-12T11:38:08.274" v="295"/>
          <ac:spMkLst>
            <pc:docMk/>
            <pc:sldMk cId="2376958513" sldId="260"/>
            <ac:spMk id="6536" creationId="{C96C9CA9-337F-41E4-E22F-C5CCB59BE5F6}"/>
          </ac:spMkLst>
        </pc:spChg>
        <pc:spChg chg="mod">
          <ac:chgData name="White, Alex" userId="eff6cc8c-37d8-483b-9c6c-6b27e9afa9bc" providerId="ADAL" clId="{BF04C754-5BF4-4E83-9615-DB14FA25AF8A}" dt="2023-10-12T11:38:08.274" v="295"/>
          <ac:spMkLst>
            <pc:docMk/>
            <pc:sldMk cId="2376958513" sldId="260"/>
            <ac:spMk id="6537" creationId="{AB376E9E-2D6D-BDB5-DC25-AC22724A8AD7}"/>
          </ac:spMkLst>
        </pc:spChg>
        <pc:spChg chg="mod">
          <ac:chgData name="White, Alex" userId="eff6cc8c-37d8-483b-9c6c-6b27e9afa9bc" providerId="ADAL" clId="{BF04C754-5BF4-4E83-9615-DB14FA25AF8A}" dt="2023-10-12T11:38:08.274" v="295"/>
          <ac:spMkLst>
            <pc:docMk/>
            <pc:sldMk cId="2376958513" sldId="260"/>
            <ac:spMk id="6538" creationId="{CCD0B679-31AF-46BF-7040-B83447FAAA45}"/>
          </ac:spMkLst>
        </pc:spChg>
        <pc:spChg chg="mod">
          <ac:chgData name="White, Alex" userId="eff6cc8c-37d8-483b-9c6c-6b27e9afa9bc" providerId="ADAL" clId="{BF04C754-5BF4-4E83-9615-DB14FA25AF8A}" dt="2023-10-12T11:38:08.274" v="295"/>
          <ac:spMkLst>
            <pc:docMk/>
            <pc:sldMk cId="2376958513" sldId="260"/>
            <ac:spMk id="6539" creationId="{E4473383-5CF4-ABAD-BEDA-92F7068E59DA}"/>
          </ac:spMkLst>
        </pc:spChg>
        <pc:spChg chg="mod">
          <ac:chgData name="White, Alex" userId="eff6cc8c-37d8-483b-9c6c-6b27e9afa9bc" providerId="ADAL" clId="{BF04C754-5BF4-4E83-9615-DB14FA25AF8A}" dt="2023-10-12T11:38:08.274" v="295"/>
          <ac:spMkLst>
            <pc:docMk/>
            <pc:sldMk cId="2376958513" sldId="260"/>
            <ac:spMk id="6540" creationId="{5921EB5A-D28F-5A16-88B0-35AAF8CC3F58}"/>
          </ac:spMkLst>
        </pc:spChg>
        <pc:spChg chg="mod">
          <ac:chgData name="White, Alex" userId="eff6cc8c-37d8-483b-9c6c-6b27e9afa9bc" providerId="ADAL" clId="{BF04C754-5BF4-4E83-9615-DB14FA25AF8A}" dt="2023-10-12T11:38:08.274" v="295"/>
          <ac:spMkLst>
            <pc:docMk/>
            <pc:sldMk cId="2376958513" sldId="260"/>
            <ac:spMk id="6541" creationId="{F38ADE73-E33B-4299-4BBB-354B3F03D039}"/>
          </ac:spMkLst>
        </pc:spChg>
        <pc:spChg chg="mod">
          <ac:chgData name="White, Alex" userId="eff6cc8c-37d8-483b-9c6c-6b27e9afa9bc" providerId="ADAL" clId="{BF04C754-5BF4-4E83-9615-DB14FA25AF8A}" dt="2023-10-12T11:38:08.274" v="295"/>
          <ac:spMkLst>
            <pc:docMk/>
            <pc:sldMk cId="2376958513" sldId="260"/>
            <ac:spMk id="6542" creationId="{0E12CAFE-1EE7-87E1-C249-751FCE5DBF39}"/>
          </ac:spMkLst>
        </pc:spChg>
        <pc:spChg chg="mod">
          <ac:chgData name="White, Alex" userId="eff6cc8c-37d8-483b-9c6c-6b27e9afa9bc" providerId="ADAL" clId="{BF04C754-5BF4-4E83-9615-DB14FA25AF8A}" dt="2023-10-12T11:38:08.274" v="295"/>
          <ac:spMkLst>
            <pc:docMk/>
            <pc:sldMk cId="2376958513" sldId="260"/>
            <ac:spMk id="6543" creationId="{882E06C2-BADA-6EF2-AA6B-4F2A8C2DB383}"/>
          </ac:spMkLst>
        </pc:spChg>
        <pc:spChg chg="mod">
          <ac:chgData name="White, Alex" userId="eff6cc8c-37d8-483b-9c6c-6b27e9afa9bc" providerId="ADAL" clId="{BF04C754-5BF4-4E83-9615-DB14FA25AF8A}" dt="2023-10-12T11:38:08.274" v="295"/>
          <ac:spMkLst>
            <pc:docMk/>
            <pc:sldMk cId="2376958513" sldId="260"/>
            <ac:spMk id="6544" creationId="{5F7DDABA-3576-3B9D-EA65-7F906F788580}"/>
          </ac:spMkLst>
        </pc:spChg>
        <pc:spChg chg="mod">
          <ac:chgData name="White, Alex" userId="eff6cc8c-37d8-483b-9c6c-6b27e9afa9bc" providerId="ADAL" clId="{BF04C754-5BF4-4E83-9615-DB14FA25AF8A}" dt="2023-10-12T11:38:08.274" v="295"/>
          <ac:spMkLst>
            <pc:docMk/>
            <pc:sldMk cId="2376958513" sldId="260"/>
            <ac:spMk id="6545" creationId="{A4A4BA59-1A7F-6293-B3EF-9F9EFC790B64}"/>
          </ac:spMkLst>
        </pc:spChg>
        <pc:spChg chg="mod">
          <ac:chgData name="White, Alex" userId="eff6cc8c-37d8-483b-9c6c-6b27e9afa9bc" providerId="ADAL" clId="{BF04C754-5BF4-4E83-9615-DB14FA25AF8A}" dt="2023-10-12T11:38:08.274" v="295"/>
          <ac:spMkLst>
            <pc:docMk/>
            <pc:sldMk cId="2376958513" sldId="260"/>
            <ac:spMk id="6546" creationId="{91F2DAB7-F734-93D4-5389-13FF82026ED5}"/>
          </ac:spMkLst>
        </pc:spChg>
        <pc:spChg chg="mod">
          <ac:chgData name="White, Alex" userId="eff6cc8c-37d8-483b-9c6c-6b27e9afa9bc" providerId="ADAL" clId="{BF04C754-5BF4-4E83-9615-DB14FA25AF8A}" dt="2023-10-12T11:38:08.274" v="295"/>
          <ac:spMkLst>
            <pc:docMk/>
            <pc:sldMk cId="2376958513" sldId="260"/>
            <ac:spMk id="6547" creationId="{D848E187-8738-1513-0348-C8EFDBFEBB17}"/>
          </ac:spMkLst>
        </pc:spChg>
        <pc:spChg chg="mod">
          <ac:chgData name="White, Alex" userId="eff6cc8c-37d8-483b-9c6c-6b27e9afa9bc" providerId="ADAL" clId="{BF04C754-5BF4-4E83-9615-DB14FA25AF8A}" dt="2023-10-12T11:38:08.274" v="295"/>
          <ac:spMkLst>
            <pc:docMk/>
            <pc:sldMk cId="2376958513" sldId="260"/>
            <ac:spMk id="6548" creationId="{654453C3-2CC3-CDD3-C69A-8A2D27797AFD}"/>
          </ac:spMkLst>
        </pc:spChg>
        <pc:spChg chg="mod">
          <ac:chgData name="White, Alex" userId="eff6cc8c-37d8-483b-9c6c-6b27e9afa9bc" providerId="ADAL" clId="{BF04C754-5BF4-4E83-9615-DB14FA25AF8A}" dt="2023-10-12T11:38:08.274" v="295"/>
          <ac:spMkLst>
            <pc:docMk/>
            <pc:sldMk cId="2376958513" sldId="260"/>
            <ac:spMk id="6549" creationId="{8E5BA4CD-727A-FC33-BB5D-4EE265D914A9}"/>
          </ac:spMkLst>
        </pc:spChg>
        <pc:spChg chg="mod">
          <ac:chgData name="White, Alex" userId="eff6cc8c-37d8-483b-9c6c-6b27e9afa9bc" providerId="ADAL" clId="{BF04C754-5BF4-4E83-9615-DB14FA25AF8A}" dt="2023-10-12T11:38:08.274" v="295"/>
          <ac:spMkLst>
            <pc:docMk/>
            <pc:sldMk cId="2376958513" sldId="260"/>
            <ac:spMk id="6550" creationId="{48F4F08D-3715-97DE-9CF1-39ED96AE935C}"/>
          </ac:spMkLst>
        </pc:spChg>
        <pc:spChg chg="mod">
          <ac:chgData name="White, Alex" userId="eff6cc8c-37d8-483b-9c6c-6b27e9afa9bc" providerId="ADAL" clId="{BF04C754-5BF4-4E83-9615-DB14FA25AF8A}" dt="2023-10-12T11:38:08.274" v="295"/>
          <ac:spMkLst>
            <pc:docMk/>
            <pc:sldMk cId="2376958513" sldId="260"/>
            <ac:spMk id="6551" creationId="{FA3E889B-4D1C-698F-99B8-EBC6510F8580}"/>
          </ac:spMkLst>
        </pc:spChg>
        <pc:spChg chg="mod">
          <ac:chgData name="White, Alex" userId="eff6cc8c-37d8-483b-9c6c-6b27e9afa9bc" providerId="ADAL" clId="{BF04C754-5BF4-4E83-9615-DB14FA25AF8A}" dt="2023-10-12T11:38:08.274" v="295"/>
          <ac:spMkLst>
            <pc:docMk/>
            <pc:sldMk cId="2376958513" sldId="260"/>
            <ac:spMk id="6552" creationId="{C5E76BFC-E082-F5E6-DAA8-D822D1C9919A}"/>
          </ac:spMkLst>
        </pc:spChg>
        <pc:spChg chg="mod">
          <ac:chgData name="White, Alex" userId="eff6cc8c-37d8-483b-9c6c-6b27e9afa9bc" providerId="ADAL" clId="{BF04C754-5BF4-4E83-9615-DB14FA25AF8A}" dt="2023-10-12T11:38:08.274" v="295"/>
          <ac:spMkLst>
            <pc:docMk/>
            <pc:sldMk cId="2376958513" sldId="260"/>
            <ac:spMk id="6553" creationId="{53C225E3-3F27-AB21-D709-3206E3F2AD6C}"/>
          </ac:spMkLst>
        </pc:spChg>
        <pc:spChg chg="mod">
          <ac:chgData name="White, Alex" userId="eff6cc8c-37d8-483b-9c6c-6b27e9afa9bc" providerId="ADAL" clId="{BF04C754-5BF4-4E83-9615-DB14FA25AF8A}" dt="2023-10-12T11:38:08.274" v="295"/>
          <ac:spMkLst>
            <pc:docMk/>
            <pc:sldMk cId="2376958513" sldId="260"/>
            <ac:spMk id="6554" creationId="{C5B6BEF2-AD8D-B7FA-8E52-409FFA4E758C}"/>
          </ac:spMkLst>
        </pc:spChg>
        <pc:spChg chg="mod">
          <ac:chgData name="White, Alex" userId="eff6cc8c-37d8-483b-9c6c-6b27e9afa9bc" providerId="ADAL" clId="{BF04C754-5BF4-4E83-9615-DB14FA25AF8A}" dt="2023-10-12T11:38:08.274" v="295"/>
          <ac:spMkLst>
            <pc:docMk/>
            <pc:sldMk cId="2376958513" sldId="260"/>
            <ac:spMk id="6555" creationId="{08E4A879-73B8-6E51-90D3-926F5BE9401B}"/>
          </ac:spMkLst>
        </pc:spChg>
        <pc:spChg chg="mod">
          <ac:chgData name="White, Alex" userId="eff6cc8c-37d8-483b-9c6c-6b27e9afa9bc" providerId="ADAL" clId="{BF04C754-5BF4-4E83-9615-DB14FA25AF8A}" dt="2023-10-12T11:38:08.274" v="295"/>
          <ac:spMkLst>
            <pc:docMk/>
            <pc:sldMk cId="2376958513" sldId="260"/>
            <ac:spMk id="6556" creationId="{C861BDA2-4991-2F4C-2454-5EE7DBD76233}"/>
          </ac:spMkLst>
        </pc:spChg>
        <pc:spChg chg="mod">
          <ac:chgData name="White, Alex" userId="eff6cc8c-37d8-483b-9c6c-6b27e9afa9bc" providerId="ADAL" clId="{BF04C754-5BF4-4E83-9615-DB14FA25AF8A}" dt="2023-10-12T11:38:08.274" v="295"/>
          <ac:spMkLst>
            <pc:docMk/>
            <pc:sldMk cId="2376958513" sldId="260"/>
            <ac:spMk id="6557" creationId="{487CB1DE-5AEB-8B65-AB1D-F7A96B300A12}"/>
          </ac:spMkLst>
        </pc:spChg>
        <pc:spChg chg="mod">
          <ac:chgData name="White, Alex" userId="eff6cc8c-37d8-483b-9c6c-6b27e9afa9bc" providerId="ADAL" clId="{BF04C754-5BF4-4E83-9615-DB14FA25AF8A}" dt="2023-10-12T11:38:08.274" v="295"/>
          <ac:spMkLst>
            <pc:docMk/>
            <pc:sldMk cId="2376958513" sldId="260"/>
            <ac:spMk id="6558" creationId="{ED59E575-4B6A-DDD6-2291-C3581CC3EAEC}"/>
          </ac:spMkLst>
        </pc:spChg>
        <pc:spChg chg="mod">
          <ac:chgData name="White, Alex" userId="eff6cc8c-37d8-483b-9c6c-6b27e9afa9bc" providerId="ADAL" clId="{BF04C754-5BF4-4E83-9615-DB14FA25AF8A}" dt="2023-10-12T11:38:08.274" v="295"/>
          <ac:spMkLst>
            <pc:docMk/>
            <pc:sldMk cId="2376958513" sldId="260"/>
            <ac:spMk id="6559" creationId="{7DE248E4-0780-F742-D0C8-BE70A70B62F0}"/>
          </ac:spMkLst>
        </pc:spChg>
        <pc:spChg chg="mod">
          <ac:chgData name="White, Alex" userId="eff6cc8c-37d8-483b-9c6c-6b27e9afa9bc" providerId="ADAL" clId="{BF04C754-5BF4-4E83-9615-DB14FA25AF8A}" dt="2023-10-12T11:38:08.274" v="295"/>
          <ac:spMkLst>
            <pc:docMk/>
            <pc:sldMk cId="2376958513" sldId="260"/>
            <ac:spMk id="6560" creationId="{457435C0-D4FE-06FA-B738-F356C6B738D3}"/>
          </ac:spMkLst>
        </pc:spChg>
        <pc:spChg chg="mod">
          <ac:chgData name="White, Alex" userId="eff6cc8c-37d8-483b-9c6c-6b27e9afa9bc" providerId="ADAL" clId="{BF04C754-5BF4-4E83-9615-DB14FA25AF8A}" dt="2023-10-12T11:38:08.274" v="295"/>
          <ac:spMkLst>
            <pc:docMk/>
            <pc:sldMk cId="2376958513" sldId="260"/>
            <ac:spMk id="6561" creationId="{9E4E68CF-02A5-4E9F-4C16-2C6A765CDFCF}"/>
          </ac:spMkLst>
        </pc:spChg>
        <pc:spChg chg="mod">
          <ac:chgData name="White, Alex" userId="eff6cc8c-37d8-483b-9c6c-6b27e9afa9bc" providerId="ADAL" clId="{BF04C754-5BF4-4E83-9615-DB14FA25AF8A}" dt="2023-10-12T11:38:08.274" v="295"/>
          <ac:spMkLst>
            <pc:docMk/>
            <pc:sldMk cId="2376958513" sldId="260"/>
            <ac:spMk id="6562" creationId="{682E83AE-CE2C-06C1-E4E1-D1824554AD7A}"/>
          </ac:spMkLst>
        </pc:spChg>
        <pc:spChg chg="mod">
          <ac:chgData name="White, Alex" userId="eff6cc8c-37d8-483b-9c6c-6b27e9afa9bc" providerId="ADAL" clId="{BF04C754-5BF4-4E83-9615-DB14FA25AF8A}" dt="2023-10-12T11:38:08.274" v="295"/>
          <ac:spMkLst>
            <pc:docMk/>
            <pc:sldMk cId="2376958513" sldId="260"/>
            <ac:spMk id="6563" creationId="{3C2D4EDD-AC4A-1D45-5E24-54B0A6D1B80F}"/>
          </ac:spMkLst>
        </pc:spChg>
        <pc:spChg chg="mod">
          <ac:chgData name="White, Alex" userId="eff6cc8c-37d8-483b-9c6c-6b27e9afa9bc" providerId="ADAL" clId="{BF04C754-5BF4-4E83-9615-DB14FA25AF8A}" dt="2023-10-12T11:38:08.274" v="295"/>
          <ac:spMkLst>
            <pc:docMk/>
            <pc:sldMk cId="2376958513" sldId="260"/>
            <ac:spMk id="6564" creationId="{4AFA314B-EBCA-2B8A-B1B6-303DD78E6D9C}"/>
          </ac:spMkLst>
        </pc:spChg>
        <pc:spChg chg="mod">
          <ac:chgData name="White, Alex" userId="eff6cc8c-37d8-483b-9c6c-6b27e9afa9bc" providerId="ADAL" clId="{BF04C754-5BF4-4E83-9615-DB14FA25AF8A}" dt="2023-10-12T11:38:08.274" v="295"/>
          <ac:spMkLst>
            <pc:docMk/>
            <pc:sldMk cId="2376958513" sldId="260"/>
            <ac:spMk id="6565" creationId="{25946640-AA99-A794-95D9-953FDC543236}"/>
          </ac:spMkLst>
        </pc:spChg>
        <pc:spChg chg="mod">
          <ac:chgData name="White, Alex" userId="eff6cc8c-37d8-483b-9c6c-6b27e9afa9bc" providerId="ADAL" clId="{BF04C754-5BF4-4E83-9615-DB14FA25AF8A}" dt="2023-10-12T11:38:08.274" v="295"/>
          <ac:spMkLst>
            <pc:docMk/>
            <pc:sldMk cId="2376958513" sldId="260"/>
            <ac:spMk id="6566" creationId="{2D31FB6F-3B75-2ADA-BEE4-ABA42A0E1FC9}"/>
          </ac:spMkLst>
        </pc:spChg>
        <pc:spChg chg="mod">
          <ac:chgData name="White, Alex" userId="eff6cc8c-37d8-483b-9c6c-6b27e9afa9bc" providerId="ADAL" clId="{BF04C754-5BF4-4E83-9615-DB14FA25AF8A}" dt="2023-10-12T11:38:08.274" v="295"/>
          <ac:spMkLst>
            <pc:docMk/>
            <pc:sldMk cId="2376958513" sldId="260"/>
            <ac:spMk id="6567" creationId="{025D8CC3-5CFD-ACBB-9517-4AD02DCB47F8}"/>
          </ac:spMkLst>
        </pc:spChg>
        <pc:spChg chg="mod">
          <ac:chgData name="White, Alex" userId="eff6cc8c-37d8-483b-9c6c-6b27e9afa9bc" providerId="ADAL" clId="{BF04C754-5BF4-4E83-9615-DB14FA25AF8A}" dt="2023-10-12T11:38:08.274" v="295"/>
          <ac:spMkLst>
            <pc:docMk/>
            <pc:sldMk cId="2376958513" sldId="260"/>
            <ac:spMk id="6568" creationId="{C4314571-98EC-6379-4D36-D5BBDB0D5F1A}"/>
          </ac:spMkLst>
        </pc:spChg>
        <pc:spChg chg="mod">
          <ac:chgData name="White, Alex" userId="eff6cc8c-37d8-483b-9c6c-6b27e9afa9bc" providerId="ADAL" clId="{BF04C754-5BF4-4E83-9615-DB14FA25AF8A}" dt="2023-10-12T11:38:08.274" v="295"/>
          <ac:spMkLst>
            <pc:docMk/>
            <pc:sldMk cId="2376958513" sldId="260"/>
            <ac:spMk id="6569" creationId="{3E768E0B-6B73-571A-65C2-672ACBEE348F}"/>
          </ac:spMkLst>
        </pc:spChg>
        <pc:spChg chg="mod">
          <ac:chgData name="White, Alex" userId="eff6cc8c-37d8-483b-9c6c-6b27e9afa9bc" providerId="ADAL" clId="{BF04C754-5BF4-4E83-9615-DB14FA25AF8A}" dt="2023-10-12T11:38:08.274" v="295"/>
          <ac:spMkLst>
            <pc:docMk/>
            <pc:sldMk cId="2376958513" sldId="260"/>
            <ac:spMk id="6570" creationId="{BB02878A-04B3-81B5-7DA0-F7043749271F}"/>
          </ac:spMkLst>
        </pc:spChg>
        <pc:spChg chg="mod">
          <ac:chgData name="White, Alex" userId="eff6cc8c-37d8-483b-9c6c-6b27e9afa9bc" providerId="ADAL" clId="{BF04C754-5BF4-4E83-9615-DB14FA25AF8A}" dt="2023-10-12T11:38:08.274" v="295"/>
          <ac:spMkLst>
            <pc:docMk/>
            <pc:sldMk cId="2376958513" sldId="260"/>
            <ac:spMk id="6571" creationId="{1F3C6603-006A-1C8F-92A6-521A479D4E9A}"/>
          </ac:spMkLst>
        </pc:spChg>
        <pc:spChg chg="mod">
          <ac:chgData name="White, Alex" userId="eff6cc8c-37d8-483b-9c6c-6b27e9afa9bc" providerId="ADAL" clId="{BF04C754-5BF4-4E83-9615-DB14FA25AF8A}" dt="2023-10-12T11:38:08.274" v="295"/>
          <ac:spMkLst>
            <pc:docMk/>
            <pc:sldMk cId="2376958513" sldId="260"/>
            <ac:spMk id="6572" creationId="{C9104DDC-862B-65AF-7994-C3BAF79267A9}"/>
          </ac:spMkLst>
        </pc:spChg>
        <pc:spChg chg="mod">
          <ac:chgData name="White, Alex" userId="eff6cc8c-37d8-483b-9c6c-6b27e9afa9bc" providerId="ADAL" clId="{BF04C754-5BF4-4E83-9615-DB14FA25AF8A}" dt="2023-10-12T11:38:08.274" v="295"/>
          <ac:spMkLst>
            <pc:docMk/>
            <pc:sldMk cId="2376958513" sldId="260"/>
            <ac:spMk id="6573" creationId="{75CE5545-CB73-0AC8-557F-FABE338D9980}"/>
          </ac:spMkLst>
        </pc:spChg>
        <pc:spChg chg="mod">
          <ac:chgData name="White, Alex" userId="eff6cc8c-37d8-483b-9c6c-6b27e9afa9bc" providerId="ADAL" clId="{BF04C754-5BF4-4E83-9615-DB14FA25AF8A}" dt="2023-10-12T11:38:08.274" v="295"/>
          <ac:spMkLst>
            <pc:docMk/>
            <pc:sldMk cId="2376958513" sldId="260"/>
            <ac:spMk id="6574" creationId="{98CC594B-D9F9-6DF8-D97E-98262D2A1092}"/>
          </ac:spMkLst>
        </pc:spChg>
        <pc:spChg chg="mod">
          <ac:chgData name="White, Alex" userId="eff6cc8c-37d8-483b-9c6c-6b27e9afa9bc" providerId="ADAL" clId="{BF04C754-5BF4-4E83-9615-DB14FA25AF8A}" dt="2023-10-12T11:38:08.274" v="295"/>
          <ac:spMkLst>
            <pc:docMk/>
            <pc:sldMk cId="2376958513" sldId="260"/>
            <ac:spMk id="6575" creationId="{BEEE750D-AF0F-38C9-C6C1-0BB9B3B11B8B}"/>
          </ac:spMkLst>
        </pc:spChg>
        <pc:spChg chg="mod">
          <ac:chgData name="White, Alex" userId="eff6cc8c-37d8-483b-9c6c-6b27e9afa9bc" providerId="ADAL" clId="{BF04C754-5BF4-4E83-9615-DB14FA25AF8A}" dt="2023-10-12T11:38:08.274" v="295"/>
          <ac:spMkLst>
            <pc:docMk/>
            <pc:sldMk cId="2376958513" sldId="260"/>
            <ac:spMk id="6576" creationId="{AADA0FAD-5AFD-C92D-976A-28DA2317345A}"/>
          </ac:spMkLst>
        </pc:spChg>
        <pc:spChg chg="mod">
          <ac:chgData name="White, Alex" userId="eff6cc8c-37d8-483b-9c6c-6b27e9afa9bc" providerId="ADAL" clId="{BF04C754-5BF4-4E83-9615-DB14FA25AF8A}" dt="2023-10-12T11:38:08.274" v="295"/>
          <ac:spMkLst>
            <pc:docMk/>
            <pc:sldMk cId="2376958513" sldId="260"/>
            <ac:spMk id="6577" creationId="{63E55E92-B2D4-38E6-586D-53857032A9C2}"/>
          </ac:spMkLst>
        </pc:spChg>
        <pc:spChg chg="mod">
          <ac:chgData name="White, Alex" userId="eff6cc8c-37d8-483b-9c6c-6b27e9afa9bc" providerId="ADAL" clId="{BF04C754-5BF4-4E83-9615-DB14FA25AF8A}" dt="2023-10-12T11:38:08.274" v="295"/>
          <ac:spMkLst>
            <pc:docMk/>
            <pc:sldMk cId="2376958513" sldId="260"/>
            <ac:spMk id="6578" creationId="{42FCBA4F-F2A4-8328-D18B-318FDC405A1E}"/>
          </ac:spMkLst>
        </pc:spChg>
        <pc:spChg chg="mod">
          <ac:chgData name="White, Alex" userId="eff6cc8c-37d8-483b-9c6c-6b27e9afa9bc" providerId="ADAL" clId="{BF04C754-5BF4-4E83-9615-DB14FA25AF8A}" dt="2023-10-12T11:38:08.274" v="295"/>
          <ac:spMkLst>
            <pc:docMk/>
            <pc:sldMk cId="2376958513" sldId="260"/>
            <ac:spMk id="6579" creationId="{5AE54F18-3B58-3CD5-EC45-4A78EA85A73E}"/>
          </ac:spMkLst>
        </pc:spChg>
        <pc:spChg chg="mod">
          <ac:chgData name="White, Alex" userId="eff6cc8c-37d8-483b-9c6c-6b27e9afa9bc" providerId="ADAL" clId="{BF04C754-5BF4-4E83-9615-DB14FA25AF8A}" dt="2023-10-12T11:38:08.274" v="295"/>
          <ac:spMkLst>
            <pc:docMk/>
            <pc:sldMk cId="2376958513" sldId="260"/>
            <ac:spMk id="6580" creationId="{1DDB9B81-3506-2C58-4D3E-188816E1D4C8}"/>
          </ac:spMkLst>
        </pc:spChg>
        <pc:spChg chg="mod">
          <ac:chgData name="White, Alex" userId="eff6cc8c-37d8-483b-9c6c-6b27e9afa9bc" providerId="ADAL" clId="{BF04C754-5BF4-4E83-9615-DB14FA25AF8A}" dt="2023-10-12T11:38:08.274" v="295"/>
          <ac:spMkLst>
            <pc:docMk/>
            <pc:sldMk cId="2376958513" sldId="260"/>
            <ac:spMk id="6581" creationId="{A90745AF-6E78-A595-CBE2-5B6F9D0BA0C2}"/>
          </ac:spMkLst>
        </pc:spChg>
        <pc:spChg chg="mod">
          <ac:chgData name="White, Alex" userId="eff6cc8c-37d8-483b-9c6c-6b27e9afa9bc" providerId="ADAL" clId="{BF04C754-5BF4-4E83-9615-DB14FA25AF8A}" dt="2023-10-12T11:38:08.274" v="295"/>
          <ac:spMkLst>
            <pc:docMk/>
            <pc:sldMk cId="2376958513" sldId="260"/>
            <ac:spMk id="6582" creationId="{50F526DA-573A-95F1-D984-1F91DC34C4CF}"/>
          </ac:spMkLst>
        </pc:spChg>
        <pc:spChg chg="mod">
          <ac:chgData name="White, Alex" userId="eff6cc8c-37d8-483b-9c6c-6b27e9afa9bc" providerId="ADAL" clId="{BF04C754-5BF4-4E83-9615-DB14FA25AF8A}" dt="2023-10-12T11:38:08.274" v="295"/>
          <ac:spMkLst>
            <pc:docMk/>
            <pc:sldMk cId="2376958513" sldId="260"/>
            <ac:spMk id="6583" creationId="{3DA50186-BD63-6B18-F337-399BBCED6339}"/>
          </ac:spMkLst>
        </pc:spChg>
        <pc:spChg chg="mod">
          <ac:chgData name="White, Alex" userId="eff6cc8c-37d8-483b-9c6c-6b27e9afa9bc" providerId="ADAL" clId="{BF04C754-5BF4-4E83-9615-DB14FA25AF8A}" dt="2023-10-12T11:38:08.274" v="295"/>
          <ac:spMkLst>
            <pc:docMk/>
            <pc:sldMk cId="2376958513" sldId="260"/>
            <ac:spMk id="6584" creationId="{36570152-35DE-952F-250E-AA43B3366B02}"/>
          </ac:spMkLst>
        </pc:spChg>
        <pc:spChg chg="mod">
          <ac:chgData name="White, Alex" userId="eff6cc8c-37d8-483b-9c6c-6b27e9afa9bc" providerId="ADAL" clId="{BF04C754-5BF4-4E83-9615-DB14FA25AF8A}" dt="2023-10-12T11:38:08.274" v="295"/>
          <ac:spMkLst>
            <pc:docMk/>
            <pc:sldMk cId="2376958513" sldId="260"/>
            <ac:spMk id="6585" creationId="{6B7D54F7-82E4-DC8B-8D82-B30AE9D5FFB9}"/>
          </ac:spMkLst>
        </pc:spChg>
        <pc:spChg chg="mod">
          <ac:chgData name="White, Alex" userId="eff6cc8c-37d8-483b-9c6c-6b27e9afa9bc" providerId="ADAL" clId="{BF04C754-5BF4-4E83-9615-DB14FA25AF8A}" dt="2023-10-12T11:38:08.274" v="295"/>
          <ac:spMkLst>
            <pc:docMk/>
            <pc:sldMk cId="2376958513" sldId="260"/>
            <ac:spMk id="6586" creationId="{A91A1AC8-E390-3A97-8266-960A2D5AF331}"/>
          </ac:spMkLst>
        </pc:spChg>
        <pc:spChg chg="mod">
          <ac:chgData name="White, Alex" userId="eff6cc8c-37d8-483b-9c6c-6b27e9afa9bc" providerId="ADAL" clId="{BF04C754-5BF4-4E83-9615-DB14FA25AF8A}" dt="2023-10-12T11:38:08.274" v="295"/>
          <ac:spMkLst>
            <pc:docMk/>
            <pc:sldMk cId="2376958513" sldId="260"/>
            <ac:spMk id="6587" creationId="{92B7869A-A3EA-88B3-301E-845564F6F6F5}"/>
          </ac:spMkLst>
        </pc:spChg>
        <pc:spChg chg="mod">
          <ac:chgData name="White, Alex" userId="eff6cc8c-37d8-483b-9c6c-6b27e9afa9bc" providerId="ADAL" clId="{BF04C754-5BF4-4E83-9615-DB14FA25AF8A}" dt="2023-10-12T11:38:08.274" v="295"/>
          <ac:spMkLst>
            <pc:docMk/>
            <pc:sldMk cId="2376958513" sldId="260"/>
            <ac:spMk id="6588" creationId="{D6D193FD-83EE-03D9-EB44-DBE8B5C92C56}"/>
          </ac:spMkLst>
        </pc:spChg>
        <pc:spChg chg="mod">
          <ac:chgData name="White, Alex" userId="eff6cc8c-37d8-483b-9c6c-6b27e9afa9bc" providerId="ADAL" clId="{BF04C754-5BF4-4E83-9615-DB14FA25AF8A}" dt="2023-10-12T11:38:08.274" v="295"/>
          <ac:spMkLst>
            <pc:docMk/>
            <pc:sldMk cId="2376958513" sldId="260"/>
            <ac:spMk id="6589" creationId="{82173E64-6B2D-CC19-D4B4-80C74C51714E}"/>
          </ac:spMkLst>
        </pc:spChg>
        <pc:spChg chg="mod">
          <ac:chgData name="White, Alex" userId="eff6cc8c-37d8-483b-9c6c-6b27e9afa9bc" providerId="ADAL" clId="{BF04C754-5BF4-4E83-9615-DB14FA25AF8A}" dt="2023-10-12T11:38:08.274" v="295"/>
          <ac:spMkLst>
            <pc:docMk/>
            <pc:sldMk cId="2376958513" sldId="260"/>
            <ac:spMk id="6590" creationId="{2A48DAF7-7B9C-74B5-C0CC-B46B84CAAE1C}"/>
          </ac:spMkLst>
        </pc:spChg>
        <pc:spChg chg="mod">
          <ac:chgData name="White, Alex" userId="eff6cc8c-37d8-483b-9c6c-6b27e9afa9bc" providerId="ADAL" clId="{BF04C754-5BF4-4E83-9615-DB14FA25AF8A}" dt="2023-10-12T11:38:08.274" v="295"/>
          <ac:spMkLst>
            <pc:docMk/>
            <pc:sldMk cId="2376958513" sldId="260"/>
            <ac:spMk id="6591" creationId="{44907149-C644-F440-BE98-85BAF3A3CEBA}"/>
          </ac:spMkLst>
        </pc:spChg>
        <pc:spChg chg="mod">
          <ac:chgData name="White, Alex" userId="eff6cc8c-37d8-483b-9c6c-6b27e9afa9bc" providerId="ADAL" clId="{BF04C754-5BF4-4E83-9615-DB14FA25AF8A}" dt="2023-10-12T11:38:08.274" v="295"/>
          <ac:spMkLst>
            <pc:docMk/>
            <pc:sldMk cId="2376958513" sldId="260"/>
            <ac:spMk id="6592" creationId="{F240DF4D-6DAC-4604-3A70-E5760E99E132}"/>
          </ac:spMkLst>
        </pc:spChg>
        <pc:spChg chg="mod">
          <ac:chgData name="White, Alex" userId="eff6cc8c-37d8-483b-9c6c-6b27e9afa9bc" providerId="ADAL" clId="{BF04C754-5BF4-4E83-9615-DB14FA25AF8A}" dt="2023-10-12T11:38:08.274" v="295"/>
          <ac:spMkLst>
            <pc:docMk/>
            <pc:sldMk cId="2376958513" sldId="260"/>
            <ac:spMk id="6593" creationId="{00DBAF4B-204E-1602-48CB-ED7F4F43A6C7}"/>
          </ac:spMkLst>
        </pc:spChg>
        <pc:spChg chg="mod">
          <ac:chgData name="White, Alex" userId="eff6cc8c-37d8-483b-9c6c-6b27e9afa9bc" providerId="ADAL" clId="{BF04C754-5BF4-4E83-9615-DB14FA25AF8A}" dt="2023-10-12T11:38:08.274" v="295"/>
          <ac:spMkLst>
            <pc:docMk/>
            <pc:sldMk cId="2376958513" sldId="260"/>
            <ac:spMk id="6594" creationId="{7CD55661-871D-F216-7CAB-DA4957AD243F}"/>
          </ac:spMkLst>
        </pc:spChg>
        <pc:spChg chg="mod">
          <ac:chgData name="White, Alex" userId="eff6cc8c-37d8-483b-9c6c-6b27e9afa9bc" providerId="ADAL" clId="{BF04C754-5BF4-4E83-9615-DB14FA25AF8A}" dt="2023-10-12T11:38:08.274" v="295"/>
          <ac:spMkLst>
            <pc:docMk/>
            <pc:sldMk cId="2376958513" sldId="260"/>
            <ac:spMk id="6595" creationId="{7CD0EB80-97E4-C7E7-0DF2-D2091FE2C50D}"/>
          </ac:spMkLst>
        </pc:spChg>
        <pc:spChg chg="mod">
          <ac:chgData name="White, Alex" userId="eff6cc8c-37d8-483b-9c6c-6b27e9afa9bc" providerId="ADAL" clId="{BF04C754-5BF4-4E83-9615-DB14FA25AF8A}" dt="2023-10-12T11:38:08.274" v="295"/>
          <ac:spMkLst>
            <pc:docMk/>
            <pc:sldMk cId="2376958513" sldId="260"/>
            <ac:spMk id="6596" creationId="{6304D4CD-7DF1-AA55-ABC7-3315FF4D165F}"/>
          </ac:spMkLst>
        </pc:spChg>
        <pc:spChg chg="mod">
          <ac:chgData name="White, Alex" userId="eff6cc8c-37d8-483b-9c6c-6b27e9afa9bc" providerId="ADAL" clId="{BF04C754-5BF4-4E83-9615-DB14FA25AF8A}" dt="2023-10-12T11:38:08.274" v="295"/>
          <ac:spMkLst>
            <pc:docMk/>
            <pc:sldMk cId="2376958513" sldId="260"/>
            <ac:spMk id="6597" creationId="{E4C87822-440E-640C-5EF8-4319325B74BA}"/>
          </ac:spMkLst>
        </pc:spChg>
        <pc:spChg chg="mod">
          <ac:chgData name="White, Alex" userId="eff6cc8c-37d8-483b-9c6c-6b27e9afa9bc" providerId="ADAL" clId="{BF04C754-5BF4-4E83-9615-DB14FA25AF8A}" dt="2023-10-12T11:38:08.274" v="295"/>
          <ac:spMkLst>
            <pc:docMk/>
            <pc:sldMk cId="2376958513" sldId="260"/>
            <ac:spMk id="6598" creationId="{BE458149-B185-25B9-C461-9BFB3FEA3895}"/>
          </ac:spMkLst>
        </pc:spChg>
        <pc:spChg chg="mod">
          <ac:chgData name="White, Alex" userId="eff6cc8c-37d8-483b-9c6c-6b27e9afa9bc" providerId="ADAL" clId="{BF04C754-5BF4-4E83-9615-DB14FA25AF8A}" dt="2023-10-12T11:38:08.274" v="295"/>
          <ac:spMkLst>
            <pc:docMk/>
            <pc:sldMk cId="2376958513" sldId="260"/>
            <ac:spMk id="6599" creationId="{7FF4A8ED-AC9E-0FF5-8751-F0832C4B8A6C}"/>
          </ac:spMkLst>
        </pc:spChg>
        <pc:spChg chg="mod">
          <ac:chgData name="White, Alex" userId="eff6cc8c-37d8-483b-9c6c-6b27e9afa9bc" providerId="ADAL" clId="{BF04C754-5BF4-4E83-9615-DB14FA25AF8A}" dt="2023-10-12T11:38:08.274" v="295"/>
          <ac:spMkLst>
            <pc:docMk/>
            <pc:sldMk cId="2376958513" sldId="260"/>
            <ac:spMk id="6600" creationId="{6E24965E-07D6-912C-D4B1-BAA5D4C7289F}"/>
          </ac:spMkLst>
        </pc:spChg>
        <pc:spChg chg="mod">
          <ac:chgData name="White, Alex" userId="eff6cc8c-37d8-483b-9c6c-6b27e9afa9bc" providerId="ADAL" clId="{BF04C754-5BF4-4E83-9615-DB14FA25AF8A}" dt="2023-10-12T11:38:08.274" v="295"/>
          <ac:spMkLst>
            <pc:docMk/>
            <pc:sldMk cId="2376958513" sldId="260"/>
            <ac:spMk id="6601" creationId="{53DD55CA-2D68-69EE-7479-8D064732337E}"/>
          </ac:spMkLst>
        </pc:spChg>
        <pc:spChg chg="mod">
          <ac:chgData name="White, Alex" userId="eff6cc8c-37d8-483b-9c6c-6b27e9afa9bc" providerId="ADAL" clId="{BF04C754-5BF4-4E83-9615-DB14FA25AF8A}" dt="2023-10-12T11:38:08.274" v="295"/>
          <ac:spMkLst>
            <pc:docMk/>
            <pc:sldMk cId="2376958513" sldId="260"/>
            <ac:spMk id="6602" creationId="{C07B1212-F946-8C31-DC8D-64D817AB463D}"/>
          </ac:spMkLst>
        </pc:spChg>
        <pc:spChg chg="mod">
          <ac:chgData name="White, Alex" userId="eff6cc8c-37d8-483b-9c6c-6b27e9afa9bc" providerId="ADAL" clId="{BF04C754-5BF4-4E83-9615-DB14FA25AF8A}" dt="2023-10-12T11:38:08.274" v="295"/>
          <ac:spMkLst>
            <pc:docMk/>
            <pc:sldMk cId="2376958513" sldId="260"/>
            <ac:spMk id="6603" creationId="{3756513E-BA5A-33E9-5E41-E14110029E97}"/>
          </ac:spMkLst>
        </pc:spChg>
        <pc:spChg chg="mod">
          <ac:chgData name="White, Alex" userId="eff6cc8c-37d8-483b-9c6c-6b27e9afa9bc" providerId="ADAL" clId="{BF04C754-5BF4-4E83-9615-DB14FA25AF8A}" dt="2023-10-12T11:38:08.274" v="295"/>
          <ac:spMkLst>
            <pc:docMk/>
            <pc:sldMk cId="2376958513" sldId="260"/>
            <ac:spMk id="6604" creationId="{A9F490C9-E9F3-876B-1BC3-D6A18B2E17FA}"/>
          </ac:spMkLst>
        </pc:spChg>
        <pc:spChg chg="mod">
          <ac:chgData name="White, Alex" userId="eff6cc8c-37d8-483b-9c6c-6b27e9afa9bc" providerId="ADAL" clId="{BF04C754-5BF4-4E83-9615-DB14FA25AF8A}" dt="2023-10-12T11:38:08.274" v="295"/>
          <ac:spMkLst>
            <pc:docMk/>
            <pc:sldMk cId="2376958513" sldId="260"/>
            <ac:spMk id="6605" creationId="{68B1E6B8-46EA-DD4B-778D-44B39317D687}"/>
          </ac:spMkLst>
        </pc:spChg>
        <pc:spChg chg="mod">
          <ac:chgData name="White, Alex" userId="eff6cc8c-37d8-483b-9c6c-6b27e9afa9bc" providerId="ADAL" clId="{BF04C754-5BF4-4E83-9615-DB14FA25AF8A}" dt="2023-10-12T11:38:08.274" v="295"/>
          <ac:spMkLst>
            <pc:docMk/>
            <pc:sldMk cId="2376958513" sldId="260"/>
            <ac:spMk id="6606" creationId="{C0FC382D-48BD-89D2-4C1F-2DD83AD779DB}"/>
          </ac:spMkLst>
        </pc:spChg>
        <pc:spChg chg="mod">
          <ac:chgData name="White, Alex" userId="eff6cc8c-37d8-483b-9c6c-6b27e9afa9bc" providerId="ADAL" clId="{BF04C754-5BF4-4E83-9615-DB14FA25AF8A}" dt="2023-10-12T11:38:08.274" v="295"/>
          <ac:spMkLst>
            <pc:docMk/>
            <pc:sldMk cId="2376958513" sldId="260"/>
            <ac:spMk id="6607" creationId="{3DC99636-5366-30BB-9FBD-D95A8A66F8B0}"/>
          </ac:spMkLst>
        </pc:spChg>
        <pc:spChg chg="mod">
          <ac:chgData name="White, Alex" userId="eff6cc8c-37d8-483b-9c6c-6b27e9afa9bc" providerId="ADAL" clId="{BF04C754-5BF4-4E83-9615-DB14FA25AF8A}" dt="2023-10-12T11:38:08.274" v="295"/>
          <ac:spMkLst>
            <pc:docMk/>
            <pc:sldMk cId="2376958513" sldId="260"/>
            <ac:spMk id="6608" creationId="{CDC9176D-FE1F-9B4D-2CCE-1BBD1571619D}"/>
          </ac:spMkLst>
        </pc:spChg>
        <pc:spChg chg="mod">
          <ac:chgData name="White, Alex" userId="eff6cc8c-37d8-483b-9c6c-6b27e9afa9bc" providerId="ADAL" clId="{BF04C754-5BF4-4E83-9615-DB14FA25AF8A}" dt="2023-10-12T11:38:08.274" v="295"/>
          <ac:spMkLst>
            <pc:docMk/>
            <pc:sldMk cId="2376958513" sldId="260"/>
            <ac:spMk id="6609" creationId="{9AF91C49-8AD7-C98F-5C9D-201ADB95FA2E}"/>
          </ac:spMkLst>
        </pc:spChg>
        <pc:spChg chg="mod">
          <ac:chgData name="White, Alex" userId="eff6cc8c-37d8-483b-9c6c-6b27e9afa9bc" providerId="ADAL" clId="{BF04C754-5BF4-4E83-9615-DB14FA25AF8A}" dt="2023-10-12T11:38:08.274" v="295"/>
          <ac:spMkLst>
            <pc:docMk/>
            <pc:sldMk cId="2376958513" sldId="260"/>
            <ac:spMk id="6610" creationId="{A70EEA60-4F91-DA2B-ED14-C9033C576931}"/>
          </ac:spMkLst>
        </pc:spChg>
        <pc:spChg chg="mod">
          <ac:chgData name="White, Alex" userId="eff6cc8c-37d8-483b-9c6c-6b27e9afa9bc" providerId="ADAL" clId="{BF04C754-5BF4-4E83-9615-DB14FA25AF8A}" dt="2023-10-12T11:38:08.274" v="295"/>
          <ac:spMkLst>
            <pc:docMk/>
            <pc:sldMk cId="2376958513" sldId="260"/>
            <ac:spMk id="6611" creationId="{9BED8485-379D-4288-1142-B72F4BA53EA7}"/>
          </ac:spMkLst>
        </pc:spChg>
        <pc:spChg chg="mod">
          <ac:chgData name="White, Alex" userId="eff6cc8c-37d8-483b-9c6c-6b27e9afa9bc" providerId="ADAL" clId="{BF04C754-5BF4-4E83-9615-DB14FA25AF8A}" dt="2023-10-12T11:38:08.274" v="295"/>
          <ac:spMkLst>
            <pc:docMk/>
            <pc:sldMk cId="2376958513" sldId="260"/>
            <ac:spMk id="6612" creationId="{E327D4F3-5760-4E08-BB09-559F15CD5E24}"/>
          </ac:spMkLst>
        </pc:spChg>
        <pc:spChg chg="mod">
          <ac:chgData name="White, Alex" userId="eff6cc8c-37d8-483b-9c6c-6b27e9afa9bc" providerId="ADAL" clId="{BF04C754-5BF4-4E83-9615-DB14FA25AF8A}" dt="2023-10-12T11:38:08.274" v="295"/>
          <ac:spMkLst>
            <pc:docMk/>
            <pc:sldMk cId="2376958513" sldId="260"/>
            <ac:spMk id="6613" creationId="{641B252B-5E3A-2D19-C21B-C528C529C93B}"/>
          </ac:spMkLst>
        </pc:spChg>
        <pc:spChg chg="mod">
          <ac:chgData name="White, Alex" userId="eff6cc8c-37d8-483b-9c6c-6b27e9afa9bc" providerId="ADAL" clId="{BF04C754-5BF4-4E83-9615-DB14FA25AF8A}" dt="2023-10-12T11:38:08.274" v="295"/>
          <ac:spMkLst>
            <pc:docMk/>
            <pc:sldMk cId="2376958513" sldId="260"/>
            <ac:spMk id="6614" creationId="{CD1C7DA2-0140-AF28-BB7D-AB4B4CB31792}"/>
          </ac:spMkLst>
        </pc:spChg>
        <pc:spChg chg="mod">
          <ac:chgData name="White, Alex" userId="eff6cc8c-37d8-483b-9c6c-6b27e9afa9bc" providerId="ADAL" clId="{BF04C754-5BF4-4E83-9615-DB14FA25AF8A}" dt="2023-10-12T11:38:08.274" v="295"/>
          <ac:spMkLst>
            <pc:docMk/>
            <pc:sldMk cId="2376958513" sldId="260"/>
            <ac:spMk id="6615" creationId="{F6709D90-7A11-ACE0-8C5B-4B4A920DAC1A}"/>
          </ac:spMkLst>
        </pc:spChg>
        <pc:spChg chg="mod">
          <ac:chgData name="White, Alex" userId="eff6cc8c-37d8-483b-9c6c-6b27e9afa9bc" providerId="ADAL" clId="{BF04C754-5BF4-4E83-9615-DB14FA25AF8A}" dt="2023-10-12T11:38:08.274" v="295"/>
          <ac:spMkLst>
            <pc:docMk/>
            <pc:sldMk cId="2376958513" sldId="260"/>
            <ac:spMk id="6616" creationId="{1D9FFA57-4AF6-75E6-23F1-35B2DF2C0B4B}"/>
          </ac:spMkLst>
        </pc:spChg>
        <pc:spChg chg="mod">
          <ac:chgData name="White, Alex" userId="eff6cc8c-37d8-483b-9c6c-6b27e9afa9bc" providerId="ADAL" clId="{BF04C754-5BF4-4E83-9615-DB14FA25AF8A}" dt="2023-10-12T11:38:08.274" v="295"/>
          <ac:spMkLst>
            <pc:docMk/>
            <pc:sldMk cId="2376958513" sldId="260"/>
            <ac:spMk id="6617" creationId="{48F74797-FE5B-F45C-CB06-F2C7EAFAD754}"/>
          </ac:spMkLst>
        </pc:spChg>
        <pc:spChg chg="mod">
          <ac:chgData name="White, Alex" userId="eff6cc8c-37d8-483b-9c6c-6b27e9afa9bc" providerId="ADAL" clId="{BF04C754-5BF4-4E83-9615-DB14FA25AF8A}" dt="2023-10-12T11:38:08.274" v="295"/>
          <ac:spMkLst>
            <pc:docMk/>
            <pc:sldMk cId="2376958513" sldId="260"/>
            <ac:spMk id="6618" creationId="{C95824E3-F3B8-6F72-1900-571A535A7E34}"/>
          </ac:spMkLst>
        </pc:spChg>
        <pc:spChg chg="mod">
          <ac:chgData name="White, Alex" userId="eff6cc8c-37d8-483b-9c6c-6b27e9afa9bc" providerId="ADAL" clId="{BF04C754-5BF4-4E83-9615-DB14FA25AF8A}" dt="2023-10-12T11:38:08.274" v="295"/>
          <ac:spMkLst>
            <pc:docMk/>
            <pc:sldMk cId="2376958513" sldId="260"/>
            <ac:spMk id="6619" creationId="{DF481C60-F263-A578-0FDD-EA4F9B239F10}"/>
          </ac:spMkLst>
        </pc:spChg>
        <pc:spChg chg="mod">
          <ac:chgData name="White, Alex" userId="eff6cc8c-37d8-483b-9c6c-6b27e9afa9bc" providerId="ADAL" clId="{BF04C754-5BF4-4E83-9615-DB14FA25AF8A}" dt="2023-10-12T11:38:08.274" v="295"/>
          <ac:spMkLst>
            <pc:docMk/>
            <pc:sldMk cId="2376958513" sldId="260"/>
            <ac:spMk id="6620" creationId="{B076540B-4AA5-6799-9A6C-5AB0F8B5D057}"/>
          </ac:spMkLst>
        </pc:spChg>
        <pc:spChg chg="mod">
          <ac:chgData name="White, Alex" userId="eff6cc8c-37d8-483b-9c6c-6b27e9afa9bc" providerId="ADAL" clId="{BF04C754-5BF4-4E83-9615-DB14FA25AF8A}" dt="2023-10-12T11:38:08.274" v="295"/>
          <ac:spMkLst>
            <pc:docMk/>
            <pc:sldMk cId="2376958513" sldId="260"/>
            <ac:spMk id="6621" creationId="{8CFE3D09-E13A-3A20-EDA9-0EA25D06CAE8}"/>
          </ac:spMkLst>
        </pc:spChg>
        <pc:spChg chg="mod">
          <ac:chgData name="White, Alex" userId="eff6cc8c-37d8-483b-9c6c-6b27e9afa9bc" providerId="ADAL" clId="{BF04C754-5BF4-4E83-9615-DB14FA25AF8A}" dt="2023-10-12T11:38:08.274" v="295"/>
          <ac:spMkLst>
            <pc:docMk/>
            <pc:sldMk cId="2376958513" sldId="260"/>
            <ac:spMk id="6622" creationId="{9B448A0A-D10A-B934-D120-DAE274A89A58}"/>
          </ac:spMkLst>
        </pc:spChg>
        <pc:spChg chg="mod">
          <ac:chgData name="White, Alex" userId="eff6cc8c-37d8-483b-9c6c-6b27e9afa9bc" providerId="ADAL" clId="{BF04C754-5BF4-4E83-9615-DB14FA25AF8A}" dt="2023-10-12T11:38:08.274" v="295"/>
          <ac:spMkLst>
            <pc:docMk/>
            <pc:sldMk cId="2376958513" sldId="260"/>
            <ac:spMk id="6623" creationId="{DF6FAA5C-B8A0-7CFC-5D72-E90E9A2C94BF}"/>
          </ac:spMkLst>
        </pc:spChg>
        <pc:spChg chg="mod">
          <ac:chgData name="White, Alex" userId="eff6cc8c-37d8-483b-9c6c-6b27e9afa9bc" providerId="ADAL" clId="{BF04C754-5BF4-4E83-9615-DB14FA25AF8A}" dt="2023-10-12T11:38:08.274" v="295"/>
          <ac:spMkLst>
            <pc:docMk/>
            <pc:sldMk cId="2376958513" sldId="260"/>
            <ac:spMk id="6624" creationId="{D66C85C4-F674-FFC5-9205-1A7A420BFAED}"/>
          </ac:spMkLst>
        </pc:spChg>
        <pc:spChg chg="mod">
          <ac:chgData name="White, Alex" userId="eff6cc8c-37d8-483b-9c6c-6b27e9afa9bc" providerId="ADAL" clId="{BF04C754-5BF4-4E83-9615-DB14FA25AF8A}" dt="2023-10-12T11:38:08.274" v="295"/>
          <ac:spMkLst>
            <pc:docMk/>
            <pc:sldMk cId="2376958513" sldId="260"/>
            <ac:spMk id="6625" creationId="{469D33A8-B288-6DB9-A29E-4E675DA74C1F}"/>
          </ac:spMkLst>
        </pc:spChg>
        <pc:spChg chg="mod">
          <ac:chgData name="White, Alex" userId="eff6cc8c-37d8-483b-9c6c-6b27e9afa9bc" providerId="ADAL" clId="{BF04C754-5BF4-4E83-9615-DB14FA25AF8A}" dt="2023-10-12T11:38:08.274" v="295"/>
          <ac:spMkLst>
            <pc:docMk/>
            <pc:sldMk cId="2376958513" sldId="260"/>
            <ac:spMk id="6626" creationId="{DF69D93A-04FC-E57E-38E8-A424C9C159E0}"/>
          </ac:spMkLst>
        </pc:spChg>
        <pc:spChg chg="mod">
          <ac:chgData name="White, Alex" userId="eff6cc8c-37d8-483b-9c6c-6b27e9afa9bc" providerId="ADAL" clId="{BF04C754-5BF4-4E83-9615-DB14FA25AF8A}" dt="2023-10-12T11:38:08.274" v="295"/>
          <ac:spMkLst>
            <pc:docMk/>
            <pc:sldMk cId="2376958513" sldId="260"/>
            <ac:spMk id="6627" creationId="{CAD25AEF-0778-E446-6FAE-1826E0BD9049}"/>
          </ac:spMkLst>
        </pc:spChg>
        <pc:spChg chg="mod">
          <ac:chgData name="White, Alex" userId="eff6cc8c-37d8-483b-9c6c-6b27e9afa9bc" providerId="ADAL" clId="{BF04C754-5BF4-4E83-9615-DB14FA25AF8A}" dt="2023-10-12T11:38:08.274" v="295"/>
          <ac:spMkLst>
            <pc:docMk/>
            <pc:sldMk cId="2376958513" sldId="260"/>
            <ac:spMk id="6628" creationId="{AB542B2B-8D34-91C0-B4E4-F86516AE2B7F}"/>
          </ac:spMkLst>
        </pc:spChg>
        <pc:spChg chg="mod">
          <ac:chgData name="White, Alex" userId="eff6cc8c-37d8-483b-9c6c-6b27e9afa9bc" providerId="ADAL" clId="{BF04C754-5BF4-4E83-9615-DB14FA25AF8A}" dt="2023-10-12T11:38:08.274" v="295"/>
          <ac:spMkLst>
            <pc:docMk/>
            <pc:sldMk cId="2376958513" sldId="260"/>
            <ac:spMk id="6629" creationId="{C70A6DE5-4257-0ADE-0EE1-0BD4C6FE95E9}"/>
          </ac:spMkLst>
        </pc:spChg>
        <pc:spChg chg="mod">
          <ac:chgData name="White, Alex" userId="eff6cc8c-37d8-483b-9c6c-6b27e9afa9bc" providerId="ADAL" clId="{BF04C754-5BF4-4E83-9615-DB14FA25AF8A}" dt="2023-10-12T11:38:08.274" v="295"/>
          <ac:spMkLst>
            <pc:docMk/>
            <pc:sldMk cId="2376958513" sldId="260"/>
            <ac:spMk id="6630" creationId="{643C8C41-6F6E-386A-3595-DEBBE3C918A4}"/>
          </ac:spMkLst>
        </pc:spChg>
        <pc:spChg chg="mod">
          <ac:chgData name="White, Alex" userId="eff6cc8c-37d8-483b-9c6c-6b27e9afa9bc" providerId="ADAL" clId="{BF04C754-5BF4-4E83-9615-DB14FA25AF8A}" dt="2023-10-12T11:38:08.274" v="295"/>
          <ac:spMkLst>
            <pc:docMk/>
            <pc:sldMk cId="2376958513" sldId="260"/>
            <ac:spMk id="6631" creationId="{2874ED6C-C884-A915-610D-69E113EF081B}"/>
          </ac:spMkLst>
        </pc:spChg>
        <pc:spChg chg="mod">
          <ac:chgData name="White, Alex" userId="eff6cc8c-37d8-483b-9c6c-6b27e9afa9bc" providerId="ADAL" clId="{BF04C754-5BF4-4E83-9615-DB14FA25AF8A}" dt="2023-10-12T11:38:08.274" v="295"/>
          <ac:spMkLst>
            <pc:docMk/>
            <pc:sldMk cId="2376958513" sldId="260"/>
            <ac:spMk id="6632" creationId="{586FF2ED-CC41-5236-A5E7-44CC75DFB2E0}"/>
          </ac:spMkLst>
        </pc:spChg>
        <pc:spChg chg="mod">
          <ac:chgData name="White, Alex" userId="eff6cc8c-37d8-483b-9c6c-6b27e9afa9bc" providerId="ADAL" clId="{BF04C754-5BF4-4E83-9615-DB14FA25AF8A}" dt="2023-10-12T11:38:08.274" v="295"/>
          <ac:spMkLst>
            <pc:docMk/>
            <pc:sldMk cId="2376958513" sldId="260"/>
            <ac:spMk id="6644" creationId="{1769CE60-AFFE-7CD6-0D4F-BC565FED2675}"/>
          </ac:spMkLst>
        </pc:spChg>
        <pc:spChg chg="mod">
          <ac:chgData name="White, Alex" userId="eff6cc8c-37d8-483b-9c6c-6b27e9afa9bc" providerId="ADAL" clId="{BF04C754-5BF4-4E83-9615-DB14FA25AF8A}" dt="2023-10-12T11:38:08.274" v="295"/>
          <ac:spMkLst>
            <pc:docMk/>
            <pc:sldMk cId="2376958513" sldId="260"/>
            <ac:spMk id="6645" creationId="{43F9D50A-A256-A803-1E82-242403007573}"/>
          </ac:spMkLst>
        </pc:spChg>
        <pc:spChg chg="mod">
          <ac:chgData name="White, Alex" userId="eff6cc8c-37d8-483b-9c6c-6b27e9afa9bc" providerId="ADAL" clId="{BF04C754-5BF4-4E83-9615-DB14FA25AF8A}" dt="2023-10-12T11:38:08.274" v="295"/>
          <ac:spMkLst>
            <pc:docMk/>
            <pc:sldMk cId="2376958513" sldId="260"/>
            <ac:spMk id="6646" creationId="{8DBDC189-1371-B691-1C8C-E3E0D4792FCA}"/>
          </ac:spMkLst>
        </pc:spChg>
        <pc:spChg chg="mod">
          <ac:chgData name="White, Alex" userId="eff6cc8c-37d8-483b-9c6c-6b27e9afa9bc" providerId="ADAL" clId="{BF04C754-5BF4-4E83-9615-DB14FA25AF8A}" dt="2023-10-12T11:38:08.274" v="295"/>
          <ac:spMkLst>
            <pc:docMk/>
            <pc:sldMk cId="2376958513" sldId="260"/>
            <ac:spMk id="6647" creationId="{4D709A18-8B15-CAA9-179F-E6099E38D8DE}"/>
          </ac:spMkLst>
        </pc:spChg>
        <pc:spChg chg="mod">
          <ac:chgData name="White, Alex" userId="eff6cc8c-37d8-483b-9c6c-6b27e9afa9bc" providerId="ADAL" clId="{BF04C754-5BF4-4E83-9615-DB14FA25AF8A}" dt="2023-10-12T11:38:08.274" v="295"/>
          <ac:spMkLst>
            <pc:docMk/>
            <pc:sldMk cId="2376958513" sldId="260"/>
            <ac:spMk id="6648" creationId="{F36F74F9-DDD4-5FA0-15F7-1E20EAB84ABE}"/>
          </ac:spMkLst>
        </pc:spChg>
        <pc:spChg chg="mod">
          <ac:chgData name="White, Alex" userId="eff6cc8c-37d8-483b-9c6c-6b27e9afa9bc" providerId="ADAL" clId="{BF04C754-5BF4-4E83-9615-DB14FA25AF8A}" dt="2023-10-12T11:38:08.274" v="295"/>
          <ac:spMkLst>
            <pc:docMk/>
            <pc:sldMk cId="2376958513" sldId="260"/>
            <ac:spMk id="6649" creationId="{46657E4E-56E4-B4CC-ACB6-E558BDDC8CBD}"/>
          </ac:spMkLst>
        </pc:spChg>
        <pc:spChg chg="mod">
          <ac:chgData name="White, Alex" userId="eff6cc8c-37d8-483b-9c6c-6b27e9afa9bc" providerId="ADAL" clId="{BF04C754-5BF4-4E83-9615-DB14FA25AF8A}" dt="2023-10-12T11:38:08.274" v="295"/>
          <ac:spMkLst>
            <pc:docMk/>
            <pc:sldMk cId="2376958513" sldId="260"/>
            <ac:spMk id="6650" creationId="{5B976369-8F21-3E83-8227-AE4AA1D2F95E}"/>
          </ac:spMkLst>
        </pc:spChg>
        <pc:spChg chg="mod">
          <ac:chgData name="White, Alex" userId="eff6cc8c-37d8-483b-9c6c-6b27e9afa9bc" providerId="ADAL" clId="{BF04C754-5BF4-4E83-9615-DB14FA25AF8A}" dt="2023-10-12T11:38:08.274" v="295"/>
          <ac:spMkLst>
            <pc:docMk/>
            <pc:sldMk cId="2376958513" sldId="260"/>
            <ac:spMk id="6651" creationId="{946F4AAE-87B3-E92B-F3C7-0FCD23710320}"/>
          </ac:spMkLst>
        </pc:spChg>
        <pc:spChg chg="mod">
          <ac:chgData name="White, Alex" userId="eff6cc8c-37d8-483b-9c6c-6b27e9afa9bc" providerId="ADAL" clId="{BF04C754-5BF4-4E83-9615-DB14FA25AF8A}" dt="2023-10-12T11:38:08.274" v="295"/>
          <ac:spMkLst>
            <pc:docMk/>
            <pc:sldMk cId="2376958513" sldId="260"/>
            <ac:spMk id="6652" creationId="{149F2DD7-9FC1-31BE-CD81-3AAC758F0FBB}"/>
          </ac:spMkLst>
        </pc:spChg>
        <pc:spChg chg="mod">
          <ac:chgData name="White, Alex" userId="eff6cc8c-37d8-483b-9c6c-6b27e9afa9bc" providerId="ADAL" clId="{BF04C754-5BF4-4E83-9615-DB14FA25AF8A}" dt="2023-10-12T11:38:08.274" v="295"/>
          <ac:spMkLst>
            <pc:docMk/>
            <pc:sldMk cId="2376958513" sldId="260"/>
            <ac:spMk id="6653" creationId="{3843898A-1D4F-5995-959A-E698CAFA19E5}"/>
          </ac:spMkLst>
        </pc:spChg>
        <pc:spChg chg="mod">
          <ac:chgData name="White, Alex" userId="eff6cc8c-37d8-483b-9c6c-6b27e9afa9bc" providerId="ADAL" clId="{BF04C754-5BF4-4E83-9615-DB14FA25AF8A}" dt="2023-10-12T11:38:08.274" v="295"/>
          <ac:spMkLst>
            <pc:docMk/>
            <pc:sldMk cId="2376958513" sldId="260"/>
            <ac:spMk id="6654" creationId="{E5C8B5FD-A6B3-F4AF-B200-B4BD9D6359E5}"/>
          </ac:spMkLst>
        </pc:spChg>
        <pc:spChg chg="mod">
          <ac:chgData name="White, Alex" userId="eff6cc8c-37d8-483b-9c6c-6b27e9afa9bc" providerId="ADAL" clId="{BF04C754-5BF4-4E83-9615-DB14FA25AF8A}" dt="2023-10-12T11:38:08.274" v="295"/>
          <ac:spMkLst>
            <pc:docMk/>
            <pc:sldMk cId="2376958513" sldId="260"/>
            <ac:spMk id="6655" creationId="{2B9BA6BA-1976-3FA1-1F1E-888552475AF5}"/>
          </ac:spMkLst>
        </pc:spChg>
        <pc:spChg chg="mod">
          <ac:chgData name="White, Alex" userId="eff6cc8c-37d8-483b-9c6c-6b27e9afa9bc" providerId="ADAL" clId="{BF04C754-5BF4-4E83-9615-DB14FA25AF8A}" dt="2023-10-12T11:38:08.274" v="295"/>
          <ac:spMkLst>
            <pc:docMk/>
            <pc:sldMk cId="2376958513" sldId="260"/>
            <ac:spMk id="6656" creationId="{3DCC6B09-B26B-986D-552F-303946037B17}"/>
          </ac:spMkLst>
        </pc:spChg>
        <pc:spChg chg="mod">
          <ac:chgData name="White, Alex" userId="eff6cc8c-37d8-483b-9c6c-6b27e9afa9bc" providerId="ADAL" clId="{BF04C754-5BF4-4E83-9615-DB14FA25AF8A}" dt="2023-10-12T11:38:08.274" v="295"/>
          <ac:spMkLst>
            <pc:docMk/>
            <pc:sldMk cId="2376958513" sldId="260"/>
            <ac:spMk id="6657" creationId="{637DB1F6-0F25-BAC4-294F-0033E8B2FDC7}"/>
          </ac:spMkLst>
        </pc:spChg>
        <pc:spChg chg="mod">
          <ac:chgData name="White, Alex" userId="eff6cc8c-37d8-483b-9c6c-6b27e9afa9bc" providerId="ADAL" clId="{BF04C754-5BF4-4E83-9615-DB14FA25AF8A}" dt="2023-10-12T11:38:08.274" v="295"/>
          <ac:spMkLst>
            <pc:docMk/>
            <pc:sldMk cId="2376958513" sldId="260"/>
            <ac:spMk id="6658" creationId="{00ABED64-A7FE-EF37-A61C-2E76F600A866}"/>
          </ac:spMkLst>
        </pc:spChg>
        <pc:spChg chg="mod">
          <ac:chgData name="White, Alex" userId="eff6cc8c-37d8-483b-9c6c-6b27e9afa9bc" providerId="ADAL" clId="{BF04C754-5BF4-4E83-9615-DB14FA25AF8A}" dt="2023-10-12T11:38:08.274" v="295"/>
          <ac:spMkLst>
            <pc:docMk/>
            <pc:sldMk cId="2376958513" sldId="260"/>
            <ac:spMk id="6659" creationId="{E5632BAC-D00B-3457-7C61-393BEB11BCD8}"/>
          </ac:spMkLst>
        </pc:spChg>
        <pc:spChg chg="mod">
          <ac:chgData name="White, Alex" userId="eff6cc8c-37d8-483b-9c6c-6b27e9afa9bc" providerId="ADAL" clId="{BF04C754-5BF4-4E83-9615-DB14FA25AF8A}" dt="2023-10-12T11:38:08.274" v="295"/>
          <ac:spMkLst>
            <pc:docMk/>
            <pc:sldMk cId="2376958513" sldId="260"/>
            <ac:spMk id="6660" creationId="{B193F568-29A6-52DA-4F1B-6A8DF2DCD113}"/>
          </ac:spMkLst>
        </pc:spChg>
        <pc:spChg chg="mod">
          <ac:chgData name="White, Alex" userId="eff6cc8c-37d8-483b-9c6c-6b27e9afa9bc" providerId="ADAL" clId="{BF04C754-5BF4-4E83-9615-DB14FA25AF8A}" dt="2023-10-12T11:38:08.274" v="295"/>
          <ac:spMkLst>
            <pc:docMk/>
            <pc:sldMk cId="2376958513" sldId="260"/>
            <ac:spMk id="6661" creationId="{50A9803C-CB21-52DE-40D5-7FA3264F057B}"/>
          </ac:spMkLst>
        </pc:spChg>
        <pc:spChg chg="mod">
          <ac:chgData name="White, Alex" userId="eff6cc8c-37d8-483b-9c6c-6b27e9afa9bc" providerId="ADAL" clId="{BF04C754-5BF4-4E83-9615-DB14FA25AF8A}" dt="2023-10-12T11:38:08.274" v="295"/>
          <ac:spMkLst>
            <pc:docMk/>
            <pc:sldMk cId="2376958513" sldId="260"/>
            <ac:spMk id="6662" creationId="{6D1B01A1-2D73-A7CF-91B1-9AF6D1F04132}"/>
          </ac:spMkLst>
        </pc:spChg>
        <pc:spChg chg="mod">
          <ac:chgData name="White, Alex" userId="eff6cc8c-37d8-483b-9c6c-6b27e9afa9bc" providerId="ADAL" clId="{BF04C754-5BF4-4E83-9615-DB14FA25AF8A}" dt="2023-10-12T11:38:08.274" v="295"/>
          <ac:spMkLst>
            <pc:docMk/>
            <pc:sldMk cId="2376958513" sldId="260"/>
            <ac:spMk id="6663" creationId="{38FF5C3B-0D3B-4BC1-B230-0D9F55637186}"/>
          </ac:spMkLst>
        </pc:spChg>
        <pc:spChg chg="mod">
          <ac:chgData name="White, Alex" userId="eff6cc8c-37d8-483b-9c6c-6b27e9afa9bc" providerId="ADAL" clId="{BF04C754-5BF4-4E83-9615-DB14FA25AF8A}" dt="2023-10-12T11:38:08.274" v="295"/>
          <ac:spMkLst>
            <pc:docMk/>
            <pc:sldMk cId="2376958513" sldId="260"/>
            <ac:spMk id="6664" creationId="{0A6828FB-C591-81F2-80AA-A2411106A309}"/>
          </ac:spMkLst>
        </pc:spChg>
        <pc:spChg chg="mod">
          <ac:chgData name="White, Alex" userId="eff6cc8c-37d8-483b-9c6c-6b27e9afa9bc" providerId="ADAL" clId="{BF04C754-5BF4-4E83-9615-DB14FA25AF8A}" dt="2023-10-12T11:38:08.274" v="295"/>
          <ac:spMkLst>
            <pc:docMk/>
            <pc:sldMk cId="2376958513" sldId="260"/>
            <ac:spMk id="6665" creationId="{FBBF8977-F164-9C28-25AF-D052185BF0EA}"/>
          </ac:spMkLst>
        </pc:spChg>
        <pc:spChg chg="mod">
          <ac:chgData name="White, Alex" userId="eff6cc8c-37d8-483b-9c6c-6b27e9afa9bc" providerId="ADAL" clId="{BF04C754-5BF4-4E83-9615-DB14FA25AF8A}" dt="2023-10-12T11:38:08.274" v="295"/>
          <ac:spMkLst>
            <pc:docMk/>
            <pc:sldMk cId="2376958513" sldId="260"/>
            <ac:spMk id="6666" creationId="{B6E4D0CC-F2B1-63C2-5362-90AFB2504C5B}"/>
          </ac:spMkLst>
        </pc:spChg>
        <pc:spChg chg="mod">
          <ac:chgData name="White, Alex" userId="eff6cc8c-37d8-483b-9c6c-6b27e9afa9bc" providerId="ADAL" clId="{BF04C754-5BF4-4E83-9615-DB14FA25AF8A}" dt="2023-10-12T11:38:08.274" v="295"/>
          <ac:spMkLst>
            <pc:docMk/>
            <pc:sldMk cId="2376958513" sldId="260"/>
            <ac:spMk id="6667" creationId="{688991EB-A3DE-70B6-1C26-959CA636AC42}"/>
          </ac:spMkLst>
        </pc:spChg>
        <pc:spChg chg="mod">
          <ac:chgData name="White, Alex" userId="eff6cc8c-37d8-483b-9c6c-6b27e9afa9bc" providerId="ADAL" clId="{BF04C754-5BF4-4E83-9615-DB14FA25AF8A}" dt="2023-10-12T11:38:08.274" v="295"/>
          <ac:spMkLst>
            <pc:docMk/>
            <pc:sldMk cId="2376958513" sldId="260"/>
            <ac:spMk id="6668" creationId="{74765B56-DCE2-B4D0-4CC8-5D332DD424C6}"/>
          </ac:spMkLst>
        </pc:spChg>
        <pc:spChg chg="mod">
          <ac:chgData name="White, Alex" userId="eff6cc8c-37d8-483b-9c6c-6b27e9afa9bc" providerId="ADAL" clId="{BF04C754-5BF4-4E83-9615-DB14FA25AF8A}" dt="2023-10-12T11:38:08.274" v="295"/>
          <ac:spMkLst>
            <pc:docMk/>
            <pc:sldMk cId="2376958513" sldId="260"/>
            <ac:spMk id="6669" creationId="{9EE1A700-A4DB-7859-3C26-31131BD0B948}"/>
          </ac:spMkLst>
        </pc:spChg>
        <pc:spChg chg="mod">
          <ac:chgData name="White, Alex" userId="eff6cc8c-37d8-483b-9c6c-6b27e9afa9bc" providerId="ADAL" clId="{BF04C754-5BF4-4E83-9615-DB14FA25AF8A}" dt="2023-10-12T11:38:08.274" v="295"/>
          <ac:spMkLst>
            <pc:docMk/>
            <pc:sldMk cId="2376958513" sldId="260"/>
            <ac:spMk id="6670" creationId="{3309AC1A-9998-1132-CA40-93F23BCA185A}"/>
          </ac:spMkLst>
        </pc:spChg>
        <pc:spChg chg="mod">
          <ac:chgData name="White, Alex" userId="eff6cc8c-37d8-483b-9c6c-6b27e9afa9bc" providerId="ADAL" clId="{BF04C754-5BF4-4E83-9615-DB14FA25AF8A}" dt="2023-10-12T11:38:08.274" v="295"/>
          <ac:spMkLst>
            <pc:docMk/>
            <pc:sldMk cId="2376958513" sldId="260"/>
            <ac:spMk id="6671" creationId="{C1206D80-365A-4337-4FE3-4602AE90430F}"/>
          </ac:spMkLst>
        </pc:spChg>
        <pc:spChg chg="mod">
          <ac:chgData name="White, Alex" userId="eff6cc8c-37d8-483b-9c6c-6b27e9afa9bc" providerId="ADAL" clId="{BF04C754-5BF4-4E83-9615-DB14FA25AF8A}" dt="2023-10-12T11:38:08.274" v="295"/>
          <ac:spMkLst>
            <pc:docMk/>
            <pc:sldMk cId="2376958513" sldId="260"/>
            <ac:spMk id="6672" creationId="{15CD088F-78B6-6729-F48F-99F2E0547E49}"/>
          </ac:spMkLst>
        </pc:spChg>
        <pc:spChg chg="mod">
          <ac:chgData name="White, Alex" userId="eff6cc8c-37d8-483b-9c6c-6b27e9afa9bc" providerId="ADAL" clId="{BF04C754-5BF4-4E83-9615-DB14FA25AF8A}" dt="2023-10-12T11:38:08.274" v="295"/>
          <ac:spMkLst>
            <pc:docMk/>
            <pc:sldMk cId="2376958513" sldId="260"/>
            <ac:spMk id="6673" creationId="{3F29E3F6-3924-3BDA-CC2A-CE24878AB09A}"/>
          </ac:spMkLst>
        </pc:spChg>
        <pc:spChg chg="mod">
          <ac:chgData name="White, Alex" userId="eff6cc8c-37d8-483b-9c6c-6b27e9afa9bc" providerId="ADAL" clId="{BF04C754-5BF4-4E83-9615-DB14FA25AF8A}" dt="2023-10-12T11:38:08.274" v="295"/>
          <ac:spMkLst>
            <pc:docMk/>
            <pc:sldMk cId="2376958513" sldId="260"/>
            <ac:spMk id="6674" creationId="{17E5375C-6642-FF8E-A154-F25AE1C4E369}"/>
          </ac:spMkLst>
        </pc:spChg>
        <pc:spChg chg="mod">
          <ac:chgData name="White, Alex" userId="eff6cc8c-37d8-483b-9c6c-6b27e9afa9bc" providerId="ADAL" clId="{BF04C754-5BF4-4E83-9615-DB14FA25AF8A}" dt="2023-10-12T11:38:08.274" v="295"/>
          <ac:spMkLst>
            <pc:docMk/>
            <pc:sldMk cId="2376958513" sldId="260"/>
            <ac:spMk id="6675" creationId="{D3CD2057-69D2-4011-4C18-ABC4F047012B}"/>
          </ac:spMkLst>
        </pc:spChg>
        <pc:spChg chg="mod">
          <ac:chgData name="White, Alex" userId="eff6cc8c-37d8-483b-9c6c-6b27e9afa9bc" providerId="ADAL" clId="{BF04C754-5BF4-4E83-9615-DB14FA25AF8A}" dt="2023-10-12T11:38:08.274" v="295"/>
          <ac:spMkLst>
            <pc:docMk/>
            <pc:sldMk cId="2376958513" sldId="260"/>
            <ac:spMk id="6676" creationId="{48583A13-A607-1830-189C-6CE6E2CAD08C}"/>
          </ac:spMkLst>
        </pc:spChg>
        <pc:spChg chg="mod">
          <ac:chgData name="White, Alex" userId="eff6cc8c-37d8-483b-9c6c-6b27e9afa9bc" providerId="ADAL" clId="{BF04C754-5BF4-4E83-9615-DB14FA25AF8A}" dt="2023-10-12T11:38:08.274" v="295"/>
          <ac:spMkLst>
            <pc:docMk/>
            <pc:sldMk cId="2376958513" sldId="260"/>
            <ac:spMk id="6677" creationId="{AF57934B-33ED-59F1-7E1B-6D1C179BDFDC}"/>
          </ac:spMkLst>
        </pc:spChg>
        <pc:spChg chg="mod">
          <ac:chgData name="White, Alex" userId="eff6cc8c-37d8-483b-9c6c-6b27e9afa9bc" providerId="ADAL" clId="{BF04C754-5BF4-4E83-9615-DB14FA25AF8A}" dt="2023-10-12T11:38:08.274" v="295"/>
          <ac:spMkLst>
            <pc:docMk/>
            <pc:sldMk cId="2376958513" sldId="260"/>
            <ac:spMk id="6678" creationId="{87BAD098-FAC6-F234-CC30-6F1AA03DAD18}"/>
          </ac:spMkLst>
        </pc:spChg>
        <pc:spChg chg="mod">
          <ac:chgData name="White, Alex" userId="eff6cc8c-37d8-483b-9c6c-6b27e9afa9bc" providerId="ADAL" clId="{BF04C754-5BF4-4E83-9615-DB14FA25AF8A}" dt="2023-10-12T11:38:08.274" v="295"/>
          <ac:spMkLst>
            <pc:docMk/>
            <pc:sldMk cId="2376958513" sldId="260"/>
            <ac:spMk id="6679" creationId="{42845E67-5876-DDED-0B62-A74D3AE78B72}"/>
          </ac:spMkLst>
        </pc:spChg>
        <pc:spChg chg="mod">
          <ac:chgData name="White, Alex" userId="eff6cc8c-37d8-483b-9c6c-6b27e9afa9bc" providerId="ADAL" clId="{BF04C754-5BF4-4E83-9615-DB14FA25AF8A}" dt="2023-10-12T11:38:08.274" v="295"/>
          <ac:spMkLst>
            <pc:docMk/>
            <pc:sldMk cId="2376958513" sldId="260"/>
            <ac:spMk id="6680" creationId="{DF3C07C5-F20B-A4E1-DDB0-3D5D5FCA14DA}"/>
          </ac:spMkLst>
        </pc:spChg>
        <pc:spChg chg="mod">
          <ac:chgData name="White, Alex" userId="eff6cc8c-37d8-483b-9c6c-6b27e9afa9bc" providerId="ADAL" clId="{BF04C754-5BF4-4E83-9615-DB14FA25AF8A}" dt="2023-10-12T11:38:08.274" v="295"/>
          <ac:spMkLst>
            <pc:docMk/>
            <pc:sldMk cId="2376958513" sldId="260"/>
            <ac:spMk id="6681" creationId="{3E9279EE-EFCB-E2B7-5544-CB249ADD1D57}"/>
          </ac:spMkLst>
        </pc:spChg>
        <pc:spChg chg="mod">
          <ac:chgData name="White, Alex" userId="eff6cc8c-37d8-483b-9c6c-6b27e9afa9bc" providerId="ADAL" clId="{BF04C754-5BF4-4E83-9615-DB14FA25AF8A}" dt="2023-10-12T11:38:08.274" v="295"/>
          <ac:spMkLst>
            <pc:docMk/>
            <pc:sldMk cId="2376958513" sldId="260"/>
            <ac:spMk id="6682" creationId="{D5ED84DC-CA6B-BA0F-75E0-A670692CA389}"/>
          </ac:spMkLst>
        </pc:spChg>
        <pc:spChg chg="mod">
          <ac:chgData name="White, Alex" userId="eff6cc8c-37d8-483b-9c6c-6b27e9afa9bc" providerId="ADAL" clId="{BF04C754-5BF4-4E83-9615-DB14FA25AF8A}" dt="2023-10-12T11:38:08.274" v="295"/>
          <ac:spMkLst>
            <pc:docMk/>
            <pc:sldMk cId="2376958513" sldId="260"/>
            <ac:spMk id="6683" creationId="{EDE4F0C6-0495-4B1F-158B-5841D34E5091}"/>
          </ac:spMkLst>
        </pc:spChg>
        <pc:spChg chg="mod">
          <ac:chgData name="White, Alex" userId="eff6cc8c-37d8-483b-9c6c-6b27e9afa9bc" providerId="ADAL" clId="{BF04C754-5BF4-4E83-9615-DB14FA25AF8A}" dt="2023-10-12T11:38:08.274" v="295"/>
          <ac:spMkLst>
            <pc:docMk/>
            <pc:sldMk cId="2376958513" sldId="260"/>
            <ac:spMk id="6684" creationId="{454CD7E5-DABD-EA62-B789-6D054F8B0AAD}"/>
          </ac:spMkLst>
        </pc:spChg>
        <pc:spChg chg="mod">
          <ac:chgData name="White, Alex" userId="eff6cc8c-37d8-483b-9c6c-6b27e9afa9bc" providerId="ADAL" clId="{BF04C754-5BF4-4E83-9615-DB14FA25AF8A}" dt="2023-10-12T11:38:08.274" v="295"/>
          <ac:spMkLst>
            <pc:docMk/>
            <pc:sldMk cId="2376958513" sldId="260"/>
            <ac:spMk id="6685" creationId="{C2F2B08E-9697-15A2-F9B4-16EA56088C7A}"/>
          </ac:spMkLst>
        </pc:spChg>
        <pc:spChg chg="mod">
          <ac:chgData name="White, Alex" userId="eff6cc8c-37d8-483b-9c6c-6b27e9afa9bc" providerId="ADAL" clId="{BF04C754-5BF4-4E83-9615-DB14FA25AF8A}" dt="2023-10-12T11:38:08.274" v="295"/>
          <ac:spMkLst>
            <pc:docMk/>
            <pc:sldMk cId="2376958513" sldId="260"/>
            <ac:spMk id="6686" creationId="{AC5CFB09-D862-473A-A1C1-2B68482BE19F}"/>
          </ac:spMkLst>
        </pc:spChg>
        <pc:spChg chg="mod">
          <ac:chgData name="White, Alex" userId="eff6cc8c-37d8-483b-9c6c-6b27e9afa9bc" providerId="ADAL" clId="{BF04C754-5BF4-4E83-9615-DB14FA25AF8A}" dt="2023-10-12T11:38:08.274" v="295"/>
          <ac:spMkLst>
            <pc:docMk/>
            <pc:sldMk cId="2376958513" sldId="260"/>
            <ac:spMk id="6687" creationId="{67391E48-6D84-9FB3-02C2-15B62A9A8F99}"/>
          </ac:spMkLst>
        </pc:spChg>
        <pc:spChg chg="mod">
          <ac:chgData name="White, Alex" userId="eff6cc8c-37d8-483b-9c6c-6b27e9afa9bc" providerId="ADAL" clId="{BF04C754-5BF4-4E83-9615-DB14FA25AF8A}" dt="2023-10-12T11:38:08.274" v="295"/>
          <ac:spMkLst>
            <pc:docMk/>
            <pc:sldMk cId="2376958513" sldId="260"/>
            <ac:spMk id="6688" creationId="{7D88064E-02A8-8FCA-80B7-D281F124AF0A}"/>
          </ac:spMkLst>
        </pc:spChg>
        <pc:spChg chg="mod">
          <ac:chgData name="White, Alex" userId="eff6cc8c-37d8-483b-9c6c-6b27e9afa9bc" providerId="ADAL" clId="{BF04C754-5BF4-4E83-9615-DB14FA25AF8A}" dt="2023-10-12T11:38:08.274" v="295"/>
          <ac:spMkLst>
            <pc:docMk/>
            <pc:sldMk cId="2376958513" sldId="260"/>
            <ac:spMk id="6689" creationId="{86E8F92C-7366-7198-EFEA-BF69C8C0165F}"/>
          </ac:spMkLst>
        </pc:spChg>
        <pc:spChg chg="mod">
          <ac:chgData name="White, Alex" userId="eff6cc8c-37d8-483b-9c6c-6b27e9afa9bc" providerId="ADAL" clId="{BF04C754-5BF4-4E83-9615-DB14FA25AF8A}" dt="2023-10-12T11:38:08.274" v="295"/>
          <ac:spMkLst>
            <pc:docMk/>
            <pc:sldMk cId="2376958513" sldId="260"/>
            <ac:spMk id="6690" creationId="{66727078-9E41-9A53-0E7B-064A0FD202A3}"/>
          </ac:spMkLst>
        </pc:spChg>
        <pc:spChg chg="mod">
          <ac:chgData name="White, Alex" userId="eff6cc8c-37d8-483b-9c6c-6b27e9afa9bc" providerId="ADAL" clId="{BF04C754-5BF4-4E83-9615-DB14FA25AF8A}" dt="2023-10-12T11:38:08.274" v="295"/>
          <ac:spMkLst>
            <pc:docMk/>
            <pc:sldMk cId="2376958513" sldId="260"/>
            <ac:spMk id="6691" creationId="{56D27800-6C97-AFDA-7324-59F1293D3444}"/>
          </ac:spMkLst>
        </pc:spChg>
        <pc:spChg chg="mod">
          <ac:chgData name="White, Alex" userId="eff6cc8c-37d8-483b-9c6c-6b27e9afa9bc" providerId="ADAL" clId="{BF04C754-5BF4-4E83-9615-DB14FA25AF8A}" dt="2023-10-12T11:38:08.274" v="295"/>
          <ac:spMkLst>
            <pc:docMk/>
            <pc:sldMk cId="2376958513" sldId="260"/>
            <ac:spMk id="6692" creationId="{E681F0F0-4837-DB9F-CFE8-9C29917A8BEF}"/>
          </ac:spMkLst>
        </pc:spChg>
        <pc:spChg chg="mod">
          <ac:chgData name="White, Alex" userId="eff6cc8c-37d8-483b-9c6c-6b27e9afa9bc" providerId="ADAL" clId="{BF04C754-5BF4-4E83-9615-DB14FA25AF8A}" dt="2023-10-12T11:38:08.274" v="295"/>
          <ac:spMkLst>
            <pc:docMk/>
            <pc:sldMk cId="2376958513" sldId="260"/>
            <ac:spMk id="6693" creationId="{7D39E0D1-C42E-11A6-6244-A25483418AD1}"/>
          </ac:spMkLst>
        </pc:spChg>
        <pc:spChg chg="mod">
          <ac:chgData name="White, Alex" userId="eff6cc8c-37d8-483b-9c6c-6b27e9afa9bc" providerId="ADAL" clId="{BF04C754-5BF4-4E83-9615-DB14FA25AF8A}" dt="2023-10-12T11:38:08.274" v="295"/>
          <ac:spMkLst>
            <pc:docMk/>
            <pc:sldMk cId="2376958513" sldId="260"/>
            <ac:spMk id="6694" creationId="{8BF62F93-87F4-0A38-94B6-9B4DE96E04CB}"/>
          </ac:spMkLst>
        </pc:spChg>
        <pc:spChg chg="mod">
          <ac:chgData name="White, Alex" userId="eff6cc8c-37d8-483b-9c6c-6b27e9afa9bc" providerId="ADAL" clId="{BF04C754-5BF4-4E83-9615-DB14FA25AF8A}" dt="2023-10-12T11:38:08.274" v="295"/>
          <ac:spMkLst>
            <pc:docMk/>
            <pc:sldMk cId="2376958513" sldId="260"/>
            <ac:spMk id="6695" creationId="{95119A16-6A01-F037-8605-7C24F453A07F}"/>
          </ac:spMkLst>
        </pc:spChg>
        <pc:spChg chg="mod">
          <ac:chgData name="White, Alex" userId="eff6cc8c-37d8-483b-9c6c-6b27e9afa9bc" providerId="ADAL" clId="{BF04C754-5BF4-4E83-9615-DB14FA25AF8A}" dt="2023-10-12T11:38:08.274" v="295"/>
          <ac:spMkLst>
            <pc:docMk/>
            <pc:sldMk cId="2376958513" sldId="260"/>
            <ac:spMk id="6696" creationId="{9FBF7FB4-A58B-35F8-430C-869DA30FD4EC}"/>
          </ac:spMkLst>
        </pc:spChg>
        <pc:spChg chg="mod">
          <ac:chgData name="White, Alex" userId="eff6cc8c-37d8-483b-9c6c-6b27e9afa9bc" providerId="ADAL" clId="{BF04C754-5BF4-4E83-9615-DB14FA25AF8A}" dt="2023-10-12T11:38:08.274" v="295"/>
          <ac:spMkLst>
            <pc:docMk/>
            <pc:sldMk cId="2376958513" sldId="260"/>
            <ac:spMk id="6697" creationId="{AEA0B4DA-D703-A2AD-7B5C-AC7A8CCF3A74}"/>
          </ac:spMkLst>
        </pc:spChg>
        <pc:spChg chg="mod">
          <ac:chgData name="White, Alex" userId="eff6cc8c-37d8-483b-9c6c-6b27e9afa9bc" providerId="ADAL" clId="{BF04C754-5BF4-4E83-9615-DB14FA25AF8A}" dt="2023-10-12T11:38:08.274" v="295"/>
          <ac:spMkLst>
            <pc:docMk/>
            <pc:sldMk cId="2376958513" sldId="260"/>
            <ac:spMk id="6698" creationId="{4DE2E75C-51AA-B95C-BCD5-B98FE08526C3}"/>
          </ac:spMkLst>
        </pc:spChg>
        <pc:spChg chg="mod">
          <ac:chgData name="White, Alex" userId="eff6cc8c-37d8-483b-9c6c-6b27e9afa9bc" providerId="ADAL" clId="{BF04C754-5BF4-4E83-9615-DB14FA25AF8A}" dt="2023-10-12T11:38:08.274" v="295"/>
          <ac:spMkLst>
            <pc:docMk/>
            <pc:sldMk cId="2376958513" sldId="260"/>
            <ac:spMk id="6699" creationId="{8181FD98-5987-EBAF-0A76-07F5AFE405BB}"/>
          </ac:spMkLst>
        </pc:spChg>
        <pc:spChg chg="mod">
          <ac:chgData name="White, Alex" userId="eff6cc8c-37d8-483b-9c6c-6b27e9afa9bc" providerId="ADAL" clId="{BF04C754-5BF4-4E83-9615-DB14FA25AF8A}" dt="2023-10-12T11:38:08.274" v="295"/>
          <ac:spMkLst>
            <pc:docMk/>
            <pc:sldMk cId="2376958513" sldId="260"/>
            <ac:spMk id="6700" creationId="{94E1E973-F3C5-E486-9CB8-632BA436FA5C}"/>
          </ac:spMkLst>
        </pc:spChg>
        <pc:spChg chg="mod">
          <ac:chgData name="White, Alex" userId="eff6cc8c-37d8-483b-9c6c-6b27e9afa9bc" providerId="ADAL" clId="{BF04C754-5BF4-4E83-9615-DB14FA25AF8A}" dt="2023-10-12T11:38:08.274" v="295"/>
          <ac:spMkLst>
            <pc:docMk/>
            <pc:sldMk cId="2376958513" sldId="260"/>
            <ac:spMk id="6701" creationId="{51A73483-46B2-A419-07C0-9F8793CF2591}"/>
          </ac:spMkLst>
        </pc:spChg>
        <pc:spChg chg="mod">
          <ac:chgData name="White, Alex" userId="eff6cc8c-37d8-483b-9c6c-6b27e9afa9bc" providerId="ADAL" clId="{BF04C754-5BF4-4E83-9615-DB14FA25AF8A}" dt="2023-10-12T11:38:08.274" v="295"/>
          <ac:spMkLst>
            <pc:docMk/>
            <pc:sldMk cId="2376958513" sldId="260"/>
            <ac:spMk id="6702" creationId="{494BBA84-A033-0036-2826-B35E606B4D5A}"/>
          </ac:spMkLst>
        </pc:spChg>
        <pc:spChg chg="mod">
          <ac:chgData name="White, Alex" userId="eff6cc8c-37d8-483b-9c6c-6b27e9afa9bc" providerId="ADAL" clId="{BF04C754-5BF4-4E83-9615-DB14FA25AF8A}" dt="2023-10-12T11:38:08.274" v="295"/>
          <ac:spMkLst>
            <pc:docMk/>
            <pc:sldMk cId="2376958513" sldId="260"/>
            <ac:spMk id="6703" creationId="{1D342151-C694-3BF0-4E94-3BFA71C158BF}"/>
          </ac:spMkLst>
        </pc:spChg>
        <pc:spChg chg="mod">
          <ac:chgData name="White, Alex" userId="eff6cc8c-37d8-483b-9c6c-6b27e9afa9bc" providerId="ADAL" clId="{BF04C754-5BF4-4E83-9615-DB14FA25AF8A}" dt="2023-10-12T11:38:08.274" v="295"/>
          <ac:spMkLst>
            <pc:docMk/>
            <pc:sldMk cId="2376958513" sldId="260"/>
            <ac:spMk id="6704" creationId="{3040BCD3-93B9-5C12-4AAA-F4514312394C}"/>
          </ac:spMkLst>
        </pc:spChg>
        <pc:spChg chg="mod">
          <ac:chgData name="White, Alex" userId="eff6cc8c-37d8-483b-9c6c-6b27e9afa9bc" providerId="ADAL" clId="{BF04C754-5BF4-4E83-9615-DB14FA25AF8A}" dt="2023-10-12T11:38:08.274" v="295"/>
          <ac:spMkLst>
            <pc:docMk/>
            <pc:sldMk cId="2376958513" sldId="260"/>
            <ac:spMk id="6705" creationId="{AB6C52AE-E72F-C0CF-45F1-68B75AEFFAFA}"/>
          </ac:spMkLst>
        </pc:spChg>
        <pc:spChg chg="mod">
          <ac:chgData name="White, Alex" userId="eff6cc8c-37d8-483b-9c6c-6b27e9afa9bc" providerId="ADAL" clId="{BF04C754-5BF4-4E83-9615-DB14FA25AF8A}" dt="2023-10-12T11:38:08.274" v="295"/>
          <ac:spMkLst>
            <pc:docMk/>
            <pc:sldMk cId="2376958513" sldId="260"/>
            <ac:spMk id="6706" creationId="{3D891E76-B594-D03B-6784-9EBA59FCE6A8}"/>
          </ac:spMkLst>
        </pc:spChg>
        <pc:spChg chg="mod">
          <ac:chgData name="White, Alex" userId="eff6cc8c-37d8-483b-9c6c-6b27e9afa9bc" providerId="ADAL" clId="{BF04C754-5BF4-4E83-9615-DB14FA25AF8A}" dt="2023-10-12T11:38:08.274" v="295"/>
          <ac:spMkLst>
            <pc:docMk/>
            <pc:sldMk cId="2376958513" sldId="260"/>
            <ac:spMk id="6707" creationId="{69155AA2-C7DC-3CFB-BAA3-24B67E68F0B8}"/>
          </ac:spMkLst>
        </pc:spChg>
        <pc:spChg chg="mod">
          <ac:chgData name="White, Alex" userId="eff6cc8c-37d8-483b-9c6c-6b27e9afa9bc" providerId="ADAL" clId="{BF04C754-5BF4-4E83-9615-DB14FA25AF8A}" dt="2023-10-12T11:38:08.274" v="295"/>
          <ac:spMkLst>
            <pc:docMk/>
            <pc:sldMk cId="2376958513" sldId="260"/>
            <ac:spMk id="6708" creationId="{E4178FD3-3520-5AF5-80CE-1110D27EFC52}"/>
          </ac:spMkLst>
        </pc:spChg>
        <pc:spChg chg="mod">
          <ac:chgData name="White, Alex" userId="eff6cc8c-37d8-483b-9c6c-6b27e9afa9bc" providerId="ADAL" clId="{BF04C754-5BF4-4E83-9615-DB14FA25AF8A}" dt="2023-10-12T11:38:08.274" v="295"/>
          <ac:spMkLst>
            <pc:docMk/>
            <pc:sldMk cId="2376958513" sldId="260"/>
            <ac:spMk id="6709" creationId="{1D0756EF-76CF-6930-A781-29993A8E9513}"/>
          </ac:spMkLst>
        </pc:spChg>
        <pc:spChg chg="mod">
          <ac:chgData name="White, Alex" userId="eff6cc8c-37d8-483b-9c6c-6b27e9afa9bc" providerId="ADAL" clId="{BF04C754-5BF4-4E83-9615-DB14FA25AF8A}" dt="2023-10-12T11:38:08.274" v="295"/>
          <ac:spMkLst>
            <pc:docMk/>
            <pc:sldMk cId="2376958513" sldId="260"/>
            <ac:spMk id="6710" creationId="{12E04528-AE47-8DDC-67B7-5C401F465DBE}"/>
          </ac:spMkLst>
        </pc:spChg>
        <pc:spChg chg="mod">
          <ac:chgData name="White, Alex" userId="eff6cc8c-37d8-483b-9c6c-6b27e9afa9bc" providerId="ADAL" clId="{BF04C754-5BF4-4E83-9615-DB14FA25AF8A}" dt="2023-10-12T11:38:08.274" v="295"/>
          <ac:spMkLst>
            <pc:docMk/>
            <pc:sldMk cId="2376958513" sldId="260"/>
            <ac:spMk id="6711" creationId="{72D62F2A-2079-45BC-56AD-2DF03EAB1DB1}"/>
          </ac:spMkLst>
        </pc:spChg>
        <pc:spChg chg="mod">
          <ac:chgData name="White, Alex" userId="eff6cc8c-37d8-483b-9c6c-6b27e9afa9bc" providerId="ADAL" clId="{BF04C754-5BF4-4E83-9615-DB14FA25AF8A}" dt="2023-10-12T11:38:08.274" v="295"/>
          <ac:spMkLst>
            <pc:docMk/>
            <pc:sldMk cId="2376958513" sldId="260"/>
            <ac:spMk id="6712" creationId="{B0EDB7D4-C1CC-ECA7-73BB-ECA7A0DC2E92}"/>
          </ac:spMkLst>
        </pc:spChg>
        <pc:spChg chg="mod">
          <ac:chgData name="White, Alex" userId="eff6cc8c-37d8-483b-9c6c-6b27e9afa9bc" providerId="ADAL" clId="{BF04C754-5BF4-4E83-9615-DB14FA25AF8A}" dt="2023-10-12T11:38:08.274" v="295"/>
          <ac:spMkLst>
            <pc:docMk/>
            <pc:sldMk cId="2376958513" sldId="260"/>
            <ac:spMk id="6713" creationId="{BAD2EBFA-A9A6-DB83-BC89-281207C0D00F}"/>
          </ac:spMkLst>
        </pc:spChg>
        <pc:spChg chg="mod">
          <ac:chgData name="White, Alex" userId="eff6cc8c-37d8-483b-9c6c-6b27e9afa9bc" providerId="ADAL" clId="{BF04C754-5BF4-4E83-9615-DB14FA25AF8A}" dt="2023-10-12T11:38:08.274" v="295"/>
          <ac:spMkLst>
            <pc:docMk/>
            <pc:sldMk cId="2376958513" sldId="260"/>
            <ac:spMk id="6714" creationId="{C05B89F1-667A-8CDE-DCBD-28B5A34A26A5}"/>
          </ac:spMkLst>
        </pc:spChg>
        <pc:spChg chg="mod">
          <ac:chgData name="White, Alex" userId="eff6cc8c-37d8-483b-9c6c-6b27e9afa9bc" providerId="ADAL" clId="{BF04C754-5BF4-4E83-9615-DB14FA25AF8A}" dt="2023-10-12T11:38:08.274" v="295"/>
          <ac:spMkLst>
            <pc:docMk/>
            <pc:sldMk cId="2376958513" sldId="260"/>
            <ac:spMk id="6715" creationId="{F01112E0-3B93-77C1-C085-8F3EC4F42D19}"/>
          </ac:spMkLst>
        </pc:spChg>
        <pc:spChg chg="mod">
          <ac:chgData name="White, Alex" userId="eff6cc8c-37d8-483b-9c6c-6b27e9afa9bc" providerId="ADAL" clId="{BF04C754-5BF4-4E83-9615-DB14FA25AF8A}" dt="2023-10-12T11:38:08.274" v="295"/>
          <ac:spMkLst>
            <pc:docMk/>
            <pc:sldMk cId="2376958513" sldId="260"/>
            <ac:spMk id="6716" creationId="{C08E5593-832B-4160-9383-05D9E764EA2A}"/>
          </ac:spMkLst>
        </pc:spChg>
        <pc:spChg chg="mod">
          <ac:chgData name="White, Alex" userId="eff6cc8c-37d8-483b-9c6c-6b27e9afa9bc" providerId="ADAL" clId="{BF04C754-5BF4-4E83-9615-DB14FA25AF8A}" dt="2023-10-12T11:38:08.274" v="295"/>
          <ac:spMkLst>
            <pc:docMk/>
            <pc:sldMk cId="2376958513" sldId="260"/>
            <ac:spMk id="6717" creationId="{F6280361-99B4-ABB7-8036-27BB9AC26A69}"/>
          </ac:spMkLst>
        </pc:spChg>
        <pc:spChg chg="mod">
          <ac:chgData name="White, Alex" userId="eff6cc8c-37d8-483b-9c6c-6b27e9afa9bc" providerId="ADAL" clId="{BF04C754-5BF4-4E83-9615-DB14FA25AF8A}" dt="2023-10-12T11:38:08.274" v="295"/>
          <ac:spMkLst>
            <pc:docMk/>
            <pc:sldMk cId="2376958513" sldId="260"/>
            <ac:spMk id="6718" creationId="{694553AC-1276-5F3D-1A06-8907840C2028}"/>
          </ac:spMkLst>
        </pc:spChg>
        <pc:spChg chg="mod">
          <ac:chgData name="White, Alex" userId="eff6cc8c-37d8-483b-9c6c-6b27e9afa9bc" providerId="ADAL" clId="{BF04C754-5BF4-4E83-9615-DB14FA25AF8A}" dt="2023-10-12T11:38:08.274" v="295"/>
          <ac:spMkLst>
            <pc:docMk/>
            <pc:sldMk cId="2376958513" sldId="260"/>
            <ac:spMk id="6719" creationId="{B2E40241-027B-ACE9-D1BF-8B54A44C85F6}"/>
          </ac:spMkLst>
        </pc:spChg>
        <pc:spChg chg="mod">
          <ac:chgData name="White, Alex" userId="eff6cc8c-37d8-483b-9c6c-6b27e9afa9bc" providerId="ADAL" clId="{BF04C754-5BF4-4E83-9615-DB14FA25AF8A}" dt="2023-10-12T11:38:08.274" v="295"/>
          <ac:spMkLst>
            <pc:docMk/>
            <pc:sldMk cId="2376958513" sldId="260"/>
            <ac:spMk id="6720" creationId="{625B9DC5-0B8C-3A56-F512-2A7E3BEF0869}"/>
          </ac:spMkLst>
        </pc:spChg>
        <pc:spChg chg="mod">
          <ac:chgData name="White, Alex" userId="eff6cc8c-37d8-483b-9c6c-6b27e9afa9bc" providerId="ADAL" clId="{BF04C754-5BF4-4E83-9615-DB14FA25AF8A}" dt="2023-10-12T11:38:08.274" v="295"/>
          <ac:spMkLst>
            <pc:docMk/>
            <pc:sldMk cId="2376958513" sldId="260"/>
            <ac:spMk id="6721" creationId="{6DD77E1C-DE8F-AD1C-CB45-6B11AF3D367E}"/>
          </ac:spMkLst>
        </pc:spChg>
        <pc:spChg chg="mod">
          <ac:chgData name="White, Alex" userId="eff6cc8c-37d8-483b-9c6c-6b27e9afa9bc" providerId="ADAL" clId="{BF04C754-5BF4-4E83-9615-DB14FA25AF8A}" dt="2023-10-12T11:38:08.274" v="295"/>
          <ac:spMkLst>
            <pc:docMk/>
            <pc:sldMk cId="2376958513" sldId="260"/>
            <ac:spMk id="6722" creationId="{07984076-A432-97CE-7DF9-BC82518F49D6}"/>
          </ac:spMkLst>
        </pc:spChg>
        <pc:spChg chg="mod">
          <ac:chgData name="White, Alex" userId="eff6cc8c-37d8-483b-9c6c-6b27e9afa9bc" providerId="ADAL" clId="{BF04C754-5BF4-4E83-9615-DB14FA25AF8A}" dt="2023-10-12T11:38:08.274" v="295"/>
          <ac:spMkLst>
            <pc:docMk/>
            <pc:sldMk cId="2376958513" sldId="260"/>
            <ac:spMk id="6723" creationId="{3B51E25C-681E-5062-FA08-7EBA1E95BA6C}"/>
          </ac:spMkLst>
        </pc:spChg>
        <pc:spChg chg="mod">
          <ac:chgData name="White, Alex" userId="eff6cc8c-37d8-483b-9c6c-6b27e9afa9bc" providerId="ADAL" clId="{BF04C754-5BF4-4E83-9615-DB14FA25AF8A}" dt="2023-10-12T11:38:08.274" v="295"/>
          <ac:spMkLst>
            <pc:docMk/>
            <pc:sldMk cId="2376958513" sldId="260"/>
            <ac:spMk id="6724" creationId="{ACB32466-4941-937D-6AA8-4852C21FED89}"/>
          </ac:spMkLst>
        </pc:spChg>
        <pc:spChg chg="mod">
          <ac:chgData name="White, Alex" userId="eff6cc8c-37d8-483b-9c6c-6b27e9afa9bc" providerId="ADAL" clId="{BF04C754-5BF4-4E83-9615-DB14FA25AF8A}" dt="2023-10-12T11:38:08.274" v="295"/>
          <ac:spMkLst>
            <pc:docMk/>
            <pc:sldMk cId="2376958513" sldId="260"/>
            <ac:spMk id="6725" creationId="{F6AFEBF4-2524-E491-9FE4-7B6FC1BCF26A}"/>
          </ac:spMkLst>
        </pc:spChg>
        <pc:spChg chg="mod">
          <ac:chgData name="White, Alex" userId="eff6cc8c-37d8-483b-9c6c-6b27e9afa9bc" providerId="ADAL" clId="{BF04C754-5BF4-4E83-9615-DB14FA25AF8A}" dt="2023-10-12T11:38:08.274" v="295"/>
          <ac:spMkLst>
            <pc:docMk/>
            <pc:sldMk cId="2376958513" sldId="260"/>
            <ac:spMk id="6726" creationId="{036611D5-941B-9F82-BE8C-099BE95E2CDB}"/>
          </ac:spMkLst>
        </pc:spChg>
        <pc:spChg chg="mod">
          <ac:chgData name="White, Alex" userId="eff6cc8c-37d8-483b-9c6c-6b27e9afa9bc" providerId="ADAL" clId="{BF04C754-5BF4-4E83-9615-DB14FA25AF8A}" dt="2023-10-12T11:38:08.274" v="295"/>
          <ac:spMkLst>
            <pc:docMk/>
            <pc:sldMk cId="2376958513" sldId="260"/>
            <ac:spMk id="6727" creationId="{763A8EB1-8093-16CF-C30F-EBD8988F6780}"/>
          </ac:spMkLst>
        </pc:spChg>
        <pc:spChg chg="mod">
          <ac:chgData name="White, Alex" userId="eff6cc8c-37d8-483b-9c6c-6b27e9afa9bc" providerId="ADAL" clId="{BF04C754-5BF4-4E83-9615-DB14FA25AF8A}" dt="2023-10-12T11:38:08.274" v="295"/>
          <ac:spMkLst>
            <pc:docMk/>
            <pc:sldMk cId="2376958513" sldId="260"/>
            <ac:spMk id="6728" creationId="{D4BF270F-9CB9-F3EC-41AD-34A011A9A5A5}"/>
          </ac:spMkLst>
        </pc:spChg>
        <pc:spChg chg="mod">
          <ac:chgData name="White, Alex" userId="eff6cc8c-37d8-483b-9c6c-6b27e9afa9bc" providerId="ADAL" clId="{BF04C754-5BF4-4E83-9615-DB14FA25AF8A}" dt="2023-10-12T11:38:08.274" v="295"/>
          <ac:spMkLst>
            <pc:docMk/>
            <pc:sldMk cId="2376958513" sldId="260"/>
            <ac:spMk id="6729" creationId="{FE79BA91-9CA1-44F4-DF95-92600EA321D5}"/>
          </ac:spMkLst>
        </pc:spChg>
        <pc:spChg chg="mod">
          <ac:chgData name="White, Alex" userId="eff6cc8c-37d8-483b-9c6c-6b27e9afa9bc" providerId="ADAL" clId="{BF04C754-5BF4-4E83-9615-DB14FA25AF8A}" dt="2023-10-12T11:38:08.274" v="295"/>
          <ac:spMkLst>
            <pc:docMk/>
            <pc:sldMk cId="2376958513" sldId="260"/>
            <ac:spMk id="6730" creationId="{7745038B-7859-8A19-88B4-E716CE9CBB83}"/>
          </ac:spMkLst>
        </pc:spChg>
        <pc:spChg chg="mod">
          <ac:chgData name="White, Alex" userId="eff6cc8c-37d8-483b-9c6c-6b27e9afa9bc" providerId="ADAL" clId="{BF04C754-5BF4-4E83-9615-DB14FA25AF8A}" dt="2023-10-12T11:38:08.274" v="295"/>
          <ac:spMkLst>
            <pc:docMk/>
            <pc:sldMk cId="2376958513" sldId="260"/>
            <ac:spMk id="6731" creationId="{A42D3071-508C-50CB-D495-745EE062AD90}"/>
          </ac:spMkLst>
        </pc:spChg>
        <pc:spChg chg="mod">
          <ac:chgData name="White, Alex" userId="eff6cc8c-37d8-483b-9c6c-6b27e9afa9bc" providerId="ADAL" clId="{BF04C754-5BF4-4E83-9615-DB14FA25AF8A}" dt="2023-10-12T11:38:08.274" v="295"/>
          <ac:spMkLst>
            <pc:docMk/>
            <pc:sldMk cId="2376958513" sldId="260"/>
            <ac:spMk id="6732" creationId="{161CA9F1-EF59-269B-4E9A-C91E60C432CB}"/>
          </ac:spMkLst>
        </pc:spChg>
        <pc:spChg chg="mod">
          <ac:chgData name="White, Alex" userId="eff6cc8c-37d8-483b-9c6c-6b27e9afa9bc" providerId="ADAL" clId="{BF04C754-5BF4-4E83-9615-DB14FA25AF8A}" dt="2023-10-12T11:38:08.274" v="295"/>
          <ac:spMkLst>
            <pc:docMk/>
            <pc:sldMk cId="2376958513" sldId="260"/>
            <ac:spMk id="6733" creationId="{09601F00-72A2-1AD9-105A-80A3AB153AE1}"/>
          </ac:spMkLst>
        </pc:spChg>
        <pc:spChg chg="mod">
          <ac:chgData name="White, Alex" userId="eff6cc8c-37d8-483b-9c6c-6b27e9afa9bc" providerId="ADAL" clId="{BF04C754-5BF4-4E83-9615-DB14FA25AF8A}" dt="2023-10-12T11:38:08.274" v="295"/>
          <ac:spMkLst>
            <pc:docMk/>
            <pc:sldMk cId="2376958513" sldId="260"/>
            <ac:spMk id="6734" creationId="{77B31678-DCE5-03B9-ACD5-094181524CBC}"/>
          </ac:spMkLst>
        </pc:spChg>
        <pc:spChg chg="mod">
          <ac:chgData name="White, Alex" userId="eff6cc8c-37d8-483b-9c6c-6b27e9afa9bc" providerId="ADAL" clId="{BF04C754-5BF4-4E83-9615-DB14FA25AF8A}" dt="2023-10-12T11:38:08.274" v="295"/>
          <ac:spMkLst>
            <pc:docMk/>
            <pc:sldMk cId="2376958513" sldId="260"/>
            <ac:spMk id="6735" creationId="{AFE06DBF-1BC4-71A8-ED3B-E081ED1070DB}"/>
          </ac:spMkLst>
        </pc:spChg>
        <pc:spChg chg="mod">
          <ac:chgData name="White, Alex" userId="eff6cc8c-37d8-483b-9c6c-6b27e9afa9bc" providerId="ADAL" clId="{BF04C754-5BF4-4E83-9615-DB14FA25AF8A}" dt="2023-10-12T11:38:08.274" v="295"/>
          <ac:spMkLst>
            <pc:docMk/>
            <pc:sldMk cId="2376958513" sldId="260"/>
            <ac:spMk id="6736" creationId="{CF7A6B62-A61A-9A55-7ED0-AAC6FA38D3D5}"/>
          </ac:spMkLst>
        </pc:spChg>
        <pc:spChg chg="mod">
          <ac:chgData name="White, Alex" userId="eff6cc8c-37d8-483b-9c6c-6b27e9afa9bc" providerId="ADAL" clId="{BF04C754-5BF4-4E83-9615-DB14FA25AF8A}" dt="2023-10-12T11:38:08.274" v="295"/>
          <ac:spMkLst>
            <pc:docMk/>
            <pc:sldMk cId="2376958513" sldId="260"/>
            <ac:spMk id="6737" creationId="{E5A42DA7-2DFD-4B88-E092-8A428F65A662}"/>
          </ac:spMkLst>
        </pc:spChg>
        <pc:spChg chg="mod">
          <ac:chgData name="White, Alex" userId="eff6cc8c-37d8-483b-9c6c-6b27e9afa9bc" providerId="ADAL" clId="{BF04C754-5BF4-4E83-9615-DB14FA25AF8A}" dt="2023-10-12T11:38:08.274" v="295"/>
          <ac:spMkLst>
            <pc:docMk/>
            <pc:sldMk cId="2376958513" sldId="260"/>
            <ac:spMk id="6738" creationId="{1DF1175C-2D60-2F20-3E7B-2D0D59D48B9A}"/>
          </ac:spMkLst>
        </pc:spChg>
        <pc:spChg chg="mod">
          <ac:chgData name="White, Alex" userId="eff6cc8c-37d8-483b-9c6c-6b27e9afa9bc" providerId="ADAL" clId="{BF04C754-5BF4-4E83-9615-DB14FA25AF8A}" dt="2023-10-12T11:38:08.274" v="295"/>
          <ac:spMkLst>
            <pc:docMk/>
            <pc:sldMk cId="2376958513" sldId="260"/>
            <ac:spMk id="6739" creationId="{D5386655-6943-D1E4-ED9F-52B90C4BA444}"/>
          </ac:spMkLst>
        </pc:spChg>
        <pc:spChg chg="mod">
          <ac:chgData name="White, Alex" userId="eff6cc8c-37d8-483b-9c6c-6b27e9afa9bc" providerId="ADAL" clId="{BF04C754-5BF4-4E83-9615-DB14FA25AF8A}" dt="2023-10-12T11:38:08.274" v="295"/>
          <ac:spMkLst>
            <pc:docMk/>
            <pc:sldMk cId="2376958513" sldId="260"/>
            <ac:spMk id="6740" creationId="{8D4B017D-8DE3-09E0-53C7-CC883E0CF7BE}"/>
          </ac:spMkLst>
        </pc:spChg>
        <pc:spChg chg="mod">
          <ac:chgData name="White, Alex" userId="eff6cc8c-37d8-483b-9c6c-6b27e9afa9bc" providerId="ADAL" clId="{BF04C754-5BF4-4E83-9615-DB14FA25AF8A}" dt="2023-10-12T11:38:08.274" v="295"/>
          <ac:spMkLst>
            <pc:docMk/>
            <pc:sldMk cId="2376958513" sldId="260"/>
            <ac:spMk id="6741" creationId="{B5272215-B62A-1DD8-F142-1C6B03FD4C47}"/>
          </ac:spMkLst>
        </pc:spChg>
        <pc:spChg chg="mod">
          <ac:chgData name="White, Alex" userId="eff6cc8c-37d8-483b-9c6c-6b27e9afa9bc" providerId="ADAL" clId="{BF04C754-5BF4-4E83-9615-DB14FA25AF8A}" dt="2023-10-12T11:38:08.274" v="295"/>
          <ac:spMkLst>
            <pc:docMk/>
            <pc:sldMk cId="2376958513" sldId="260"/>
            <ac:spMk id="6742" creationId="{18162D0B-5378-98A4-AD07-D001880FFE58}"/>
          </ac:spMkLst>
        </pc:spChg>
        <pc:spChg chg="mod">
          <ac:chgData name="White, Alex" userId="eff6cc8c-37d8-483b-9c6c-6b27e9afa9bc" providerId="ADAL" clId="{BF04C754-5BF4-4E83-9615-DB14FA25AF8A}" dt="2023-10-12T11:38:08.274" v="295"/>
          <ac:spMkLst>
            <pc:docMk/>
            <pc:sldMk cId="2376958513" sldId="260"/>
            <ac:spMk id="6743" creationId="{0124CE9E-AC76-392C-886B-FAEC06F09143}"/>
          </ac:spMkLst>
        </pc:spChg>
        <pc:spChg chg="mod">
          <ac:chgData name="White, Alex" userId="eff6cc8c-37d8-483b-9c6c-6b27e9afa9bc" providerId="ADAL" clId="{BF04C754-5BF4-4E83-9615-DB14FA25AF8A}" dt="2023-10-12T11:38:08.274" v="295"/>
          <ac:spMkLst>
            <pc:docMk/>
            <pc:sldMk cId="2376958513" sldId="260"/>
            <ac:spMk id="6744" creationId="{A5EA1475-0380-9594-6DF0-70F1D9B0B6C7}"/>
          </ac:spMkLst>
        </pc:spChg>
        <pc:spChg chg="mod">
          <ac:chgData name="White, Alex" userId="eff6cc8c-37d8-483b-9c6c-6b27e9afa9bc" providerId="ADAL" clId="{BF04C754-5BF4-4E83-9615-DB14FA25AF8A}" dt="2023-10-12T11:38:08.274" v="295"/>
          <ac:spMkLst>
            <pc:docMk/>
            <pc:sldMk cId="2376958513" sldId="260"/>
            <ac:spMk id="6745" creationId="{8E01EB25-8493-9C69-AC50-319F992BFA0F}"/>
          </ac:spMkLst>
        </pc:spChg>
        <pc:spChg chg="mod">
          <ac:chgData name="White, Alex" userId="eff6cc8c-37d8-483b-9c6c-6b27e9afa9bc" providerId="ADAL" clId="{BF04C754-5BF4-4E83-9615-DB14FA25AF8A}" dt="2023-10-12T11:38:08.274" v="295"/>
          <ac:spMkLst>
            <pc:docMk/>
            <pc:sldMk cId="2376958513" sldId="260"/>
            <ac:spMk id="6746" creationId="{C751959D-C1E3-77E9-1BDC-48360273B497}"/>
          </ac:spMkLst>
        </pc:spChg>
        <pc:spChg chg="mod">
          <ac:chgData name="White, Alex" userId="eff6cc8c-37d8-483b-9c6c-6b27e9afa9bc" providerId="ADAL" clId="{BF04C754-5BF4-4E83-9615-DB14FA25AF8A}" dt="2023-10-12T11:38:08.274" v="295"/>
          <ac:spMkLst>
            <pc:docMk/>
            <pc:sldMk cId="2376958513" sldId="260"/>
            <ac:spMk id="6747" creationId="{ECCE90CF-B67A-E5C8-B086-4A43C9AFF23B}"/>
          </ac:spMkLst>
        </pc:spChg>
        <pc:spChg chg="mod">
          <ac:chgData name="White, Alex" userId="eff6cc8c-37d8-483b-9c6c-6b27e9afa9bc" providerId="ADAL" clId="{BF04C754-5BF4-4E83-9615-DB14FA25AF8A}" dt="2023-10-12T11:38:08.274" v="295"/>
          <ac:spMkLst>
            <pc:docMk/>
            <pc:sldMk cId="2376958513" sldId="260"/>
            <ac:spMk id="6748" creationId="{FE001875-72B9-6BE6-FD20-305EAA94670B}"/>
          </ac:spMkLst>
        </pc:spChg>
        <pc:spChg chg="mod">
          <ac:chgData name="White, Alex" userId="eff6cc8c-37d8-483b-9c6c-6b27e9afa9bc" providerId="ADAL" clId="{BF04C754-5BF4-4E83-9615-DB14FA25AF8A}" dt="2023-10-12T11:38:08.274" v="295"/>
          <ac:spMkLst>
            <pc:docMk/>
            <pc:sldMk cId="2376958513" sldId="260"/>
            <ac:spMk id="6749" creationId="{9DE8C905-C6D0-9069-51DE-1EF69AD5F620}"/>
          </ac:spMkLst>
        </pc:spChg>
        <pc:spChg chg="mod">
          <ac:chgData name="White, Alex" userId="eff6cc8c-37d8-483b-9c6c-6b27e9afa9bc" providerId="ADAL" clId="{BF04C754-5BF4-4E83-9615-DB14FA25AF8A}" dt="2023-10-12T11:38:08.274" v="295"/>
          <ac:spMkLst>
            <pc:docMk/>
            <pc:sldMk cId="2376958513" sldId="260"/>
            <ac:spMk id="6750" creationId="{CBF64FD2-9864-663F-C44E-0AFADC9C6A82}"/>
          </ac:spMkLst>
        </pc:spChg>
        <pc:spChg chg="mod">
          <ac:chgData name="White, Alex" userId="eff6cc8c-37d8-483b-9c6c-6b27e9afa9bc" providerId="ADAL" clId="{BF04C754-5BF4-4E83-9615-DB14FA25AF8A}" dt="2023-10-12T11:38:08.274" v="295"/>
          <ac:spMkLst>
            <pc:docMk/>
            <pc:sldMk cId="2376958513" sldId="260"/>
            <ac:spMk id="6751" creationId="{8AFAD670-4D6E-30A8-BF7C-6CCF0222ED4F}"/>
          </ac:spMkLst>
        </pc:spChg>
        <pc:spChg chg="mod">
          <ac:chgData name="White, Alex" userId="eff6cc8c-37d8-483b-9c6c-6b27e9afa9bc" providerId="ADAL" clId="{BF04C754-5BF4-4E83-9615-DB14FA25AF8A}" dt="2023-10-12T11:38:08.274" v="295"/>
          <ac:spMkLst>
            <pc:docMk/>
            <pc:sldMk cId="2376958513" sldId="260"/>
            <ac:spMk id="6752" creationId="{43035522-CBF1-ACD9-5B8E-0DCF351F19E0}"/>
          </ac:spMkLst>
        </pc:spChg>
        <pc:spChg chg="mod">
          <ac:chgData name="White, Alex" userId="eff6cc8c-37d8-483b-9c6c-6b27e9afa9bc" providerId="ADAL" clId="{BF04C754-5BF4-4E83-9615-DB14FA25AF8A}" dt="2023-10-12T11:38:08.274" v="295"/>
          <ac:spMkLst>
            <pc:docMk/>
            <pc:sldMk cId="2376958513" sldId="260"/>
            <ac:spMk id="6753" creationId="{58482735-B020-7B16-BF0D-467415D29A64}"/>
          </ac:spMkLst>
        </pc:spChg>
        <pc:spChg chg="mod">
          <ac:chgData name="White, Alex" userId="eff6cc8c-37d8-483b-9c6c-6b27e9afa9bc" providerId="ADAL" clId="{BF04C754-5BF4-4E83-9615-DB14FA25AF8A}" dt="2023-10-12T11:38:08.274" v="295"/>
          <ac:spMkLst>
            <pc:docMk/>
            <pc:sldMk cId="2376958513" sldId="260"/>
            <ac:spMk id="6754" creationId="{4CAA531C-30F9-8ABF-99C1-61A8B952750C}"/>
          </ac:spMkLst>
        </pc:spChg>
        <pc:spChg chg="mod">
          <ac:chgData name="White, Alex" userId="eff6cc8c-37d8-483b-9c6c-6b27e9afa9bc" providerId="ADAL" clId="{BF04C754-5BF4-4E83-9615-DB14FA25AF8A}" dt="2023-10-12T11:38:08.274" v="295"/>
          <ac:spMkLst>
            <pc:docMk/>
            <pc:sldMk cId="2376958513" sldId="260"/>
            <ac:spMk id="6755" creationId="{78124C96-5E35-7394-D5D5-3AE3BDDFA817}"/>
          </ac:spMkLst>
        </pc:spChg>
        <pc:spChg chg="mod">
          <ac:chgData name="White, Alex" userId="eff6cc8c-37d8-483b-9c6c-6b27e9afa9bc" providerId="ADAL" clId="{BF04C754-5BF4-4E83-9615-DB14FA25AF8A}" dt="2023-10-12T11:38:08.274" v="295"/>
          <ac:spMkLst>
            <pc:docMk/>
            <pc:sldMk cId="2376958513" sldId="260"/>
            <ac:spMk id="6756" creationId="{FC91DDD0-DEC4-CA59-A49C-068E0CD4B3B8}"/>
          </ac:spMkLst>
        </pc:spChg>
        <pc:spChg chg="mod">
          <ac:chgData name="White, Alex" userId="eff6cc8c-37d8-483b-9c6c-6b27e9afa9bc" providerId="ADAL" clId="{BF04C754-5BF4-4E83-9615-DB14FA25AF8A}" dt="2023-10-12T11:38:08.274" v="295"/>
          <ac:spMkLst>
            <pc:docMk/>
            <pc:sldMk cId="2376958513" sldId="260"/>
            <ac:spMk id="6757" creationId="{B2AED393-1DBC-C58D-D92E-39BDFCF7DE2A}"/>
          </ac:spMkLst>
        </pc:spChg>
        <pc:spChg chg="mod">
          <ac:chgData name="White, Alex" userId="eff6cc8c-37d8-483b-9c6c-6b27e9afa9bc" providerId="ADAL" clId="{BF04C754-5BF4-4E83-9615-DB14FA25AF8A}" dt="2023-10-12T11:38:08.274" v="295"/>
          <ac:spMkLst>
            <pc:docMk/>
            <pc:sldMk cId="2376958513" sldId="260"/>
            <ac:spMk id="6758" creationId="{E0C96BF4-473B-D58F-6CE9-BFE5A5D59738}"/>
          </ac:spMkLst>
        </pc:spChg>
        <pc:spChg chg="mod">
          <ac:chgData name="White, Alex" userId="eff6cc8c-37d8-483b-9c6c-6b27e9afa9bc" providerId="ADAL" clId="{BF04C754-5BF4-4E83-9615-DB14FA25AF8A}" dt="2023-10-12T11:38:08.274" v="295"/>
          <ac:spMkLst>
            <pc:docMk/>
            <pc:sldMk cId="2376958513" sldId="260"/>
            <ac:spMk id="6759" creationId="{6E7A6E88-BDC4-8406-DED7-1C19D4CB005B}"/>
          </ac:spMkLst>
        </pc:spChg>
        <pc:spChg chg="mod">
          <ac:chgData name="White, Alex" userId="eff6cc8c-37d8-483b-9c6c-6b27e9afa9bc" providerId="ADAL" clId="{BF04C754-5BF4-4E83-9615-DB14FA25AF8A}" dt="2023-10-12T11:38:08.274" v="295"/>
          <ac:spMkLst>
            <pc:docMk/>
            <pc:sldMk cId="2376958513" sldId="260"/>
            <ac:spMk id="6760" creationId="{1D87EE44-77D6-FCDE-635B-30F984983E02}"/>
          </ac:spMkLst>
        </pc:spChg>
        <pc:spChg chg="mod">
          <ac:chgData name="White, Alex" userId="eff6cc8c-37d8-483b-9c6c-6b27e9afa9bc" providerId="ADAL" clId="{BF04C754-5BF4-4E83-9615-DB14FA25AF8A}" dt="2023-10-12T11:38:08.274" v="295"/>
          <ac:spMkLst>
            <pc:docMk/>
            <pc:sldMk cId="2376958513" sldId="260"/>
            <ac:spMk id="6761" creationId="{3459AFAE-7414-B381-5EAE-E4568B4E52BF}"/>
          </ac:spMkLst>
        </pc:spChg>
        <pc:spChg chg="mod">
          <ac:chgData name="White, Alex" userId="eff6cc8c-37d8-483b-9c6c-6b27e9afa9bc" providerId="ADAL" clId="{BF04C754-5BF4-4E83-9615-DB14FA25AF8A}" dt="2023-10-12T11:38:08.274" v="295"/>
          <ac:spMkLst>
            <pc:docMk/>
            <pc:sldMk cId="2376958513" sldId="260"/>
            <ac:spMk id="6762" creationId="{BCA46760-174B-593B-F493-C7AA7D5ED5E1}"/>
          </ac:spMkLst>
        </pc:spChg>
        <pc:spChg chg="mod">
          <ac:chgData name="White, Alex" userId="eff6cc8c-37d8-483b-9c6c-6b27e9afa9bc" providerId="ADAL" clId="{BF04C754-5BF4-4E83-9615-DB14FA25AF8A}" dt="2023-10-12T11:38:08.274" v="295"/>
          <ac:spMkLst>
            <pc:docMk/>
            <pc:sldMk cId="2376958513" sldId="260"/>
            <ac:spMk id="6763" creationId="{E6C26511-E9CA-BF80-799C-B31C7D9EAB6D}"/>
          </ac:spMkLst>
        </pc:spChg>
        <pc:spChg chg="mod">
          <ac:chgData name="White, Alex" userId="eff6cc8c-37d8-483b-9c6c-6b27e9afa9bc" providerId="ADAL" clId="{BF04C754-5BF4-4E83-9615-DB14FA25AF8A}" dt="2023-10-12T11:38:08.274" v="295"/>
          <ac:spMkLst>
            <pc:docMk/>
            <pc:sldMk cId="2376958513" sldId="260"/>
            <ac:spMk id="6764" creationId="{A3D1579E-D206-FB20-6DFF-4DFF89AD8BF8}"/>
          </ac:spMkLst>
        </pc:spChg>
        <pc:spChg chg="mod">
          <ac:chgData name="White, Alex" userId="eff6cc8c-37d8-483b-9c6c-6b27e9afa9bc" providerId="ADAL" clId="{BF04C754-5BF4-4E83-9615-DB14FA25AF8A}" dt="2023-10-12T11:38:08.274" v="295"/>
          <ac:spMkLst>
            <pc:docMk/>
            <pc:sldMk cId="2376958513" sldId="260"/>
            <ac:spMk id="6765" creationId="{7ABDA26F-6C91-3706-CB83-DA351BC96BD7}"/>
          </ac:spMkLst>
        </pc:spChg>
        <pc:spChg chg="mod">
          <ac:chgData name="White, Alex" userId="eff6cc8c-37d8-483b-9c6c-6b27e9afa9bc" providerId="ADAL" clId="{BF04C754-5BF4-4E83-9615-DB14FA25AF8A}" dt="2023-10-12T11:38:08.274" v="295"/>
          <ac:spMkLst>
            <pc:docMk/>
            <pc:sldMk cId="2376958513" sldId="260"/>
            <ac:spMk id="6766" creationId="{D1C6AF17-5A7A-BDE6-58D2-25455F892808}"/>
          </ac:spMkLst>
        </pc:spChg>
        <pc:spChg chg="mod">
          <ac:chgData name="White, Alex" userId="eff6cc8c-37d8-483b-9c6c-6b27e9afa9bc" providerId="ADAL" clId="{BF04C754-5BF4-4E83-9615-DB14FA25AF8A}" dt="2023-10-12T11:38:08.274" v="295"/>
          <ac:spMkLst>
            <pc:docMk/>
            <pc:sldMk cId="2376958513" sldId="260"/>
            <ac:spMk id="6767" creationId="{9C7E2E08-1E83-E940-6E39-E0C512B0435F}"/>
          </ac:spMkLst>
        </pc:spChg>
        <pc:spChg chg="mod">
          <ac:chgData name="White, Alex" userId="eff6cc8c-37d8-483b-9c6c-6b27e9afa9bc" providerId="ADAL" clId="{BF04C754-5BF4-4E83-9615-DB14FA25AF8A}" dt="2023-10-12T11:38:08.274" v="295"/>
          <ac:spMkLst>
            <pc:docMk/>
            <pc:sldMk cId="2376958513" sldId="260"/>
            <ac:spMk id="6768" creationId="{CAF2C8AE-F53C-D1BB-09A3-1B0F20E251DA}"/>
          </ac:spMkLst>
        </pc:spChg>
        <pc:spChg chg="mod">
          <ac:chgData name="White, Alex" userId="eff6cc8c-37d8-483b-9c6c-6b27e9afa9bc" providerId="ADAL" clId="{BF04C754-5BF4-4E83-9615-DB14FA25AF8A}" dt="2023-10-12T11:38:08.274" v="295"/>
          <ac:spMkLst>
            <pc:docMk/>
            <pc:sldMk cId="2376958513" sldId="260"/>
            <ac:spMk id="6769" creationId="{C58ADC49-A6AB-012A-8351-DAF1F819446B}"/>
          </ac:spMkLst>
        </pc:spChg>
        <pc:spChg chg="mod">
          <ac:chgData name="White, Alex" userId="eff6cc8c-37d8-483b-9c6c-6b27e9afa9bc" providerId="ADAL" clId="{BF04C754-5BF4-4E83-9615-DB14FA25AF8A}" dt="2023-10-12T11:38:08.274" v="295"/>
          <ac:spMkLst>
            <pc:docMk/>
            <pc:sldMk cId="2376958513" sldId="260"/>
            <ac:spMk id="6770" creationId="{365F89C5-9478-D261-A5FA-D08181FEA054}"/>
          </ac:spMkLst>
        </pc:spChg>
        <pc:spChg chg="mod">
          <ac:chgData name="White, Alex" userId="eff6cc8c-37d8-483b-9c6c-6b27e9afa9bc" providerId="ADAL" clId="{BF04C754-5BF4-4E83-9615-DB14FA25AF8A}" dt="2023-10-12T11:38:08.274" v="295"/>
          <ac:spMkLst>
            <pc:docMk/>
            <pc:sldMk cId="2376958513" sldId="260"/>
            <ac:spMk id="6771" creationId="{5E0ADE84-73AE-6426-2C32-B58A93CD3CE6}"/>
          </ac:spMkLst>
        </pc:spChg>
        <pc:spChg chg="mod">
          <ac:chgData name="White, Alex" userId="eff6cc8c-37d8-483b-9c6c-6b27e9afa9bc" providerId="ADAL" clId="{BF04C754-5BF4-4E83-9615-DB14FA25AF8A}" dt="2023-10-12T11:38:08.274" v="295"/>
          <ac:spMkLst>
            <pc:docMk/>
            <pc:sldMk cId="2376958513" sldId="260"/>
            <ac:spMk id="6772" creationId="{78A791A9-10FE-CFC6-137A-913CD67B26F7}"/>
          </ac:spMkLst>
        </pc:spChg>
        <pc:spChg chg="mod">
          <ac:chgData name="White, Alex" userId="eff6cc8c-37d8-483b-9c6c-6b27e9afa9bc" providerId="ADAL" clId="{BF04C754-5BF4-4E83-9615-DB14FA25AF8A}" dt="2023-10-12T11:38:08.274" v="295"/>
          <ac:spMkLst>
            <pc:docMk/>
            <pc:sldMk cId="2376958513" sldId="260"/>
            <ac:spMk id="6773" creationId="{79AB6F85-2F87-F4CB-F11F-C0AE5A2BE79F}"/>
          </ac:spMkLst>
        </pc:spChg>
        <pc:spChg chg="mod">
          <ac:chgData name="White, Alex" userId="eff6cc8c-37d8-483b-9c6c-6b27e9afa9bc" providerId="ADAL" clId="{BF04C754-5BF4-4E83-9615-DB14FA25AF8A}" dt="2023-10-12T11:38:08.274" v="295"/>
          <ac:spMkLst>
            <pc:docMk/>
            <pc:sldMk cId="2376958513" sldId="260"/>
            <ac:spMk id="6774" creationId="{C152A0C5-140A-F4CA-1BDB-7E7948ADF5D1}"/>
          </ac:spMkLst>
        </pc:spChg>
        <pc:spChg chg="mod">
          <ac:chgData name="White, Alex" userId="eff6cc8c-37d8-483b-9c6c-6b27e9afa9bc" providerId="ADAL" clId="{BF04C754-5BF4-4E83-9615-DB14FA25AF8A}" dt="2023-10-12T11:38:08.274" v="295"/>
          <ac:spMkLst>
            <pc:docMk/>
            <pc:sldMk cId="2376958513" sldId="260"/>
            <ac:spMk id="6775" creationId="{43CA05B1-3080-2317-1584-61B9A097B8F4}"/>
          </ac:spMkLst>
        </pc:spChg>
        <pc:spChg chg="mod">
          <ac:chgData name="White, Alex" userId="eff6cc8c-37d8-483b-9c6c-6b27e9afa9bc" providerId="ADAL" clId="{BF04C754-5BF4-4E83-9615-DB14FA25AF8A}" dt="2023-10-12T11:38:08.274" v="295"/>
          <ac:spMkLst>
            <pc:docMk/>
            <pc:sldMk cId="2376958513" sldId="260"/>
            <ac:spMk id="6776" creationId="{6FBE3BCC-5F79-36C6-7142-00607488983D}"/>
          </ac:spMkLst>
        </pc:spChg>
        <pc:spChg chg="mod">
          <ac:chgData name="White, Alex" userId="eff6cc8c-37d8-483b-9c6c-6b27e9afa9bc" providerId="ADAL" clId="{BF04C754-5BF4-4E83-9615-DB14FA25AF8A}" dt="2023-10-12T11:38:08.274" v="295"/>
          <ac:spMkLst>
            <pc:docMk/>
            <pc:sldMk cId="2376958513" sldId="260"/>
            <ac:spMk id="6777" creationId="{1238AA6C-D2EB-CB43-462C-924E951A7D85}"/>
          </ac:spMkLst>
        </pc:spChg>
        <pc:spChg chg="mod">
          <ac:chgData name="White, Alex" userId="eff6cc8c-37d8-483b-9c6c-6b27e9afa9bc" providerId="ADAL" clId="{BF04C754-5BF4-4E83-9615-DB14FA25AF8A}" dt="2023-10-12T11:38:08.274" v="295"/>
          <ac:spMkLst>
            <pc:docMk/>
            <pc:sldMk cId="2376958513" sldId="260"/>
            <ac:spMk id="6778" creationId="{8BE65003-CA4C-688E-0890-61A214C444AF}"/>
          </ac:spMkLst>
        </pc:spChg>
        <pc:spChg chg="mod">
          <ac:chgData name="White, Alex" userId="eff6cc8c-37d8-483b-9c6c-6b27e9afa9bc" providerId="ADAL" clId="{BF04C754-5BF4-4E83-9615-DB14FA25AF8A}" dt="2023-10-12T11:38:08.274" v="295"/>
          <ac:spMkLst>
            <pc:docMk/>
            <pc:sldMk cId="2376958513" sldId="260"/>
            <ac:spMk id="6779" creationId="{35F992B2-104D-5B8C-4826-8107358406D6}"/>
          </ac:spMkLst>
        </pc:spChg>
        <pc:spChg chg="mod">
          <ac:chgData name="White, Alex" userId="eff6cc8c-37d8-483b-9c6c-6b27e9afa9bc" providerId="ADAL" clId="{BF04C754-5BF4-4E83-9615-DB14FA25AF8A}" dt="2023-10-12T11:38:08.274" v="295"/>
          <ac:spMkLst>
            <pc:docMk/>
            <pc:sldMk cId="2376958513" sldId="260"/>
            <ac:spMk id="6780" creationId="{81304365-2F30-C50B-2229-8B52C827B214}"/>
          </ac:spMkLst>
        </pc:spChg>
        <pc:spChg chg="mod">
          <ac:chgData name="White, Alex" userId="eff6cc8c-37d8-483b-9c6c-6b27e9afa9bc" providerId="ADAL" clId="{BF04C754-5BF4-4E83-9615-DB14FA25AF8A}" dt="2023-10-12T11:38:08.274" v="295"/>
          <ac:spMkLst>
            <pc:docMk/>
            <pc:sldMk cId="2376958513" sldId="260"/>
            <ac:spMk id="6781" creationId="{93B6E05E-AFC4-2EF2-AE59-ECC2F0FBADF0}"/>
          </ac:spMkLst>
        </pc:spChg>
        <pc:spChg chg="mod">
          <ac:chgData name="White, Alex" userId="eff6cc8c-37d8-483b-9c6c-6b27e9afa9bc" providerId="ADAL" clId="{BF04C754-5BF4-4E83-9615-DB14FA25AF8A}" dt="2023-10-12T11:38:08.274" v="295"/>
          <ac:spMkLst>
            <pc:docMk/>
            <pc:sldMk cId="2376958513" sldId="260"/>
            <ac:spMk id="6782" creationId="{4D2C69EE-AC80-EDD3-C442-F4FD200063B0}"/>
          </ac:spMkLst>
        </pc:spChg>
        <pc:spChg chg="mod">
          <ac:chgData name="White, Alex" userId="eff6cc8c-37d8-483b-9c6c-6b27e9afa9bc" providerId="ADAL" clId="{BF04C754-5BF4-4E83-9615-DB14FA25AF8A}" dt="2023-10-12T11:38:08.274" v="295"/>
          <ac:spMkLst>
            <pc:docMk/>
            <pc:sldMk cId="2376958513" sldId="260"/>
            <ac:spMk id="6783" creationId="{4BFCB787-A44F-5822-B9AA-45F7DA502CB6}"/>
          </ac:spMkLst>
        </pc:spChg>
        <pc:spChg chg="mod">
          <ac:chgData name="White, Alex" userId="eff6cc8c-37d8-483b-9c6c-6b27e9afa9bc" providerId="ADAL" clId="{BF04C754-5BF4-4E83-9615-DB14FA25AF8A}" dt="2023-10-12T11:38:08.274" v="295"/>
          <ac:spMkLst>
            <pc:docMk/>
            <pc:sldMk cId="2376958513" sldId="260"/>
            <ac:spMk id="6784" creationId="{1E6F8E8C-AB13-4E5E-C2EF-020104F42A5F}"/>
          </ac:spMkLst>
        </pc:spChg>
        <pc:spChg chg="mod">
          <ac:chgData name="White, Alex" userId="eff6cc8c-37d8-483b-9c6c-6b27e9afa9bc" providerId="ADAL" clId="{BF04C754-5BF4-4E83-9615-DB14FA25AF8A}" dt="2023-10-12T11:38:08.274" v="295"/>
          <ac:spMkLst>
            <pc:docMk/>
            <pc:sldMk cId="2376958513" sldId="260"/>
            <ac:spMk id="6785" creationId="{45730FFF-79A6-9B40-D370-47074DBD8E91}"/>
          </ac:spMkLst>
        </pc:spChg>
        <pc:spChg chg="mod">
          <ac:chgData name="White, Alex" userId="eff6cc8c-37d8-483b-9c6c-6b27e9afa9bc" providerId="ADAL" clId="{BF04C754-5BF4-4E83-9615-DB14FA25AF8A}" dt="2023-10-12T11:38:08.274" v="295"/>
          <ac:spMkLst>
            <pc:docMk/>
            <pc:sldMk cId="2376958513" sldId="260"/>
            <ac:spMk id="6786" creationId="{69D8EFF1-DDA0-C1EB-4D85-CA4A5D05B594}"/>
          </ac:spMkLst>
        </pc:spChg>
        <pc:spChg chg="mod">
          <ac:chgData name="White, Alex" userId="eff6cc8c-37d8-483b-9c6c-6b27e9afa9bc" providerId="ADAL" clId="{BF04C754-5BF4-4E83-9615-DB14FA25AF8A}" dt="2023-10-12T11:38:08.274" v="295"/>
          <ac:spMkLst>
            <pc:docMk/>
            <pc:sldMk cId="2376958513" sldId="260"/>
            <ac:spMk id="6787" creationId="{5B69E2D2-3950-93DB-2AB8-0122B166BAED}"/>
          </ac:spMkLst>
        </pc:spChg>
        <pc:spChg chg="mod">
          <ac:chgData name="White, Alex" userId="eff6cc8c-37d8-483b-9c6c-6b27e9afa9bc" providerId="ADAL" clId="{BF04C754-5BF4-4E83-9615-DB14FA25AF8A}" dt="2023-10-12T11:38:08.274" v="295"/>
          <ac:spMkLst>
            <pc:docMk/>
            <pc:sldMk cId="2376958513" sldId="260"/>
            <ac:spMk id="6788" creationId="{76030F52-36BF-2E09-CB6F-6403F3D8A87E}"/>
          </ac:spMkLst>
        </pc:spChg>
        <pc:spChg chg="mod">
          <ac:chgData name="White, Alex" userId="eff6cc8c-37d8-483b-9c6c-6b27e9afa9bc" providerId="ADAL" clId="{BF04C754-5BF4-4E83-9615-DB14FA25AF8A}" dt="2023-10-12T11:38:08.274" v="295"/>
          <ac:spMkLst>
            <pc:docMk/>
            <pc:sldMk cId="2376958513" sldId="260"/>
            <ac:spMk id="6789" creationId="{65F7D8AD-846C-6C8F-580A-4106F34A67A1}"/>
          </ac:spMkLst>
        </pc:spChg>
        <pc:spChg chg="mod">
          <ac:chgData name="White, Alex" userId="eff6cc8c-37d8-483b-9c6c-6b27e9afa9bc" providerId="ADAL" clId="{BF04C754-5BF4-4E83-9615-DB14FA25AF8A}" dt="2023-10-12T11:38:08.274" v="295"/>
          <ac:spMkLst>
            <pc:docMk/>
            <pc:sldMk cId="2376958513" sldId="260"/>
            <ac:spMk id="6790" creationId="{5571A763-2057-2D0D-664B-A02824CB3178}"/>
          </ac:spMkLst>
        </pc:spChg>
        <pc:spChg chg="mod">
          <ac:chgData name="White, Alex" userId="eff6cc8c-37d8-483b-9c6c-6b27e9afa9bc" providerId="ADAL" clId="{BF04C754-5BF4-4E83-9615-DB14FA25AF8A}" dt="2023-10-12T11:38:08.274" v="295"/>
          <ac:spMkLst>
            <pc:docMk/>
            <pc:sldMk cId="2376958513" sldId="260"/>
            <ac:spMk id="6791" creationId="{0356465D-7420-F9EA-45C5-D43DA8CB9472}"/>
          </ac:spMkLst>
        </pc:spChg>
        <pc:spChg chg="mod">
          <ac:chgData name="White, Alex" userId="eff6cc8c-37d8-483b-9c6c-6b27e9afa9bc" providerId="ADAL" clId="{BF04C754-5BF4-4E83-9615-DB14FA25AF8A}" dt="2023-10-12T11:38:08.274" v="295"/>
          <ac:spMkLst>
            <pc:docMk/>
            <pc:sldMk cId="2376958513" sldId="260"/>
            <ac:spMk id="6792" creationId="{C747CE3C-746D-FF60-D750-A2517E70B3AD}"/>
          </ac:spMkLst>
        </pc:spChg>
        <pc:spChg chg="mod">
          <ac:chgData name="White, Alex" userId="eff6cc8c-37d8-483b-9c6c-6b27e9afa9bc" providerId="ADAL" clId="{BF04C754-5BF4-4E83-9615-DB14FA25AF8A}" dt="2023-10-12T11:38:08.274" v="295"/>
          <ac:spMkLst>
            <pc:docMk/>
            <pc:sldMk cId="2376958513" sldId="260"/>
            <ac:spMk id="6793" creationId="{8EC77A5D-B8A5-4B3A-857A-240987923373}"/>
          </ac:spMkLst>
        </pc:spChg>
        <pc:spChg chg="mod">
          <ac:chgData name="White, Alex" userId="eff6cc8c-37d8-483b-9c6c-6b27e9afa9bc" providerId="ADAL" clId="{BF04C754-5BF4-4E83-9615-DB14FA25AF8A}" dt="2023-10-12T11:38:08.274" v="295"/>
          <ac:spMkLst>
            <pc:docMk/>
            <pc:sldMk cId="2376958513" sldId="260"/>
            <ac:spMk id="6794" creationId="{7BD9599E-A6C6-7C2B-3ECD-053D81218519}"/>
          </ac:spMkLst>
        </pc:spChg>
        <pc:spChg chg="mod">
          <ac:chgData name="White, Alex" userId="eff6cc8c-37d8-483b-9c6c-6b27e9afa9bc" providerId="ADAL" clId="{BF04C754-5BF4-4E83-9615-DB14FA25AF8A}" dt="2023-10-12T11:38:08.274" v="295"/>
          <ac:spMkLst>
            <pc:docMk/>
            <pc:sldMk cId="2376958513" sldId="260"/>
            <ac:spMk id="6795" creationId="{A4CB7D7F-00B3-17FB-61EC-2684B8DDF1F7}"/>
          </ac:spMkLst>
        </pc:spChg>
        <pc:spChg chg="mod">
          <ac:chgData name="White, Alex" userId="eff6cc8c-37d8-483b-9c6c-6b27e9afa9bc" providerId="ADAL" clId="{BF04C754-5BF4-4E83-9615-DB14FA25AF8A}" dt="2023-10-12T11:38:08.274" v="295"/>
          <ac:spMkLst>
            <pc:docMk/>
            <pc:sldMk cId="2376958513" sldId="260"/>
            <ac:spMk id="6796" creationId="{E8D254D1-BF74-29CE-A6DE-750256E0AA12}"/>
          </ac:spMkLst>
        </pc:spChg>
        <pc:spChg chg="mod">
          <ac:chgData name="White, Alex" userId="eff6cc8c-37d8-483b-9c6c-6b27e9afa9bc" providerId="ADAL" clId="{BF04C754-5BF4-4E83-9615-DB14FA25AF8A}" dt="2023-10-12T11:38:08.274" v="295"/>
          <ac:spMkLst>
            <pc:docMk/>
            <pc:sldMk cId="2376958513" sldId="260"/>
            <ac:spMk id="6797" creationId="{B3138A7F-499D-97E0-ABDA-EA89386CAF34}"/>
          </ac:spMkLst>
        </pc:spChg>
        <pc:spChg chg="mod">
          <ac:chgData name="White, Alex" userId="eff6cc8c-37d8-483b-9c6c-6b27e9afa9bc" providerId="ADAL" clId="{BF04C754-5BF4-4E83-9615-DB14FA25AF8A}" dt="2023-10-12T11:38:08.274" v="295"/>
          <ac:spMkLst>
            <pc:docMk/>
            <pc:sldMk cId="2376958513" sldId="260"/>
            <ac:spMk id="6798" creationId="{C47B03E7-8624-0F1D-2039-76B9EDAFEBAC}"/>
          </ac:spMkLst>
        </pc:spChg>
        <pc:spChg chg="mod">
          <ac:chgData name="White, Alex" userId="eff6cc8c-37d8-483b-9c6c-6b27e9afa9bc" providerId="ADAL" clId="{BF04C754-5BF4-4E83-9615-DB14FA25AF8A}" dt="2023-10-12T11:38:08.274" v="295"/>
          <ac:spMkLst>
            <pc:docMk/>
            <pc:sldMk cId="2376958513" sldId="260"/>
            <ac:spMk id="6799" creationId="{29B47954-C40F-909F-F6EB-D509D427D8C9}"/>
          </ac:spMkLst>
        </pc:spChg>
        <pc:spChg chg="mod">
          <ac:chgData name="White, Alex" userId="eff6cc8c-37d8-483b-9c6c-6b27e9afa9bc" providerId="ADAL" clId="{BF04C754-5BF4-4E83-9615-DB14FA25AF8A}" dt="2023-10-12T11:38:08.274" v="295"/>
          <ac:spMkLst>
            <pc:docMk/>
            <pc:sldMk cId="2376958513" sldId="260"/>
            <ac:spMk id="6800" creationId="{AFD1963D-3A3D-3FE4-2590-9760796B435B}"/>
          </ac:spMkLst>
        </pc:spChg>
        <pc:spChg chg="mod">
          <ac:chgData name="White, Alex" userId="eff6cc8c-37d8-483b-9c6c-6b27e9afa9bc" providerId="ADAL" clId="{BF04C754-5BF4-4E83-9615-DB14FA25AF8A}" dt="2023-10-12T11:38:08.274" v="295"/>
          <ac:spMkLst>
            <pc:docMk/>
            <pc:sldMk cId="2376958513" sldId="260"/>
            <ac:spMk id="6801" creationId="{F3C968F7-B8DA-82C1-EBDE-FC59EADBF0E1}"/>
          </ac:spMkLst>
        </pc:spChg>
        <pc:spChg chg="mod">
          <ac:chgData name="White, Alex" userId="eff6cc8c-37d8-483b-9c6c-6b27e9afa9bc" providerId="ADAL" clId="{BF04C754-5BF4-4E83-9615-DB14FA25AF8A}" dt="2023-10-12T11:38:08.274" v="295"/>
          <ac:spMkLst>
            <pc:docMk/>
            <pc:sldMk cId="2376958513" sldId="260"/>
            <ac:spMk id="6802" creationId="{B1813098-F37B-4B98-9686-2A10C6998612}"/>
          </ac:spMkLst>
        </pc:spChg>
        <pc:spChg chg="mod">
          <ac:chgData name="White, Alex" userId="eff6cc8c-37d8-483b-9c6c-6b27e9afa9bc" providerId="ADAL" clId="{BF04C754-5BF4-4E83-9615-DB14FA25AF8A}" dt="2023-10-12T11:38:08.274" v="295"/>
          <ac:spMkLst>
            <pc:docMk/>
            <pc:sldMk cId="2376958513" sldId="260"/>
            <ac:spMk id="6803" creationId="{DDE77BC9-C2AE-989E-8672-FC0E6CD243FD}"/>
          </ac:spMkLst>
        </pc:spChg>
        <pc:spChg chg="mod">
          <ac:chgData name="White, Alex" userId="eff6cc8c-37d8-483b-9c6c-6b27e9afa9bc" providerId="ADAL" clId="{BF04C754-5BF4-4E83-9615-DB14FA25AF8A}" dt="2023-10-12T11:38:08.274" v="295"/>
          <ac:spMkLst>
            <pc:docMk/>
            <pc:sldMk cId="2376958513" sldId="260"/>
            <ac:spMk id="6804" creationId="{B7982CB4-599F-2EB0-6F6F-2C034BD9B528}"/>
          </ac:spMkLst>
        </pc:spChg>
        <pc:spChg chg="mod">
          <ac:chgData name="White, Alex" userId="eff6cc8c-37d8-483b-9c6c-6b27e9afa9bc" providerId="ADAL" clId="{BF04C754-5BF4-4E83-9615-DB14FA25AF8A}" dt="2023-10-12T11:38:08.274" v="295"/>
          <ac:spMkLst>
            <pc:docMk/>
            <pc:sldMk cId="2376958513" sldId="260"/>
            <ac:spMk id="6805" creationId="{EA2EDC30-9F71-F9DE-4899-E0447EAB23CA}"/>
          </ac:spMkLst>
        </pc:spChg>
        <pc:spChg chg="mod">
          <ac:chgData name="White, Alex" userId="eff6cc8c-37d8-483b-9c6c-6b27e9afa9bc" providerId="ADAL" clId="{BF04C754-5BF4-4E83-9615-DB14FA25AF8A}" dt="2023-10-12T11:38:08.274" v="295"/>
          <ac:spMkLst>
            <pc:docMk/>
            <pc:sldMk cId="2376958513" sldId="260"/>
            <ac:spMk id="6806" creationId="{41DCCCD3-A518-F30C-26C4-10C4C10435B0}"/>
          </ac:spMkLst>
        </pc:spChg>
        <pc:spChg chg="mod">
          <ac:chgData name="White, Alex" userId="eff6cc8c-37d8-483b-9c6c-6b27e9afa9bc" providerId="ADAL" clId="{BF04C754-5BF4-4E83-9615-DB14FA25AF8A}" dt="2023-10-12T11:38:08.274" v="295"/>
          <ac:spMkLst>
            <pc:docMk/>
            <pc:sldMk cId="2376958513" sldId="260"/>
            <ac:spMk id="6807" creationId="{4D1815D7-52BF-4063-854D-62C781050365}"/>
          </ac:spMkLst>
        </pc:spChg>
        <pc:spChg chg="mod">
          <ac:chgData name="White, Alex" userId="eff6cc8c-37d8-483b-9c6c-6b27e9afa9bc" providerId="ADAL" clId="{BF04C754-5BF4-4E83-9615-DB14FA25AF8A}" dt="2023-10-12T11:38:08.274" v="295"/>
          <ac:spMkLst>
            <pc:docMk/>
            <pc:sldMk cId="2376958513" sldId="260"/>
            <ac:spMk id="6808" creationId="{3F7FB754-BAE5-B176-9B22-67BB47A2B205}"/>
          </ac:spMkLst>
        </pc:spChg>
        <pc:spChg chg="mod">
          <ac:chgData name="White, Alex" userId="eff6cc8c-37d8-483b-9c6c-6b27e9afa9bc" providerId="ADAL" clId="{BF04C754-5BF4-4E83-9615-DB14FA25AF8A}" dt="2023-10-12T11:38:08.274" v="295"/>
          <ac:spMkLst>
            <pc:docMk/>
            <pc:sldMk cId="2376958513" sldId="260"/>
            <ac:spMk id="6809" creationId="{B3C972A7-6C53-CE76-F4F7-C1A89537C4C2}"/>
          </ac:spMkLst>
        </pc:spChg>
        <pc:spChg chg="mod">
          <ac:chgData name="White, Alex" userId="eff6cc8c-37d8-483b-9c6c-6b27e9afa9bc" providerId="ADAL" clId="{BF04C754-5BF4-4E83-9615-DB14FA25AF8A}" dt="2023-10-12T11:38:08.274" v="295"/>
          <ac:spMkLst>
            <pc:docMk/>
            <pc:sldMk cId="2376958513" sldId="260"/>
            <ac:spMk id="6810" creationId="{09C14B7B-03FC-706A-0F91-267A6C5C8A66}"/>
          </ac:spMkLst>
        </pc:spChg>
        <pc:spChg chg="mod">
          <ac:chgData name="White, Alex" userId="eff6cc8c-37d8-483b-9c6c-6b27e9afa9bc" providerId="ADAL" clId="{BF04C754-5BF4-4E83-9615-DB14FA25AF8A}" dt="2023-10-12T11:38:08.274" v="295"/>
          <ac:spMkLst>
            <pc:docMk/>
            <pc:sldMk cId="2376958513" sldId="260"/>
            <ac:spMk id="6811" creationId="{B8522A96-4FAD-AEFC-CE2E-BC381EBBD0C8}"/>
          </ac:spMkLst>
        </pc:spChg>
        <pc:spChg chg="mod">
          <ac:chgData name="White, Alex" userId="eff6cc8c-37d8-483b-9c6c-6b27e9afa9bc" providerId="ADAL" clId="{BF04C754-5BF4-4E83-9615-DB14FA25AF8A}" dt="2023-10-12T11:38:08.274" v="295"/>
          <ac:spMkLst>
            <pc:docMk/>
            <pc:sldMk cId="2376958513" sldId="260"/>
            <ac:spMk id="6812" creationId="{2136577F-8AC5-7AFF-0EE5-56613F6243FA}"/>
          </ac:spMkLst>
        </pc:spChg>
        <pc:spChg chg="mod">
          <ac:chgData name="White, Alex" userId="eff6cc8c-37d8-483b-9c6c-6b27e9afa9bc" providerId="ADAL" clId="{BF04C754-5BF4-4E83-9615-DB14FA25AF8A}" dt="2023-10-12T11:38:08.274" v="295"/>
          <ac:spMkLst>
            <pc:docMk/>
            <pc:sldMk cId="2376958513" sldId="260"/>
            <ac:spMk id="6813" creationId="{E6A2CE80-B9CE-5143-C86E-FA03136BF7AC}"/>
          </ac:spMkLst>
        </pc:spChg>
        <pc:spChg chg="mod">
          <ac:chgData name="White, Alex" userId="eff6cc8c-37d8-483b-9c6c-6b27e9afa9bc" providerId="ADAL" clId="{BF04C754-5BF4-4E83-9615-DB14FA25AF8A}" dt="2023-10-12T11:38:08.274" v="295"/>
          <ac:spMkLst>
            <pc:docMk/>
            <pc:sldMk cId="2376958513" sldId="260"/>
            <ac:spMk id="6814" creationId="{6F2E8E1F-845C-8D66-2F09-2896DD327546}"/>
          </ac:spMkLst>
        </pc:spChg>
        <pc:spChg chg="mod">
          <ac:chgData name="White, Alex" userId="eff6cc8c-37d8-483b-9c6c-6b27e9afa9bc" providerId="ADAL" clId="{BF04C754-5BF4-4E83-9615-DB14FA25AF8A}" dt="2023-10-12T11:38:08.274" v="295"/>
          <ac:spMkLst>
            <pc:docMk/>
            <pc:sldMk cId="2376958513" sldId="260"/>
            <ac:spMk id="6815" creationId="{F2DBC37C-094F-B3F2-F847-F28004EA48BD}"/>
          </ac:spMkLst>
        </pc:spChg>
        <pc:spChg chg="mod">
          <ac:chgData name="White, Alex" userId="eff6cc8c-37d8-483b-9c6c-6b27e9afa9bc" providerId="ADAL" clId="{BF04C754-5BF4-4E83-9615-DB14FA25AF8A}" dt="2023-10-12T11:38:08.274" v="295"/>
          <ac:spMkLst>
            <pc:docMk/>
            <pc:sldMk cId="2376958513" sldId="260"/>
            <ac:spMk id="6816" creationId="{2910356A-87E7-623F-1BE7-CFB10AD74BD7}"/>
          </ac:spMkLst>
        </pc:spChg>
        <pc:spChg chg="mod">
          <ac:chgData name="White, Alex" userId="eff6cc8c-37d8-483b-9c6c-6b27e9afa9bc" providerId="ADAL" clId="{BF04C754-5BF4-4E83-9615-DB14FA25AF8A}" dt="2023-10-12T11:38:08.274" v="295"/>
          <ac:spMkLst>
            <pc:docMk/>
            <pc:sldMk cId="2376958513" sldId="260"/>
            <ac:spMk id="6817" creationId="{0C6A24CF-8F57-CD27-FBD2-904699446ED3}"/>
          </ac:spMkLst>
        </pc:spChg>
        <pc:spChg chg="mod">
          <ac:chgData name="White, Alex" userId="eff6cc8c-37d8-483b-9c6c-6b27e9afa9bc" providerId="ADAL" clId="{BF04C754-5BF4-4E83-9615-DB14FA25AF8A}" dt="2023-10-12T11:38:08.274" v="295"/>
          <ac:spMkLst>
            <pc:docMk/>
            <pc:sldMk cId="2376958513" sldId="260"/>
            <ac:spMk id="6818" creationId="{F7D4E856-8283-82D9-4DA5-A388C5E12445}"/>
          </ac:spMkLst>
        </pc:spChg>
        <pc:spChg chg="mod">
          <ac:chgData name="White, Alex" userId="eff6cc8c-37d8-483b-9c6c-6b27e9afa9bc" providerId="ADAL" clId="{BF04C754-5BF4-4E83-9615-DB14FA25AF8A}" dt="2023-10-12T11:38:08.274" v="295"/>
          <ac:spMkLst>
            <pc:docMk/>
            <pc:sldMk cId="2376958513" sldId="260"/>
            <ac:spMk id="6819" creationId="{3428B18E-B77E-F1B4-A1FA-472045599991}"/>
          </ac:spMkLst>
        </pc:spChg>
        <pc:spChg chg="mod">
          <ac:chgData name="White, Alex" userId="eff6cc8c-37d8-483b-9c6c-6b27e9afa9bc" providerId="ADAL" clId="{BF04C754-5BF4-4E83-9615-DB14FA25AF8A}" dt="2023-10-12T11:38:08.274" v="295"/>
          <ac:spMkLst>
            <pc:docMk/>
            <pc:sldMk cId="2376958513" sldId="260"/>
            <ac:spMk id="6820" creationId="{3CCFE25B-2842-02C3-B1B6-2DB2B148EC8F}"/>
          </ac:spMkLst>
        </pc:spChg>
        <pc:spChg chg="mod">
          <ac:chgData name="White, Alex" userId="eff6cc8c-37d8-483b-9c6c-6b27e9afa9bc" providerId="ADAL" clId="{BF04C754-5BF4-4E83-9615-DB14FA25AF8A}" dt="2023-10-12T11:38:08.274" v="295"/>
          <ac:spMkLst>
            <pc:docMk/>
            <pc:sldMk cId="2376958513" sldId="260"/>
            <ac:spMk id="6821" creationId="{0C1DC805-40FA-2EFB-8293-ABAB26C393B7}"/>
          </ac:spMkLst>
        </pc:spChg>
        <pc:spChg chg="mod">
          <ac:chgData name="White, Alex" userId="eff6cc8c-37d8-483b-9c6c-6b27e9afa9bc" providerId="ADAL" clId="{BF04C754-5BF4-4E83-9615-DB14FA25AF8A}" dt="2023-10-12T11:38:08.274" v="295"/>
          <ac:spMkLst>
            <pc:docMk/>
            <pc:sldMk cId="2376958513" sldId="260"/>
            <ac:spMk id="6822" creationId="{8BD7FACA-35C9-BF7B-6C96-66AE27A4EC40}"/>
          </ac:spMkLst>
        </pc:spChg>
        <pc:spChg chg="mod">
          <ac:chgData name="White, Alex" userId="eff6cc8c-37d8-483b-9c6c-6b27e9afa9bc" providerId="ADAL" clId="{BF04C754-5BF4-4E83-9615-DB14FA25AF8A}" dt="2023-10-12T11:38:08.274" v="295"/>
          <ac:spMkLst>
            <pc:docMk/>
            <pc:sldMk cId="2376958513" sldId="260"/>
            <ac:spMk id="6823" creationId="{4CA981CB-3041-4315-0F02-2D20275E996A}"/>
          </ac:spMkLst>
        </pc:spChg>
        <pc:spChg chg="mod">
          <ac:chgData name="White, Alex" userId="eff6cc8c-37d8-483b-9c6c-6b27e9afa9bc" providerId="ADAL" clId="{BF04C754-5BF4-4E83-9615-DB14FA25AF8A}" dt="2023-10-12T11:38:08.274" v="295"/>
          <ac:spMkLst>
            <pc:docMk/>
            <pc:sldMk cId="2376958513" sldId="260"/>
            <ac:spMk id="6824" creationId="{7DFE805A-D0A2-068F-0E71-E92FB5CE7588}"/>
          </ac:spMkLst>
        </pc:spChg>
        <pc:spChg chg="mod">
          <ac:chgData name="White, Alex" userId="eff6cc8c-37d8-483b-9c6c-6b27e9afa9bc" providerId="ADAL" clId="{BF04C754-5BF4-4E83-9615-DB14FA25AF8A}" dt="2023-10-12T11:38:08.274" v="295"/>
          <ac:spMkLst>
            <pc:docMk/>
            <pc:sldMk cId="2376958513" sldId="260"/>
            <ac:spMk id="6825" creationId="{F000B2F0-243C-9D74-49B7-FF915810F0B8}"/>
          </ac:spMkLst>
        </pc:spChg>
        <pc:spChg chg="mod">
          <ac:chgData name="White, Alex" userId="eff6cc8c-37d8-483b-9c6c-6b27e9afa9bc" providerId="ADAL" clId="{BF04C754-5BF4-4E83-9615-DB14FA25AF8A}" dt="2023-10-12T11:38:08.274" v="295"/>
          <ac:spMkLst>
            <pc:docMk/>
            <pc:sldMk cId="2376958513" sldId="260"/>
            <ac:spMk id="6826" creationId="{EEF7F82A-EE4B-A037-0709-392D7832668B}"/>
          </ac:spMkLst>
        </pc:spChg>
        <pc:spChg chg="mod">
          <ac:chgData name="White, Alex" userId="eff6cc8c-37d8-483b-9c6c-6b27e9afa9bc" providerId="ADAL" clId="{BF04C754-5BF4-4E83-9615-DB14FA25AF8A}" dt="2023-10-12T11:38:08.274" v="295"/>
          <ac:spMkLst>
            <pc:docMk/>
            <pc:sldMk cId="2376958513" sldId="260"/>
            <ac:spMk id="6827" creationId="{FDAEFCA5-99CC-AEEC-43B8-FEB99E0789DB}"/>
          </ac:spMkLst>
        </pc:spChg>
        <pc:spChg chg="mod">
          <ac:chgData name="White, Alex" userId="eff6cc8c-37d8-483b-9c6c-6b27e9afa9bc" providerId="ADAL" clId="{BF04C754-5BF4-4E83-9615-DB14FA25AF8A}" dt="2023-10-12T11:38:08.274" v="295"/>
          <ac:spMkLst>
            <pc:docMk/>
            <pc:sldMk cId="2376958513" sldId="260"/>
            <ac:spMk id="6828" creationId="{6774747A-FB5F-1FB8-0DAB-F281DA8CC45B}"/>
          </ac:spMkLst>
        </pc:spChg>
        <pc:spChg chg="mod">
          <ac:chgData name="White, Alex" userId="eff6cc8c-37d8-483b-9c6c-6b27e9afa9bc" providerId="ADAL" clId="{BF04C754-5BF4-4E83-9615-DB14FA25AF8A}" dt="2023-10-12T11:38:08.274" v="295"/>
          <ac:spMkLst>
            <pc:docMk/>
            <pc:sldMk cId="2376958513" sldId="260"/>
            <ac:spMk id="6829" creationId="{FD3C270C-EE1D-5E68-4A1D-F212C1A2CCF4}"/>
          </ac:spMkLst>
        </pc:spChg>
        <pc:spChg chg="mod">
          <ac:chgData name="White, Alex" userId="eff6cc8c-37d8-483b-9c6c-6b27e9afa9bc" providerId="ADAL" clId="{BF04C754-5BF4-4E83-9615-DB14FA25AF8A}" dt="2023-10-12T11:38:08.274" v="295"/>
          <ac:spMkLst>
            <pc:docMk/>
            <pc:sldMk cId="2376958513" sldId="260"/>
            <ac:spMk id="6830" creationId="{3D9AD0D1-5525-3549-41ED-EBE088B8315A}"/>
          </ac:spMkLst>
        </pc:spChg>
        <pc:spChg chg="mod">
          <ac:chgData name="White, Alex" userId="eff6cc8c-37d8-483b-9c6c-6b27e9afa9bc" providerId="ADAL" clId="{BF04C754-5BF4-4E83-9615-DB14FA25AF8A}" dt="2023-10-12T11:38:08.274" v="295"/>
          <ac:spMkLst>
            <pc:docMk/>
            <pc:sldMk cId="2376958513" sldId="260"/>
            <ac:spMk id="6831" creationId="{352BD200-4D7E-C935-D613-F2A3F1873893}"/>
          </ac:spMkLst>
        </pc:spChg>
        <pc:spChg chg="mod">
          <ac:chgData name="White, Alex" userId="eff6cc8c-37d8-483b-9c6c-6b27e9afa9bc" providerId="ADAL" clId="{BF04C754-5BF4-4E83-9615-DB14FA25AF8A}" dt="2023-10-12T11:38:08.274" v="295"/>
          <ac:spMkLst>
            <pc:docMk/>
            <pc:sldMk cId="2376958513" sldId="260"/>
            <ac:spMk id="6832" creationId="{2706DA68-2E50-FC06-CE53-99BF7E3DEF63}"/>
          </ac:spMkLst>
        </pc:spChg>
        <pc:spChg chg="mod">
          <ac:chgData name="White, Alex" userId="eff6cc8c-37d8-483b-9c6c-6b27e9afa9bc" providerId="ADAL" clId="{BF04C754-5BF4-4E83-9615-DB14FA25AF8A}" dt="2023-10-12T11:38:08.274" v="295"/>
          <ac:spMkLst>
            <pc:docMk/>
            <pc:sldMk cId="2376958513" sldId="260"/>
            <ac:spMk id="6833" creationId="{786F9ED2-022F-2A71-DA6E-64EF1B2F370F}"/>
          </ac:spMkLst>
        </pc:spChg>
        <pc:spChg chg="mod">
          <ac:chgData name="White, Alex" userId="eff6cc8c-37d8-483b-9c6c-6b27e9afa9bc" providerId="ADAL" clId="{BF04C754-5BF4-4E83-9615-DB14FA25AF8A}" dt="2023-10-12T11:38:08.274" v="295"/>
          <ac:spMkLst>
            <pc:docMk/>
            <pc:sldMk cId="2376958513" sldId="260"/>
            <ac:spMk id="6834" creationId="{ADEF8F84-CEA0-A951-4BF9-1A383CCE0D35}"/>
          </ac:spMkLst>
        </pc:spChg>
        <pc:spChg chg="mod">
          <ac:chgData name="White, Alex" userId="eff6cc8c-37d8-483b-9c6c-6b27e9afa9bc" providerId="ADAL" clId="{BF04C754-5BF4-4E83-9615-DB14FA25AF8A}" dt="2023-10-12T11:38:08.274" v="295"/>
          <ac:spMkLst>
            <pc:docMk/>
            <pc:sldMk cId="2376958513" sldId="260"/>
            <ac:spMk id="6835" creationId="{FB292724-9C18-093A-CC14-1D47C21F193D}"/>
          </ac:spMkLst>
        </pc:spChg>
        <pc:spChg chg="mod">
          <ac:chgData name="White, Alex" userId="eff6cc8c-37d8-483b-9c6c-6b27e9afa9bc" providerId="ADAL" clId="{BF04C754-5BF4-4E83-9615-DB14FA25AF8A}" dt="2023-10-12T11:38:08.274" v="295"/>
          <ac:spMkLst>
            <pc:docMk/>
            <pc:sldMk cId="2376958513" sldId="260"/>
            <ac:spMk id="6836" creationId="{70F28FF1-6368-C5E2-D0CF-85A365832365}"/>
          </ac:spMkLst>
        </pc:spChg>
        <pc:spChg chg="mod">
          <ac:chgData name="White, Alex" userId="eff6cc8c-37d8-483b-9c6c-6b27e9afa9bc" providerId="ADAL" clId="{BF04C754-5BF4-4E83-9615-DB14FA25AF8A}" dt="2023-10-12T11:38:08.274" v="295"/>
          <ac:spMkLst>
            <pc:docMk/>
            <pc:sldMk cId="2376958513" sldId="260"/>
            <ac:spMk id="6837" creationId="{25DD8994-C744-485C-E141-9137283C4D9D}"/>
          </ac:spMkLst>
        </pc:spChg>
        <pc:spChg chg="mod">
          <ac:chgData name="White, Alex" userId="eff6cc8c-37d8-483b-9c6c-6b27e9afa9bc" providerId="ADAL" clId="{BF04C754-5BF4-4E83-9615-DB14FA25AF8A}" dt="2023-10-12T11:38:08.274" v="295"/>
          <ac:spMkLst>
            <pc:docMk/>
            <pc:sldMk cId="2376958513" sldId="260"/>
            <ac:spMk id="6838" creationId="{5EB87F1B-831D-4BCE-7C25-297D598A5C35}"/>
          </ac:spMkLst>
        </pc:spChg>
        <pc:spChg chg="mod">
          <ac:chgData name="White, Alex" userId="eff6cc8c-37d8-483b-9c6c-6b27e9afa9bc" providerId="ADAL" clId="{BF04C754-5BF4-4E83-9615-DB14FA25AF8A}" dt="2023-10-12T11:38:08.274" v="295"/>
          <ac:spMkLst>
            <pc:docMk/>
            <pc:sldMk cId="2376958513" sldId="260"/>
            <ac:spMk id="6839" creationId="{617DC9EB-8214-BDD1-6BBE-B56AF828CF55}"/>
          </ac:spMkLst>
        </pc:spChg>
        <pc:spChg chg="mod">
          <ac:chgData name="White, Alex" userId="eff6cc8c-37d8-483b-9c6c-6b27e9afa9bc" providerId="ADAL" clId="{BF04C754-5BF4-4E83-9615-DB14FA25AF8A}" dt="2023-10-12T11:38:08.274" v="295"/>
          <ac:spMkLst>
            <pc:docMk/>
            <pc:sldMk cId="2376958513" sldId="260"/>
            <ac:spMk id="6840" creationId="{7BF1A315-840D-14BE-ADAA-E0DEB3D84A22}"/>
          </ac:spMkLst>
        </pc:spChg>
        <pc:spChg chg="mod">
          <ac:chgData name="White, Alex" userId="eff6cc8c-37d8-483b-9c6c-6b27e9afa9bc" providerId="ADAL" clId="{BF04C754-5BF4-4E83-9615-DB14FA25AF8A}" dt="2023-10-12T11:38:08.274" v="295"/>
          <ac:spMkLst>
            <pc:docMk/>
            <pc:sldMk cId="2376958513" sldId="260"/>
            <ac:spMk id="6841" creationId="{8BE07CA4-4072-4F5B-E5DE-69733422A084}"/>
          </ac:spMkLst>
        </pc:spChg>
        <pc:spChg chg="mod">
          <ac:chgData name="White, Alex" userId="eff6cc8c-37d8-483b-9c6c-6b27e9afa9bc" providerId="ADAL" clId="{BF04C754-5BF4-4E83-9615-DB14FA25AF8A}" dt="2023-10-12T11:38:08.274" v="295"/>
          <ac:spMkLst>
            <pc:docMk/>
            <pc:sldMk cId="2376958513" sldId="260"/>
            <ac:spMk id="6842" creationId="{9FD7B327-9472-5B2F-4255-4706B8ACA51F}"/>
          </ac:spMkLst>
        </pc:spChg>
        <pc:spChg chg="mod">
          <ac:chgData name="White, Alex" userId="eff6cc8c-37d8-483b-9c6c-6b27e9afa9bc" providerId="ADAL" clId="{BF04C754-5BF4-4E83-9615-DB14FA25AF8A}" dt="2023-10-12T11:38:08.274" v="295"/>
          <ac:spMkLst>
            <pc:docMk/>
            <pc:sldMk cId="2376958513" sldId="260"/>
            <ac:spMk id="6843" creationId="{51A9ACAD-3D82-58ED-690D-19ED38BB4436}"/>
          </ac:spMkLst>
        </pc:spChg>
        <pc:spChg chg="mod">
          <ac:chgData name="White, Alex" userId="eff6cc8c-37d8-483b-9c6c-6b27e9afa9bc" providerId="ADAL" clId="{BF04C754-5BF4-4E83-9615-DB14FA25AF8A}" dt="2023-10-12T11:38:08.274" v="295"/>
          <ac:spMkLst>
            <pc:docMk/>
            <pc:sldMk cId="2376958513" sldId="260"/>
            <ac:spMk id="6844" creationId="{6AB746FA-56A2-D7DB-665B-C742557F5424}"/>
          </ac:spMkLst>
        </pc:spChg>
        <pc:spChg chg="mod">
          <ac:chgData name="White, Alex" userId="eff6cc8c-37d8-483b-9c6c-6b27e9afa9bc" providerId="ADAL" clId="{BF04C754-5BF4-4E83-9615-DB14FA25AF8A}" dt="2023-10-12T11:38:08.274" v="295"/>
          <ac:spMkLst>
            <pc:docMk/>
            <pc:sldMk cId="2376958513" sldId="260"/>
            <ac:spMk id="6845" creationId="{8C1F4E71-0F1D-F011-DC53-03DC08BE168D}"/>
          </ac:spMkLst>
        </pc:spChg>
        <pc:spChg chg="mod">
          <ac:chgData name="White, Alex" userId="eff6cc8c-37d8-483b-9c6c-6b27e9afa9bc" providerId="ADAL" clId="{BF04C754-5BF4-4E83-9615-DB14FA25AF8A}" dt="2023-10-12T11:38:08.274" v="295"/>
          <ac:spMkLst>
            <pc:docMk/>
            <pc:sldMk cId="2376958513" sldId="260"/>
            <ac:spMk id="6846" creationId="{1933F428-51B4-82F4-A26A-C3EEB5BFA818}"/>
          </ac:spMkLst>
        </pc:spChg>
        <pc:spChg chg="mod">
          <ac:chgData name="White, Alex" userId="eff6cc8c-37d8-483b-9c6c-6b27e9afa9bc" providerId="ADAL" clId="{BF04C754-5BF4-4E83-9615-DB14FA25AF8A}" dt="2023-10-12T11:38:08.274" v="295"/>
          <ac:spMkLst>
            <pc:docMk/>
            <pc:sldMk cId="2376958513" sldId="260"/>
            <ac:spMk id="6847" creationId="{59F1E9EB-08A2-A1F6-28AF-F2DD658E1DBE}"/>
          </ac:spMkLst>
        </pc:spChg>
        <pc:spChg chg="mod">
          <ac:chgData name="White, Alex" userId="eff6cc8c-37d8-483b-9c6c-6b27e9afa9bc" providerId="ADAL" clId="{BF04C754-5BF4-4E83-9615-DB14FA25AF8A}" dt="2023-10-12T11:38:08.274" v="295"/>
          <ac:spMkLst>
            <pc:docMk/>
            <pc:sldMk cId="2376958513" sldId="260"/>
            <ac:spMk id="6848" creationId="{7400E9B9-045F-0411-0F14-71DB0A93996B}"/>
          </ac:spMkLst>
        </pc:spChg>
        <pc:spChg chg="mod">
          <ac:chgData name="White, Alex" userId="eff6cc8c-37d8-483b-9c6c-6b27e9afa9bc" providerId="ADAL" clId="{BF04C754-5BF4-4E83-9615-DB14FA25AF8A}" dt="2023-10-12T11:38:08.274" v="295"/>
          <ac:spMkLst>
            <pc:docMk/>
            <pc:sldMk cId="2376958513" sldId="260"/>
            <ac:spMk id="6849" creationId="{731D7493-BAD6-190A-BA51-383A2A6A872F}"/>
          </ac:spMkLst>
        </pc:spChg>
        <pc:spChg chg="mod">
          <ac:chgData name="White, Alex" userId="eff6cc8c-37d8-483b-9c6c-6b27e9afa9bc" providerId="ADAL" clId="{BF04C754-5BF4-4E83-9615-DB14FA25AF8A}" dt="2023-10-12T11:38:08.274" v="295"/>
          <ac:spMkLst>
            <pc:docMk/>
            <pc:sldMk cId="2376958513" sldId="260"/>
            <ac:spMk id="6850" creationId="{A58FFE94-10A2-8000-F24B-1348CE009E69}"/>
          </ac:spMkLst>
        </pc:spChg>
        <pc:spChg chg="mod">
          <ac:chgData name="White, Alex" userId="eff6cc8c-37d8-483b-9c6c-6b27e9afa9bc" providerId="ADAL" clId="{BF04C754-5BF4-4E83-9615-DB14FA25AF8A}" dt="2023-10-12T11:38:08.274" v="295"/>
          <ac:spMkLst>
            <pc:docMk/>
            <pc:sldMk cId="2376958513" sldId="260"/>
            <ac:spMk id="6851" creationId="{E9CF4C0E-DB19-D58E-0228-E983131187EA}"/>
          </ac:spMkLst>
        </pc:spChg>
        <pc:spChg chg="mod">
          <ac:chgData name="White, Alex" userId="eff6cc8c-37d8-483b-9c6c-6b27e9afa9bc" providerId="ADAL" clId="{BF04C754-5BF4-4E83-9615-DB14FA25AF8A}" dt="2023-10-12T11:38:08.274" v="295"/>
          <ac:spMkLst>
            <pc:docMk/>
            <pc:sldMk cId="2376958513" sldId="260"/>
            <ac:spMk id="6852" creationId="{3C4FF48F-7846-8255-9079-32038ED20C4B}"/>
          </ac:spMkLst>
        </pc:spChg>
        <pc:spChg chg="mod">
          <ac:chgData name="White, Alex" userId="eff6cc8c-37d8-483b-9c6c-6b27e9afa9bc" providerId="ADAL" clId="{BF04C754-5BF4-4E83-9615-DB14FA25AF8A}" dt="2023-10-12T11:38:08.274" v="295"/>
          <ac:spMkLst>
            <pc:docMk/>
            <pc:sldMk cId="2376958513" sldId="260"/>
            <ac:spMk id="6853" creationId="{9DE7C5A7-F9C0-0A8E-5AA9-BB8847973543}"/>
          </ac:spMkLst>
        </pc:spChg>
        <pc:spChg chg="mod">
          <ac:chgData name="White, Alex" userId="eff6cc8c-37d8-483b-9c6c-6b27e9afa9bc" providerId="ADAL" clId="{BF04C754-5BF4-4E83-9615-DB14FA25AF8A}" dt="2023-10-12T11:38:08.274" v="295"/>
          <ac:spMkLst>
            <pc:docMk/>
            <pc:sldMk cId="2376958513" sldId="260"/>
            <ac:spMk id="6854" creationId="{18F33473-61BD-8FE0-4F32-008670556AB7}"/>
          </ac:spMkLst>
        </pc:spChg>
        <pc:spChg chg="mod">
          <ac:chgData name="White, Alex" userId="eff6cc8c-37d8-483b-9c6c-6b27e9afa9bc" providerId="ADAL" clId="{BF04C754-5BF4-4E83-9615-DB14FA25AF8A}" dt="2023-10-12T11:38:08.274" v="295"/>
          <ac:spMkLst>
            <pc:docMk/>
            <pc:sldMk cId="2376958513" sldId="260"/>
            <ac:spMk id="6855" creationId="{BBDA82FD-0CB1-B19F-CA93-25CA319411B5}"/>
          </ac:spMkLst>
        </pc:spChg>
        <pc:spChg chg="mod">
          <ac:chgData name="White, Alex" userId="eff6cc8c-37d8-483b-9c6c-6b27e9afa9bc" providerId="ADAL" clId="{BF04C754-5BF4-4E83-9615-DB14FA25AF8A}" dt="2023-10-12T11:38:08.274" v="295"/>
          <ac:spMkLst>
            <pc:docMk/>
            <pc:sldMk cId="2376958513" sldId="260"/>
            <ac:spMk id="6856" creationId="{C7C12143-4375-891A-1DD0-696461A71171}"/>
          </ac:spMkLst>
        </pc:spChg>
        <pc:spChg chg="mod">
          <ac:chgData name="White, Alex" userId="eff6cc8c-37d8-483b-9c6c-6b27e9afa9bc" providerId="ADAL" clId="{BF04C754-5BF4-4E83-9615-DB14FA25AF8A}" dt="2023-10-12T11:38:08.274" v="295"/>
          <ac:spMkLst>
            <pc:docMk/>
            <pc:sldMk cId="2376958513" sldId="260"/>
            <ac:spMk id="6857" creationId="{492B20E9-D248-4072-FDAE-9747DDDF8F9C}"/>
          </ac:spMkLst>
        </pc:spChg>
        <pc:spChg chg="mod">
          <ac:chgData name="White, Alex" userId="eff6cc8c-37d8-483b-9c6c-6b27e9afa9bc" providerId="ADAL" clId="{BF04C754-5BF4-4E83-9615-DB14FA25AF8A}" dt="2023-10-12T11:38:08.274" v="295"/>
          <ac:spMkLst>
            <pc:docMk/>
            <pc:sldMk cId="2376958513" sldId="260"/>
            <ac:spMk id="6858" creationId="{E507E19B-4FE7-F088-A48A-5273F115FA62}"/>
          </ac:spMkLst>
        </pc:spChg>
        <pc:spChg chg="mod">
          <ac:chgData name="White, Alex" userId="eff6cc8c-37d8-483b-9c6c-6b27e9afa9bc" providerId="ADAL" clId="{BF04C754-5BF4-4E83-9615-DB14FA25AF8A}" dt="2023-10-12T11:38:08.274" v="295"/>
          <ac:spMkLst>
            <pc:docMk/>
            <pc:sldMk cId="2376958513" sldId="260"/>
            <ac:spMk id="6859" creationId="{301D7A67-481D-9F3C-75FB-013A81D3D586}"/>
          </ac:spMkLst>
        </pc:spChg>
        <pc:spChg chg="mod">
          <ac:chgData name="White, Alex" userId="eff6cc8c-37d8-483b-9c6c-6b27e9afa9bc" providerId="ADAL" clId="{BF04C754-5BF4-4E83-9615-DB14FA25AF8A}" dt="2023-10-12T11:38:08.274" v="295"/>
          <ac:spMkLst>
            <pc:docMk/>
            <pc:sldMk cId="2376958513" sldId="260"/>
            <ac:spMk id="6860" creationId="{C4E8450A-F453-EEA3-3B96-E03025F9017C}"/>
          </ac:spMkLst>
        </pc:spChg>
        <pc:spChg chg="mod">
          <ac:chgData name="White, Alex" userId="eff6cc8c-37d8-483b-9c6c-6b27e9afa9bc" providerId="ADAL" clId="{BF04C754-5BF4-4E83-9615-DB14FA25AF8A}" dt="2023-10-12T11:38:08.274" v="295"/>
          <ac:spMkLst>
            <pc:docMk/>
            <pc:sldMk cId="2376958513" sldId="260"/>
            <ac:spMk id="6861" creationId="{145393AA-8230-9CD3-131F-CACB13854A06}"/>
          </ac:spMkLst>
        </pc:spChg>
        <pc:spChg chg="mod">
          <ac:chgData name="White, Alex" userId="eff6cc8c-37d8-483b-9c6c-6b27e9afa9bc" providerId="ADAL" clId="{BF04C754-5BF4-4E83-9615-DB14FA25AF8A}" dt="2023-10-12T11:38:08.274" v="295"/>
          <ac:spMkLst>
            <pc:docMk/>
            <pc:sldMk cId="2376958513" sldId="260"/>
            <ac:spMk id="6862" creationId="{1E4012B8-1EC0-0A16-7461-D294D2BDE113}"/>
          </ac:spMkLst>
        </pc:spChg>
        <pc:spChg chg="mod">
          <ac:chgData name="White, Alex" userId="eff6cc8c-37d8-483b-9c6c-6b27e9afa9bc" providerId="ADAL" clId="{BF04C754-5BF4-4E83-9615-DB14FA25AF8A}" dt="2023-10-12T11:38:08.274" v="295"/>
          <ac:spMkLst>
            <pc:docMk/>
            <pc:sldMk cId="2376958513" sldId="260"/>
            <ac:spMk id="6863" creationId="{7D4F584E-D849-5A84-A26E-CF81FFCF87CD}"/>
          </ac:spMkLst>
        </pc:spChg>
        <pc:spChg chg="mod">
          <ac:chgData name="White, Alex" userId="eff6cc8c-37d8-483b-9c6c-6b27e9afa9bc" providerId="ADAL" clId="{BF04C754-5BF4-4E83-9615-DB14FA25AF8A}" dt="2023-10-12T11:38:08.274" v="295"/>
          <ac:spMkLst>
            <pc:docMk/>
            <pc:sldMk cId="2376958513" sldId="260"/>
            <ac:spMk id="6864" creationId="{AC9F0C33-170D-B336-6238-7E836EC89E96}"/>
          </ac:spMkLst>
        </pc:spChg>
        <pc:spChg chg="mod">
          <ac:chgData name="White, Alex" userId="eff6cc8c-37d8-483b-9c6c-6b27e9afa9bc" providerId="ADAL" clId="{BF04C754-5BF4-4E83-9615-DB14FA25AF8A}" dt="2023-10-12T11:38:08.274" v="295"/>
          <ac:spMkLst>
            <pc:docMk/>
            <pc:sldMk cId="2376958513" sldId="260"/>
            <ac:spMk id="6865" creationId="{51E339BC-EAD5-FCE7-1366-663B33542D53}"/>
          </ac:spMkLst>
        </pc:spChg>
        <pc:spChg chg="mod">
          <ac:chgData name="White, Alex" userId="eff6cc8c-37d8-483b-9c6c-6b27e9afa9bc" providerId="ADAL" clId="{BF04C754-5BF4-4E83-9615-DB14FA25AF8A}" dt="2023-10-12T11:38:08.274" v="295"/>
          <ac:spMkLst>
            <pc:docMk/>
            <pc:sldMk cId="2376958513" sldId="260"/>
            <ac:spMk id="6866" creationId="{50CC04B4-7464-A2A7-D442-407B8AFAB178}"/>
          </ac:spMkLst>
        </pc:spChg>
        <pc:spChg chg="mod">
          <ac:chgData name="White, Alex" userId="eff6cc8c-37d8-483b-9c6c-6b27e9afa9bc" providerId="ADAL" clId="{BF04C754-5BF4-4E83-9615-DB14FA25AF8A}" dt="2023-10-12T11:38:08.274" v="295"/>
          <ac:spMkLst>
            <pc:docMk/>
            <pc:sldMk cId="2376958513" sldId="260"/>
            <ac:spMk id="6867" creationId="{B6674EB5-1E97-A2F1-A166-ACA77C11E101}"/>
          </ac:spMkLst>
        </pc:spChg>
        <pc:spChg chg="mod">
          <ac:chgData name="White, Alex" userId="eff6cc8c-37d8-483b-9c6c-6b27e9afa9bc" providerId="ADAL" clId="{BF04C754-5BF4-4E83-9615-DB14FA25AF8A}" dt="2023-10-12T11:38:08.274" v="295"/>
          <ac:spMkLst>
            <pc:docMk/>
            <pc:sldMk cId="2376958513" sldId="260"/>
            <ac:spMk id="6868" creationId="{1487E4E9-2666-1529-9AC2-B4BDB52E8CBA}"/>
          </ac:spMkLst>
        </pc:spChg>
        <pc:spChg chg="mod">
          <ac:chgData name="White, Alex" userId="eff6cc8c-37d8-483b-9c6c-6b27e9afa9bc" providerId="ADAL" clId="{BF04C754-5BF4-4E83-9615-DB14FA25AF8A}" dt="2023-10-12T11:38:08.274" v="295"/>
          <ac:spMkLst>
            <pc:docMk/>
            <pc:sldMk cId="2376958513" sldId="260"/>
            <ac:spMk id="6869" creationId="{DD2573D3-CF0C-2792-46DD-162F35213854}"/>
          </ac:spMkLst>
        </pc:spChg>
        <pc:spChg chg="mod">
          <ac:chgData name="White, Alex" userId="eff6cc8c-37d8-483b-9c6c-6b27e9afa9bc" providerId="ADAL" clId="{BF04C754-5BF4-4E83-9615-DB14FA25AF8A}" dt="2023-10-12T11:38:08.274" v="295"/>
          <ac:spMkLst>
            <pc:docMk/>
            <pc:sldMk cId="2376958513" sldId="260"/>
            <ac:spMk id="6870" creationId="{B0683E24-21DE-0989-B9BD-F6B83C192F16}"/>
          </ac:spMkLst>
        </pc:spChg>
        <pc:spChg chg="mod">
          <ac:chgData name="White, Alex" userId="eff6cc8c-37d8-483b-9c6c-6b27e9afa9bc" providerId="ADAL" clId="{BF04C754-5BF4-4E83-9615-DB14FA25AF8A}" dt="2023-10-12T11:38:08.274" v="295"/>
          <ac:spMkLst>
            <pc:docMk/>
            <pc:sldMk cId="2376958513" sldId="260"/>
            <ac:spMk id="6871" creationId="{9594D0CA-F917-BD4A-949E-C941EECAFBE0}"/>
          </ac:spMkLst>
        </pc:spChg>
        <pc:spChg chg="mod">
          <ac:chgData name="White, Alex" userId="eff6cc8c-37d8-483b-9c6c-6b27e9afa9bc" providerId="ADAL" clId="{BF04C754-5BF4-4E83-9615-DB14FA25AF8A}" dt="2023-10-12T11:38:08.274" v="295"/>
          <ac:spMkLst>
            <pc:docMk/>
            <pc:sldMk cId="2376958513" sldId="260"/>
            <ac:spMk id="6872" creationId="{B85845E9-23C5-5567-B313-594F8E824BF7}"/>
          </ac:spMkLst>
        </pc:spChg>
        <pc:spChg chg="mod">
          <ac:chgData name="White, Alex" userId="eff6cc8c-37d8-483b-9c6c-6b27e9afa9bc" providerId="ADAL" clId="{BF04C754-5BF4-4E83-9615-DB14FA25AF8A}" dt="2023-10-12T11:38:08.274" v="295"/>
          <ac:spMkLst>
            <pc:docMk/>
            <pc:sldMk cId="2376958513" sldId="260"/>
            <ac:spMk id="6873" creationId="{6022CE78-B9E1-4226-A528-ECD1A96ECFE1}"/>
          </ac:spMkLst>
        </pc:spChg>
        <pc:spChg chg="mod">
          <ac:chgData name="White, Alex" userId="eff6cc8c-37d8-483b-9c6c-6b27e9afa9bc" providerId="ADAL" clId="{BF04C754-5BF4-4E83-9615-DB14FA25AF8A}" dt="2023-10-12T11:38:08.274" v="295"/>
          <ac:spMkLst>
            <pc:docMk/>
            <pc:sldMk cId="2376958513" sldId="260"/>
            <ac:spMk id="6874" creationId="{5B5AD5CD-15CA-B29B-8E45-BA393E6D06E7}"/>
          </ac:spMkLst>
        </pc:spChg>
        <pc:spChg chg="mod">
          <ac:chgData name="White, Alex" userId="eff6cc8c-37d8-483b-9c6c-6b27e9afa9bc" providerId="ADAL" clId="{BF04C754-5BF4-4E83-9615-DB14FA25AF8A}" dt="2023-10-12T11:38:08.274" v="295"/>
          <ac:spMkLst>
            <pc:docMk/>
            <pc:sldMk cId="2376958513" sldId="260"/>
            <ac:spMk id="6875" creationId="{63E8F7AC-441A-20C4-4BB7-F35BD6C3579C}"/>
          </ac:spMkLst>
        </pc:spChg>
        <pc:spChg chg="mod">
          <ac:chgData name="White, Alex" userId="eff6cc8c-37d8-483b-9c6c-6b27e9afa9bc" providerId="ADAL" clId="{BF04C754-5BF4-4E83-9615-DB14FA25AF8A}" dt="2023-10-12T11:38:08.274" v="295"/>
          <ac:spMkLst>
            <pc:docMk/>
            <pc:sldMk cId="2376958513" sldId="260"/>
            <ac:spMk id="6876" creationId="{BA152129-4627-FE5B-2035-FAB08FDC7419}"/>
          </ac:spMkLst>
        </pc:spChg>
        <pc:spChg chg="mod">
          <ac:chgData name="White, Alex" userId="eff6cc8c-37d8-483b-9c6c-6b27e9afa9bc" providerId="ADAL" clId="{BF04C754-5BF4-4E83-9615-DB14FA25AF8A}" dt="2023-10-12T11:38:08.274" v="295"/>
          <ac:spMkLst>
            <pc:docMk/>
            <pc:sldMk cId="2376958513" sldId="260"/>
            <ac:spMk id="6877" creationId="{E9009CFE-B9F4-4F1B-E51A-BA88F8BFC7BD}"/>
          </ac:spMkLst>
        </pc:spChg>
        <pc:spChg chg="mod">
          <ac:chgData name="White, Alex" userId="eff6cc8c-37d8-483b-9c6c-6b27e9afa9bc" providerId="ADAL" clId="{BF04C754-5BF4-4E83-9615-DB14FA25AF8A}" dt="2023-10-12T11:38:08.274" v="295"/>
          <ac:spMkLst>
            <pc:docMk/>
            <pc:sldMk cId="2376958513" sldId="260"/>
            <ac:spMk id="6878" creationId="{5B3DC32C-E37B-0376-7797-E2769B86F996}"/>
          </ac:spMkLst>
        </pc:spChg>
        <pc:spChg chg="mod">
          <ac:chgData name="White, Alex" userId="eff6cc8c-37d8-483b-9c6c-6b27e9afa9bc" providerId="ADAL" clId="{BF04C754-5BF4-4E83-9615-DB14FA25AF8A}" dt="2023-10-12T11:38:08.274" v="295"/>
          <ac:spMkLst>
            <pc:docMk/>
            <pc:sldMk cId="2376958513" sldId="260"/>
            <ac:spMk id="6879" creationId="{059C6822-338B-492E-4F6E-529E06D98CC1}"/>
          </ac:spMkLst>
        </pc:spChg>
        <pc:spChg chg="mod">
          <ac:chgData name="White, Alex" userId="eff6cc8c-37d8-483b-9c6c-6b27e9afa9bc" providerId="ADAL" clId="{BF04C754-5BF4-4E83-9615-DB14FA25AF8A}" dt="2023-10-12T11:38:08.274" v="295"/>
          <ac:spMkLst>
            <pc:docMk/>
            <pc:sldMk cId="2376958513" sldId="260"/>
            <ac:spMk id="6880" creationId="{36F7F9DF-7570-3DCE-2ADE-7FB3F9242FDC}"/>
          </ac:spMkLst>
        </pc:spChg>
        <pc:spChg chg="mod">
          <ac:chgData name="White, Alex" userId="eff6cc8c-37d8-483b-9c6c-6b27e9afa9bc" providerId="ADAL" clId="{BF04C754-5BF4-4E83-9615-DB14FA25AF8A}" dt="2023-10-12T11:38:08.274" v="295"/>
          <ac:spMkLst>
            <pc:docMk/>
            <pc:sldMk cId="2376958513" sldId="260"/>
            <ac:spMk id="6881" creationId="{E68F4002-CD17-F42A-B3E8-D3AC521C422B}"/>
          </ac:spMkLst>
        </pc:spChg>
        <pc:spChg chg="mod">
          <ac:chgData name="White, Alex" userId="eff6cc8c-37d8-483b-9c6c-6b27e9afa9bc" providerId="ADAL" clId="{BF04C754-5BF4-4E83-9615-DB14FA25AF8A}" dt="2023-10-12T11:38:08.274" v="295"/>
          <ac:spMkLst>
            <pc:docMk/>
            <pc:sldMk cId="2376958513" sldId="260"/>
            <ac:spMk id="6882" creationId="{D55CBF8E-6EC2-8BC0-6DB3-495330346399}"/>
          </ac:spMkLst>
        </pc:spChg>
        <pc:spChg chg="mod">
          <ac:chgData name="White, Alex" userId="eff6cc8c-37d8-483b-9c6c-6b27e9afa9bc" providerId="ADAL" clId="{BF04C754-5BF4-4E83-9615-DB14FA25AF8A}" dt="2023-10-12T11:38:08.274" v="295"/>
          <ac:spMkLst>
            <pc:docMk/>
            <pc:sldMk cId="2376958513" sldId="260"/>
            <ac:spMk id="6883" creationId="{89A37181-A130-355E-5524-3A36AF5FD5D9}"/>
          </ac:spMkLst>
        </pc:spChg>
        <pc:spChg chg="mod">
          <ac:chgData name="White, Alex" userId="eff6cc8c-37d8-483b-9c6c-6b27e9afa9bc" providerId="ADAL" clId="{BF04C754-5BF4-4E83-9615-DB14FA25AF8A}" dt="2023-10-12T11:38:08.274" v="295"/>
          <ac:spMkLst>
            <pc:docMk/>
            <pc:sldMk cId="2376958513" sldId="260"/>
            <ac:spMk id="6884" creationId="{C7497735-4648-FE82-AFE6-A7AD735A83D1}"/>
          </ac:spMkLst>
        </pc:spChg>
        <pc:spChg chg="mod">
          <ac:chgData name="White, Alex" userId="eff6cc8c-37d8-483b-9c6c-6b27e9afa9bc" providerId="ADAL" clId="{BF04C754-5BF4-4E83-9615-DB14FA25AF8A}" dt="2023-10-12T11:38:08.274" v="295"/>
          <ac:spMkLst>
            <pc:docMk/>
            <pc:sldMk cId="2376958513" sldId="260"/>
            <ac:spMk id="6885" creationId="{677C8B3E-70DA-5872-9FFA-0D6CDF0CF6E6}"/>
          </ac:spMkLst>
        </pc:spChg>
        <pc:spChg chg="mod">
          <ac:chgData name="White, Alex" userId="eff6cc8c-37d8-483b-9c6c-6b27e9afa9bc" providerId="ADAL" clId="{BF04C754-5BF4-4E83-9615-DB14FA25AF8A}" dt="2023-10-12T11:38:08.274" v="295"/>
          <ac:spMkLst>
            <pc:docMk/>
            <pc:sldMk cId="2376958513" sldId="260"/>
            <ac:spMk id="6886" creationId="{D155A30C-F3DF-BD1F-9A28-C5B9F6A74F42}"/>
          </ac:spMkLst>
        </pc:spChg>
        <pc:spChg chg="mod">
          <ac:chgData name="White, Alex" userId="eff6cc8c-37d8-483b-9c6c-6b27e9afa9bc" providerId="ADAL" clId="{BF04C754-5BF4-4E83-9615-DB14FA25AF8A}" dt="2023-10-12T11:38:08.274" v="295"/>
          <ac:spMkLst>
            <pc:docMk/>
            <pc:sldMk cId="2376958513" sldId="260"/>
            <ac:spMk id="6887" creationId="{880ECA87-9847-1DB5-2089-8FA5DD27B430}"/>
          </ac:spMkLst>
        </pc:spChg>
        <pc:spChg chg="mod">
          <ac:chgData name="White, Alex" userId="eff6cc8c-37d8-483b-9c6c-6b27e9afa9bc" providerId="ADAL" clId="{BF04C754-5BF4-4E83-9615-DB14FA25AF8A}" dt="2023-10-12T11:38:08.274" v="295"/>
          <ac:spMkLst>
            <pc:docMk/>
            <pc:sldMk cId="2376958513" sldId="260"/>
            <ac:spMk id="6888" creationId="{D43257A7-36AD-080A-9736-37A48F8EA837}"/>
          </ac:spMkLst>
        </pc:spChg>
        <pc:spChg chg="mod">
          <ac:chgData name="White, Alex" userId="eff6cc8c-37d8-483b-9c6c-6b27e9afa9bc" providerId="ADAL" clId="{BF04C754-5BF4-4E83-9615-DB14FA25AF8A}" dt="2023-10-12T11:38:08.274" v="295"/>
          <ac:spMkLst>
            <pc:docMk/>
            <pc:sldMk cId="2376958513" sldId="260"/>
            <ac:spMk id="6889" creationId="{C5008C9D-67BC-2D37-E3A7-A57BAD09DD09}"/>
          </ac:spMkLst>
        </pc:spChg>
        <pc:spChg chg="mod">
          <ac:chgData name="White, Alex" userId="eff6cc8c-37d8-483b-9c6c-6b27e9afa9bc" providerId="ADAL" clId="{BF04C754-5BF4-4E83-9615-DB14FA25AF8A}" dt="2023-10-12T11:38:08.274" v="295"/>
          <ac:spMkLst>
            <pc:docMk/>
            <pc:sldMk cId="2376958513" sldId="260"/>
            <ac:spMk id="6890" creationId="{0DA55BE3-1BA0-DAA3-38FA-03D43AD448C4}"/>
          </ac:spMkLst>
        </pc:spChg>
        <pc:spChg chg="mod">
          <ac:chgData name="White, Alex" userId="eff6cc8c-37d8-483b-9c6c-6b27e9afa9bc" providerId="ADAL" clId="{BF04C754-5BF4-4E83-9615-DB14FA25AF8A}" dt="2023-10-12T11:38:08.274" v="295"/>
          <ac:spMkLst>
            <pc:docMk/>
            <pc:sldMk cId="2376958513" sldId="260"/>
            <ac:spMk id="6891" creationId="{BC7D6C02-EDCB-C1ED-39D4-5DE93D824D9F}"/>
          </ac:spMkLst>
        </pc:spChg>
        <pc:spChg chg="mod">
          <ac:chgData name="White, Alex" userId="eff6cc8c-37d8-483b-9c6c-6b27e9afa9bc" providerId="ADAL" clId="{BF04C754-5BF4-4E83-9615-DB14FA25AF8A}" dt="2023-10-12T11:38:08.274" v="295"/>
          <ac:spMkLst>
            <pc:docMk/>
            <pc:sldMk cId="2376958513" sldId="260"/>
            <ac:spMk id="6892" creationId="{9D549194-5107-9505-FE1F-6BB8F2DEDBD0}"/>
          </ac:spMkLst>
        </pc:spChg>
        <pc:spChg chg="mod">
          <ac:chgData name="White, Alex" userId="eff6cc8c-37d8-483b-9c6c-6b27e9afa9bc" providerId="ADAL" clId="{BF04C754-5BF4-4E83-9615-DB14FA25AF8A}" dt="2023-10-12T11:38:08.274" v="295"/>
          <ac:spMkLst>
            <pc:docMk/>
            <pc:sldMk cId="2376958513" sldId="260"/>
            <ac:spMk id="6893" creationId="{4FA5F235-3C14-F609-E9C4-643D79B605AE}"/>
          </ac:spMkLst>
        </pc:spChg>
        <pc:spChg chg="mod">
          <ac:chgData name="White, Alex" userId="eff6cc8c-37d8-483b-9c6c-6b27e9afa9bc" providerId="ADAL" clId="{BF04C754-5BF4-4E83-9615-DB14FA25AF8A}" dt="2023-10-12T11:38:08.274" v="295"/>
          <ac:spMkLst>
            <pc:docMk/>
            <pc:sldMk cId="2376958513" sldId="260"/>
            <ac:spMk id="6894" creationId="{A172CC7A-ECF4-B7D2-2110-9E0ACA4EB062}"/>
          </ac:spMkLst>
        </pc:spChg>
        <pc:spChg chg="mod">
          <ac:chgData name="White, Alex" userId="eff6cc8c-37d8-483b-9c6c-6b27e9afa9bc" providerId="ADAL" clId="{BF04C754-5BF4-4E83-9615-DB14FA25AF8A}" dt="2023-10-12T11:38:08.274" v="295"/>
          <ac:spMkLst>
            <pc:docMk/>
            <pc:sldMk cId="2376958513" sldId="260"/>
            <ac:spMk id="6895" creationId="{22410287-0A83-54CB-7C51-6632A8FD9F42}"/>
          </ac:spMkLst>
        </pc:spChg>
        <pc:spChg chg="mod">
          <ac:chgData name="White, Alex" userId="eff6cc8c-37d8-483b-9c6c-6b27e9afa9bc" providerId="ADAL" clId="{BF04C754-5BF4-4E83-9615-DB14FA25AF8A}" dt="2023-10-12T11:38:08.274" v="295"/>
          <ac:spMkLst>
            <pc:docMk/>
            <pc:sldMk cId="2376958513" sldId="260"/>
            <ac:spMk id="6896" creationId="{0DB57883-0817-C674-9C8D-8326C0621E2B}"/>
          </ac:spMkLst>
        </pc:spChg>
        <pc:spChg chg="mod">
          <ac:chgData name="White, Alex" userId="eff6cc8c-37d8-483b-9c6c-6b27e9afa9bc" providerId="ADAL" clId="{BF04C754-5BF4-4E83-9615-DB14FA25AF8A}" dt="2023-10-12T11:38:08.274" v="295"/>
          <ac:spMkLst>
            <pc:docMk/>
            <pc:sldMk cId="2376958513" sldId="260"/>
            <ac:spMk id="6897" creationId="{38636D5B-158B-990D-AB3A-3ABD7AD4F46C}"/>
          </ac:spMkLst>
        </pc:spChg>
        <pc:spChg chg="mod">
          <ac:chgData name="White, Alex" userId="eff6cc8c-37d8-483b-9c6c-6b27e9afa9bc" providerId="ADAL" clId="{BF04C754-5BF4-4E83-9615-DB14FA25AF8A}" dt="2023-10-12T11:38:08.274" v="295"/>
          <ac:spMkLst>
            <pc:docMk/>
            <pc:sldMk cId="2376958513" sldId="260"/>
            <ac:spMk id="6898" creationId="{C5A67972-58A3-CB1A-B663-11720C5AC9BE}"/>
          </ac:spMkLst>
        </pc:spChg>
        <pc:spChg chg="mod">
          <ac:chgData name="White, Alex" userId="eff6cc8c-37d8-483b-9c6c-6b27e9afa9bc" providerId="ADAL" clId="{BF04C754-5BF4-4E83-9615-DB14FA25AF8A}" dt="2023-10-12T11:38:08.274" v="295"/>
          <ac:spMkLst>
            <pc:docMk/>
            <pc:sldMk cId="2376958513" sldId="260"/>
            <ac:spMk id="6899" creationId="{C6099B2A-7C48-247E-09C6-781376D319E0}"/>
          </ac:spMkLst>
        </pc:spChg>
        <pc:spChg chg="mod">
          <ac:chgData name="White, Alex" userId="eff6cc8c-37d8-483b-9c6c-6b27e9afa9bc" providerId="ADAL" clId="{BF04C754-5BF4-4E83-9615-DB14FA25AF8A}" dt="2023-10-12T11:38:08.274" v="295"/>
          <ac:spMkLst>
            <pc:docMk/>
            <pc:sldMk cId="2376958513" sldId="260"/>
            <ac:spMk id="6900" creationId="{2A06A853-86AB-1AD7-4903-F3F8CDB41D19}"/>
          </ac:spMkLst>
        </pc:spChg>
        <pc:spChg chg="mod">
          <ac:chgData name="White, Alex" userId="eff6cc8c-37d8-483b-9c6c-6b27e9afa9bc" providerId="ADAL" clId="{BF04C754-5BF4-4E83-9615-DB14FA25AF8A}" dt="2023-10-12T11:38:08.274" v="295"/>
          <ac:spMkLst>
            <pc:docMk/>
            <pc:sldMk cId="2376958513" sldId="260"/>
            <ac:spMk id="6901" creationId="{67384A86-BFDF-5661-1899-64C9E1D8F7D2}"/>
          </ac:spMkLst>
        </pc:spChg>
        <pc:spChg chg="mod">
          <ac:chgData name="White, Alex" userId="eff6cc8c-37d8-483b-9c6c-6b27e9afa9bc" providerId="ADAL" clId="{BF04C754-5BF4-4E83-9615-DB14FA25AF8A}" dt="2023-10-12T11:38:08.274" v="295"/>
          <ac:spMkLst>
            <pc:docMk/>
            <pc:sldMk cId="2376958513" sldId="260"/>
            <ac:spMk id="6902" creationId="{A61FF5A2-A7C8-261B-75E0-117AA5696BAE}"/>
          </ac:spMkLst>
        </pc:spChg>
        <pc:spChg chg="mod">
          <ac:chgData name="White, Alex" userId="eff6cc8c-37d8-483b-9c6c-6b27e9afa9bc" providerId="ADAL" clId="{BF04C754-5BF4-4E83-9615-DB14FA25AF8A}" dt="2023-10-12T11:38:08.274" v="295"/>
          <ac:spMkLst>
            <pc:docMk/>
            <pc:sldMk cId="2376958513" sldId="260"/>
            <ac:spMk id="6903" creationId="{BDB1C118-D906-F985-D4EC-F61B74D47679}"/>
          </ac:spMkLst>
        </pc:spChg>
        <pc:spChg chg="mod">
          <ac:chgData name="White, Alex" userId="eff6cc8c-37d8-483b-9c6c-6b27e9afa9bc" providerId="ADAL" clId="{BF04C754-5BF4-4E83-9615-DB14FA25AF8A}" dt="2023-10-12T11:38:08.274" v="295"/>
          <ac:spMkLst>
            <pc:docMk/>
            <pc:sldMk cId="2376958513" sldId="260"/>
            <ac:spMk id="6904" creationId="{0F510A88-3260-EDDC-7793-B9AB8245699C}"/>
          </ac:spMkLst>
        </pc:spChg>
        <pc:spChg chg="mod">
          <ac:chgData name="White, Alex" userId="eff6cc8c-37d8-483b-9c6c-6b27e9afa9bc" providerId="ADAL" clId="{BF04C754-5BF4-4E83-9615-DB14FA25AF8A}" dt="2023-10-12T11:38:08.274" v="295"/>
          <ac:spMkLst>
            <pc:docMk/>
            <pc:sldMk cId="2376958513" sldId="260"/>
            <ac:spMk id="6905" creationId="{68E5DF03-3AED-5EA1-94BB-D27479687FD8}"/>
          </ac:spMkLst>
        </pc:spChg>
        <pc:spChg chg="mod">
          <ac:chgData name="White, Alex" userId="eff6cc8c-37d8-483b-9c6c-6b27e9afa9bc" providerId="ADAL" clId="{BF04C754-5BF4-4E83-9615-DB14FA25AF8A}" dt="2023-10-12T11:38:08.274" v="295"/>
          <ac:spMkLst>
            <pc:docMk/>
            <pc:sldMk cId="2376958513" sldId="260"/>
            <ac:spMk id="6906" creationId="{3AC7AB91-9184-767B-5EB2-C24C6A738A9A}"/>
          </ac:spMkLst>
        </pc:spChg>
        <pc:spChg chg="mod">
          <ac:chgData name="White, Alex" userId="eff6cc8c-37d8-483b-9c6c-6b27e9afa9bc" providerId="ADAL" clId="{BF04C754-5BF4-4E83-9615-DB14FA25AF8A}" dt="2023-10-12T11:38:08.274" v="295"/>
          <ac:spMkLst>
            <pc:docMk/>
            <pc:sldMk cId="2376958513" sldId="260"/>
            <ac:spMk id="6907" creationId="{F9644781-E334-195F-85C1-A7EEA2D56B8A}"/>
          </ac:spMkLst>
        </pc:spChg>
        <pc:spChg chg="mod">
          <ac:chgData name="White, Alex" userId="eff6cc8c-37d8-483b-9c6c-6b27e9afa9bc" providerId="ADAL" clId="{BF04C754-5BF4-4E83-9615-DB14FA25AF8A}" dt="2023-10-12T11:38:08.274" v="295"/>
          <ac:spMkLst>
            <pc:docMk/>
            <pc:sldMk cId="2376958513" sldId="260"/>
            <ac:spMk id="6908" creationId="{ABCF0192-1767-1348-1DB3-92C0E6F616DA}"/>
          </ac:spMkLst>
        </pc:spChg>
        <pc:spChg chg="mod">
          <ac:chgData name="White, Alex" userId="eff6cc8c-37d8-483b-9c6c-6b27e9afa9bc" providerId="ADAL" clId="{BF04C754-5BF4-4E83-9615-DB14FA25AF8A}" dt="2023-10-12T11:38:08.274" v="295"/>
          <ac:spMkLst>
            <pc:docMk/>
            <pc:sldMk cId="2376958513" sldId="260"/>
            <ac:spMk id="6909" creationId="{50DE05BC-E75C-8476-7384-C4F5DFB3609E}"/>
          </ac:spMkLst>
        </pc:spChg>
        <pc:spChg chg="mod">
          <ac:chgData name="White, Alex" userId="eff6cc8c-37d8-483b-9c6c-6b27e9afa9bc" providerId="ADAL" clId="{BF04C754-5BF4-4E83-9615-DB14FA25AF8A}" dt="2023-10-12T11:38:08.274" v="295"/>
          <ac:spMkLst>
            <pc:docMk/>
            <pc:sldMk cId="2376958513" sldId="260"/>
            <ac:spMk id="6910" creationId="{A2C4CBD5-CCA4-8E57-FED7-C30D6C92DED1}"/>
          </ac:spMkLst>
        </pc:spChg>
        <pc:spChg chg="mod">
          <ac:chgData name="White, Alex" userId="eff6cc8c-37d8-483b-9c6c-6b27e9afa9bc" providerId="ADAL" clId="{BF04C754-5BF4-4E83-9615-DB14FA25AF8A}" dt="2023-10-12T11:38:08.274" v="295"/>
          <ac:spMkLst>
            <pc:docMk/>
            <pc:sldMk cId="2376958513" sldId="260"/>
            <ac:spMk id="6911" creationId="{66FAC5B9-8BFA-04D4-B9AF-EF9E3C16DED0}"/>
          </ac:spMkLst>
        </pc:spChg>
        <pc:spChg chg="mod">
          <ac:chgData name="White, Alex" userId="eff6cc8c-37d8-483b-9c6c-6b27e9afa9bc" providerId="ADAL" clId="{BF04C754-5BF4-4E83-9615-DB14FA25AF8A}" dt="2023-10-12T11:38:08.274" v="295"/>
          <ac:spMkLst>
            <pc:docMk/>
            <pc:sldMk cId="2376958513" sldId="260"/>
            <ac:spMk id="6912" creationId="{2B9A510A-3C66-E032-D51B-EEA2DC9C4AEE}"/>
          </ac:spMkLst>
        </pc:spChg>
        <pc:spChg chg="mod">
          <ac:chgData name="White, Alex" userId="eff6cc8c-37d8-483b-9c6c-6b27e9afa9bc" providerId="ADAL" clId="{BF04C754-5BF4-4E83-9615-DB14FA25AF8A}" dt="2023-10-12T11:38:08.274" v="295"/>
          <ac:spMkLst>
            <pc:docMk/>
            <pc:sldMk cId="2376958513" sldId="260"/>
            <ac:spMk id="6913" creationId="{3F3F5586-3A63-624C-DA1E-41E1092357C1}"/>
          </ac:spMkLst>
        </pc:spChg>
        <pc:spChg chg="mod">
          <ac:chgData name="White, Alex" userId="eff6cc8c-37d8-483b-9c6c-6b27e9afa9bc" providerId="ADAL" clId="{BF04C754-5BF4-4E83-9615-DB14FA25AF8A}" dt="2023-10-12T11:38:08.274" v="295"/>
          <ac:spMkLst>
            <pc:docMk/>
            <pc:sldMk cId="2376958513" sldId="260"/>
            <ac:spMk id="6914" creationId="{8AE7B224-6386-CBCC-95EF-C6B8270D8CE8}"/>
          </ac:spMkLst>
        </pc:spChg>
        <pc:spChg chg="mod">
          <ac:chgData name="White, Alex" userId="eff6cc8c-37d8-483b-9c6c-6b27e9afa9bc" providerId="ADAL" clId="{BF04C754-5BF4-4E83-9615-DB14FA25AF8A}" dt="2023-10-12T11:38:08.274" v="295"/>
          <ac:spMkLst>
            <pc:docMk/>
            <pc:sldMk cId="2376958513" sldId="260"/>
            <ac:spMk id="6915" creationId="{532529E6-1912-83DA-D895-554317D80F43}"/>
          </ac:spMkLst>
        </pc:spChg>
        <pc:spChg chg="mod">
          <ac:chgData name="White, Alex" userId="eff6cc8c-37d8-483b-9c6c-6b27e9afa9bc" providerId="ADAL" clId="{BF04C754-5BF4-4E83-9615-DB14FA25AF8A}" dt="2023-10-12T11:38:08.274" v="295"/>
          <ac:spMkLst>
            <pc:docMk/>
            <pc:sldMk cId="2376958513" sldId="260"/>
            <ac:spMk id="6916" creationId="{9EDB950E-4208-768E-FE8F-1DBE13F660F6}"/>
          </ac:spMkLst>
        </pc:spChg>
        <pc:spChg chg="mod">
          <ac:chgData name="White, Alex" userId="eff6cc8c-37d8-483b-9c6c-6b27e9afa9bc" providerId="ADAL" clId="{BF04C754-5BF4-4E83-9615-DB14FA25AF8A}" dt="2023-10-12T11:38:08.274" v="295"/>
          <ac:spMkLst>
            <pc:docMk/>
            <pc:sldMk cId="2376958513" sldId="260"/>
            <ac:spMk id="6917" creationId="{0B856A38-5847-AA06-0540-6738A549E74A}"/>
          </ac:spMkLst>
        </pc:spChg>
        <pc:spChg chg="mod">
          <ac:chgData name="White, Alex" userId="eff6cc8c-37d8-483b-9c6c-6b27e9afa9bc" providerId="ADAL" clId="{BF04C754-5BF4-4E83-9615-DB14FA25AF8A}" dt="2023-10-12T11:38:08.274" v="295"/>
          <ac:spMkLst>
            <pc:docMk/>
            <pc:sldMk cId="2376958513" sldId="260"/>
            <ac:spMk id="6918" creationId="{3B577A01-D9F2-1927-62D7-82AA63BA2CF2}"/>
          </ac:spMkLst>
        </pc:spChg>
        <pc:spChg chg="mod">
          <ac:chgData name="White, Alex" userId="eff6cc8c-37d8-483b-9c6c-6b27e9afa9bc" providerId="ADAL" clId="{BF04C754-5BF4-4E83-9615-DB14FA25AF8A}" dt="2023-10-12T11:38:08.274" v="295"/>
          <ac:spMkLst>
            <pc:docMk/>
            <pc:sldMk cId="2376958513" sldId="260"/>
            <ac:spMk id="6919" creationId="{1757B2AC-7143-4E52-0B79-3D129D7E5470}"/>
          </ac:spMkLst>
        </pc:spChg>
        <pc:spChg chg="mod">
          <ac:chgData name="White, Alex" userId="eff6cc8c-37d8-483b-9c6c-6b27e9afa9bc" providerId="ADAL" clId="{BF04C754-5BF4-4E83-9615-DB14FA25AF8A}" dt="2023-10-12T11:38:08.274" v="295"/>
          <ac:spMkLst>
            <pc:docMk/>
            <pc:sldMk cId="2376958513" sldId="260"/>
            <ac:spMk id="6920" creationId="{A03A68F9-2AF1-A878-E60E-F51EEF7C463B}"/>
          </ac:spMkLst>
        </pc:spChg>
        <pc:spChg chg="mod">
          <ac:chgData name="White, Alex" userId="eff6cc8c-37d8-483b-9c6c-6b27e9afa9bc" providerId="ADAL" clId="{BF04C754-5BF4-4E83-9615-DB14FA25AF8A}" dt="2023-10-12T11:38:08.274" v="295"/>
          <ac:spMkLst>
            <pc:docMk/>
            <pc:sldMk cId="2376958513" sldId="260"/>
            <ac:spMk id="6921" creationId="{1FE085BD-7BA3-BAAF-7B4E-F348ACA72F2B}"/>
          </ac:spMkLst>
        </pc:spChg>
        <pc:spChg chg="mod">
          <ac:chgData name="White, Alex" userId="eff6cc8c-37d8-483b-9c6c-6b27e9afa9bc" providerId="ADAL" clId="{BF04C754-5BF4-4E83-9615-DB14FA25AF8A}" dt="2023-10-12T11:38:08.274" v="295"/>
          <ac:spMkLst>
            <pc:docMk/>
            <pc:sldMk cId="2376958513" sldId="260"/>
            <ac:spMk id="6922" creationId="{80292587-05B2-7933-695F-393E21F4C9F2}"/>
          </ac:spMkLst>
        </pc:spChg>
        <pc:spChg chg="mod">
          <ac:chgData name="White, Alex" userId="eff6cc8c-37d8-483b-9c6c-6b27e9afa9bc" providerId="ADAL" clId="{BF04C754-5BF4-4E83-9615-DB14FA25AF8A}" dt="2023-10-12T11:38:08.274" v="295"/>
          <ac:spMkLst>
            <pc:docMk/>
            <pc:sldMk cId="2376958513" sldId="260"/>
            <ac:spMk id="6923" creationId="{548B3371-B980-4B0F-3375-A6258430D823}"/>
          </ac:spMkLst>
        </pc:spChg>
        <pc:spChg chg="mod">
          <ac:chgData name="White, Alex" userId="eff6cc8c-37d8-483b-9c6c-6b27e9afa9bc" providerId="ADAL" clId="{BF04C754-5BF4-4E83-9615-DB14FA25AF8A}" dt="2023-10-12T11:38:08.274" v="295"/>
          <ac:spMkLst>
            <pc:docMk/>
            <pc:sldMk cId="2376958513" sldId="260"/>
            <ac:spMk id="6924" creationId="{7AC94525-4A8B-3AB7-31E0-6E28BEC377E0}"/>
          </ac:spMkLst>
        </pc:spChg>
        <pc:spChg chg="mod">
          <ac:chgData name="White, Alex" userId="eff6cc8c-37d8-483b-9c6c-6b27e9afa9bc" providerId="ADAL" clId="{BF04C754-5BF4-4E83-9615-DB14FA25AF8A}" dt="2023-10-12T11:38:08.274" v="295"/>
          <ac:spMkLst>
            <pc:docMk/>
            <pc:sldMk cId="2376958513" sldId="260"/>
            <ac:spMk id="6925" creationId="{E7E440D3-4E96-DA1F-92DA-DE9F6AD2C059}"/>
          </ac:spMkLst>
        </pc:spChg>
        <pc:spChg chg="mod">
          <ac:chgData name="White, Alex" userId="eff6cc8c-37d8-483b-9c6c-6b27e9afa9bc" providerId="ADAL" clId="{BF04C754-5BF4-4E83-9615-DB14FA25AF8A}" dt="2023-10-12T11:38:08.274" v="295"/>
          <ac:spMkLst>
            <pc:docMk/>
            <pc:sldMk cId="2376958513" sldId="260"/>
            <ac:spMk id="6926" creationId="{F3779293-49E5-CC49-79DD-D717EC52C211}"/>
          </ac:spMkLst>
        </pc:spChg>
        <pc:spChg chg="mod">
          <ac:chgData name="White, Alex" userId="eff6cc8c-37d8-483b-9c6c-6b27e9afa9bc" providerId="ADAL" clId="{BF04C754-5BF4-4E83-9615-DB14FA25AF8A}" dt="2023-10-12T11:38:08.274" v="295"/>
          <ac:spMkLst>
            <pc:docMk/>
            <pc:sldMk cId="2376958513" sldId="260"/>
            <ac:spMk id="6927" creationId="{EDEE4617-F849-F18C-2AE8-5B160DB221E8}"/>
          </ac:spMkLst>
        </pc:spChg>
        <pc:spChg chg="mod">
          <ac:chgData name="White, Alex" userId="eff6cc8c-37d8-483b-9c6c-6b27e9afa9bc" providerId="ADAL" clId="{BF04C754-5BF4-4E83-9615-DB14FA25AF8A}" dt="2023-10-12T11:38:08.274" v="295"/>
          <ac:spMkLst>
            <pc:docMk/>
            <pc:sldMk cId="2376958513" sldId="260"/>
            <ac:spMk id="6928" creationId="{52D97C4B-AC8B-6D7A-6883-CC2C7DCE0E7D}"/>
          </ac:spMkLst>
        </pc:spChg>
        <pc:spChg chg="mod">
          <ac:chgData name="White, Alex" userId="eff6cc8c-37d8-483b-9c6c-6b27e9afa9bc" providerId="ADAL" clId="{BF04C754-5BF4-4E83-9615-DB14FA25AF8A}" dt="2023-10-12T11:38:08.274" v="295"/>
          <ac:spMkLst>
            <pc:docMk/>
            <pc:sldMk cId="2376958513" sldId="260"/>
            <ac:spMk id="6929" creationId="{A9FE109C-CCC2-B6BA-10C9-1F0542C4C20B}"/>
          </ac:spMkLst>
        </pc:spChg>
        <pc:spChg chg="mod">
          <ac:chgData name="White, Alex" userId="eff6cc8c-37d8-483b-9c6c-6b27e9afa9bc" providerId="ADAL" clId="{BF04C754-5BF4-4E83-9615-DB14FA25AF8A}" dt="2023-10-12T11:38:08.274" v="295"/>
          <ac:spMkLst>
            <pc:docMk/>
            <pc:sldMk cId="2376958513" sldId="260"/>
            <ac:spMk id="6930" creationId="{8F1A9058-4EB6-C137-0965-63EB79708649}"/>
          </ac:spMkLst>
        </pc:spChg>
        <pc:spChg chg="mod">
          <ac:chgData name="White, Alex" userId="eff6cc8c-37d8-483b-9c6c-6b27e9afa9bc" providerId="ADAL" clId="{BF04C754-5BF4-4E83-9615-DB14FA25AF8A}" dt="2023-10-12T11:38:08.274" v="295"/>
          <ac:spMkLst>
            <pc:docMk/>
            <pc:sldMk cId="2376958513" sldId="260"/>
            <ac:spMk id="6931" creationId="{53B5AC46-25DE-7D54-471B-19B6B49656E9}"/>
          </ac:spMkLst>
        </pc:spChg>
        <pc:spChg chg="mod">
          <ac:chgData name="White, Alex" userId="eff6cc8c-37d8-483b-9c6c-6b27e9afa9bc" providerId="ADAL" clId="{BF04C754-5BF4-4E83-9615-DB14FA25AF8A}" dt="2023-10-12T11:38:08.274" v="295"/>
          <ac:spMkLst>
            <pc:docMk/>
            <pc:sldMk cId="2376958513" sldId="260"/>
            <ac:spMk id="6932" creationId="{4CB0437B-E4AA-6844-4755-51211018D6DE}"/>
          </ac:spMkLst>
        </pc:spChg>
        <pc:spChg chg="mod">
          <ac:chgData name="White, Alex" userId="eff6cc8c-37d8-483b-9c6c-6b27e9afa9bc" providerId="ADAL" clId="{BF04C754-5BF4-4E83-9615-DB14FA25AF8A}" dt="2023-10-12T11:38:08.274" v="295"/>
          <ac:spMkLst>
            <pc:docMk/>
            <pc:sldMk cId="2376958513" sldId="260"/>
            <ac:spMk id="6933" creationId="{24EE77F6-D4D5-ACA9-9526-99C9B0444AC7}"/>
          </ac:spMkLst>
        </pc:spChg>
        <pc:spChg chg="mod">
          <ac:chgData name="White, Alex" userId="eff6cc8c-37d8-483b-9c6c-6b27e9afa9bc" providerId="ADAL" clId="{BF04C754-5BF4-4E83-9615-DB14FA25AF8A}" dt="2023-10-12T11:38:08.274" v="295"/>
          <ac:spMkLst>
            <pc:docMk/>
            <pc:sldMk cId="2376958513" sldId="260"/>
            <ac:spMk id="6934" creationId="{33C5C382-956A-5842-26D4-2750B546B135}"/>
          </ac:spMkLst>
        </pc:spChg>
        <pc:spChg chg="mod">
          <ac:chgData name="White, Alex" userId="eff6cc8c-37d8-483b-9c6c-6b27e9afa9bc" providerId="ADAL" clId="{BF04C754-5BF4-4E83-9615-DB14FA25AF8A}" dt="2023-10-12T11:38:08.274" v="295"/>
          <ac:spMkLst>
            <pc:docMk/>
            <pc:sldMk cId="2376958513" sldId="260"/>
            <ac:spMk id="6935" creationId="{91529E08-7D02-5649-10B6-909F70815CF4}"/>
          </ac:spMkLst>
        </pc:spChg>
        <pc:spChg chg="mod">
          <ac:chgData name="White, Alex" userId="eff6cc8c-37d8-483b-9c6c-6b27e9afa9bc" providerId="ADAL" clId="{BF04C754-5BF4-4E83-9615-DB14FA25AF8A}" dt="2023-10-12T11:38:08.274" v="295"/>
          <ac:spMkLst>
            <pc:docMk/>
            <pc:sldMk cId="2376958513" sldId="260"/>
            <ac:spMk id="6936" creationId="{31489732-84CC-F308-7D67-3B4EDC6B76C8}"/>
          </ac:spMkLst>
        </pc:spChg>
        <pc:spChg chg="mod">
          <ac:chgData name="White, Alex" userId="eff6cc8c-37d8-483b-9c6c-6b27e9afa9bc" providerId="ADAL" clId="{BF04C754-5BF4-4E83-9615-DB14FA25AF8A}" dt="2023-10-12T11:38:08.274" v="295"/>
          <ac:spMkLst>
            <pc:docMk/>
            <pc:sldMk cId="2376958513" sldId="260"/>
            <ac:spMk id="6937" creationId="{71CA9A06-2F93-7CB2-69DD-A0C3126F38FA}"/>
          </ac:spMkLst>
        </pc:spChg>
        <pc:spChg chg="mod">
          <ac:chgData name="White, Alex" userId="eff6cc8c-37d8-483b-9c6c-6b27e9afa9bc" providerId="ADAL" clId="{BF04C754-5BF4-4E83-9615-DB14FA25AF8A}" dt="2023-10-12T11:38:08.274" v="295"/>
          <ac:spMkLst>
            <pc:docMk/>
            <pc:sldMk cId="2376958513" sldId="260"/>
            <ac:spMk id="6938" creationId="{63704889-F035-DC05-8DB6-1A968741D64B}"/>
          </ac:spMkLst>
        </pc:spChg>
        <pc:spChg chg="mod">
          <ac:chgData name="White, Alex" userId="eff6cc8c-37d8-483b-9c6c-6b27e9afa9bc" providerId="ADAL" clId="{BF04C754-5BF4-4E83-9615-DB14FA25AF8A}" dt="2023-10-12T11:38:08.274" v="295"/>
          <ac:spMkLst>
            <pc:docMk/>
            <pc:sldMk cId="2376958513" sldId="260"/>
            <ac:spMk id="6939" creationId="{A10ACE3E-D43C-662C-03AA-72ABA67D170A}"/>
          </ac:spMkLst>
        </pc:spChg>
        <pc:spChg chg="mod">
          <ac:chgData name="White, Alex" userId="eff6cc8c-37d8-483b-9c6c-6b27e9afa9bc" providerId="ADAL" clId="{BF04C754-5BF4-4E83-9615-DB14FA25AF8A}" dt="2023-10-12T11:38:08.274" v="295"/>
          <ac:spMkLst>
            <pc:docMk/>
            <pc:sldMk cId="2376958513" sldId="260"/>
            <ac:spMk id="6940" creationId="{2B433A5A-281C-A190-6042-60CF26190854}"/>
          </ac:spMkLst>
        </pc:spChg>
        <pc:spChg chg="mod">
          <ac:chgData name="White, Alex" userId="eff6cc8c-37d8-483b-9c6c-6b27e9afa9bc" providerId="ADAL" clId="{BF04C754-5BF4-4E83-9615-DB14FA25AF8A}" dt="2023-10-12T11:38:08.274" v="295"/>
          <ac:spMkLst>
            <pc:docMk/>
            <pc:sldMk cId="2376958513" sldId="260"/>
            <ac:spMk id="6941" creationId="{EC6AB034-4D15-B7C9-879F-13F861A43EB3}"/>
          </ac:spMkLst>
        </pc:spChg>
        <pc:spChg chg="mod">
          <ac:chgData name="White, Alex" userId="eff6cc8c-37d8-483b-9c6c-6b27e9afa9bc" providerId="ADAL" clId="{BF04C754-5BF4-4E83-9615-DB14FA25AF8A}" dt="2023-10-12T11:38:08.274" v="295"/>
          <ac:spMkLst>
            <pc:docMk/>
            <pc:sldMk cId="2376958513" sldId="260"/>
            <ac:spMk id="6942" creationId="{B3FB7CA9-E215-55F5-90A7-188C8BF54B27}"/>
          </ac:spMkLst>
        </pc:spChg>
        <pc:spChg chg="mod">
          <ac:chgData name="White, Alex" userId="eff6cc8c-37d8-483b-9c6c-6b27e9afa9bc" providerId="ADAL" clId="{BF04C754-5BF4-4E83-9615-DB14FA25AF8A}" dt="2023-10-12T11:38:08.274" v="295"/>
          <ac:spMkLst>
            <pc:docMk/>
            <pc:sldMk cId="2376958513" sldId="260"/>
            <ac:spMk id="6943" creationId="{C6252C3C-5BE0-FB89-0F20-0480D8875432}"/>
          </ac:spMkLst>
        </pc:spChg>
        <pc:spChg chg="mod">
          <ac:chgData name="White, Alex" userId="eff6cc8c-37d8-483b-9c6c-6b27e9afa9bc" providerId="ADAL" clId="{BF04C754-5BF4-4E83-9615-DB14FA25AF8A}" dt="2023-10-12T11:38:08.274" v="295"/>
          <ac:spMkLst>
            <pc:docMk/>
            <pc:sldMk cId="2376958513" sldId="260"/>
            <ac:spMk id="6944" creationId="{00F52204-BE62-D66F-4D54-F41A686F75E2}"/>
          </ac:spMkLst>
        </pc:spChg>
        <pc:spChg chg="mod">
          <ac:chgData name="White, Alex" userId="eff6cc8c-37d8-483b-9c6c-6b27e9afa9bc" providerId="ADAL" clId="{BF04C754-5BF4-4E83-9615-DB14FA25AF8A}" dt="2023-10-12T11:38:08.274" v="295"/>
          <ac:spMkLst>
            <pc:docMk/>
            <pc:sldMk cId="2376958513" sldId="260"/>
            <ac:spMk id="6945" creationId="{6F168B5E-12DD-3EC1-E993-7F74B09D66F8}"/>
          </ac:spMkLst>
        </pc:spChg>
        <pc:spChg chg="mod">
          <ac:chgData name="White, Alex" userId="eff6cc8c-37d8-483b-9c6c-6b27e9afa9bc" providerId="ADAL" clId="{BF04C754-5BF4-4E83-9615-DB14FA25AF8A}" dt="2023-10-12T11:38:08.274" v="295"/>
          <ac:spMkLst>
            <pc:docMk/>
            <pc:sldMk cId="2376958513" sldId="260"/>
            <ac:spMk id="6946" creationId="{16B6C2E1-42EA-6E60-5AF1-D7283AB85B83}"/>
          </ac:spMkLst>
        </pc:spChg>
        <pc:spChg chg="mod">
          <ac:chgData name="White, Alex" userId="eff6cc8c-37d8-483b-9c6c-6b27e9afa9bc" providerId="ADAL" clId="{BF04C754-5BF4-4E83-9615-DB14FA25AF8A}" dt="2023-10-12T11:38:08.274" v="295"/>
          <ac:spMkLst>
            <pc:docMk/>
            <pc:sldMk cId="2376958513" sldId="260"/>
            <ac:spMk id="6947" creationId="{A0A4F6FC-A6C8-156A-592F-445C9A8F83B3}"/>
          </ac:spMkLst>
        </pc:spChg>
        <pc:spChg chg="mod">
          <ac:chgData name="White, Alex" userId="eff6cc8c-37d8-483b-9c6c-6b27e9afa9bc" providerId="ADAL" clId="{BF04C754-5BF4-4E83-9615-DB14FA25AF8A}" dt="2023-10-12T11:38:08.274" v="295"/>
          <ac:spMkLst>
            <pc:docMk/>
            <pc:sldMk cId="2376958513" sldId="260"/>
            <ac:spMk id="6948" creationId="{49D87EAA-7F7F-3909-A778-47B6590AB6C4}"/>
          </ac:spMkLst>
        </pc:spChg>
        <pc:spChg chg="mod">
          <ac:chgData name="White, Alex" userId="eff6cc8c-37d8-483b-9c6c-6b27e9afa9bc" providerId="ADAL" clId="{BF04C754-5BF4-4E83-9615-DB14FA25AF8A}" dt="2023-10-12T11:38:08.274" v="295"/>
          <ac:spMkLst>
            <pc:docMk/>
            <pc:sldMk cId="2376958513" sldId="260"/>
            <ac:spMk id="6949" creationId="{EAF8F6A8-BEB2-50EA-2547-8B8D62593B63}"/>
          </ac:spMkLst>
        </pc:spChg>
        <pc:spChg chg="mod">
          <ac:chgData name="White, Alex" userId="eff6cc8c-37d8-483b-9c6c-6b27e9afa9bc" providerId="ADAL" clId="{BF04C754-5BF4-4E83-9615-DB14FA25AF8A}" dt="2023-10-12T11:38:08.274" v="295"/>
          <ac:spMkLst>
            <pc:docMk/>
            <pc:sldMk cId="2376958513" sldId="260"/>
            <ac:spMk id="6950" creationId="{193D07BA-02D1-B985-E1FE-0508790D88B1}"/>
          </ac:spMkLst>
        </pc:spChg>
        <pc:spChg chg="mod">
          <ac:chgData name="White, Alex" userId="eff6cc8c-37d8-483b-9c6c-6b27e9afa9bc" providerId="ADAL" clId="{BF04C754-5BF4-4E83-9615-DB14FA25AF8A}" dt="2023-10-12T11:38:08.274" v="295"/>
          <ac:spMkLst>
            <pc:docMk/>
            <pc:sldMk cId="2376958513" sldId="260"/>
            <ac:spMk id="6951" creationId="{73B22D16-A80E-E59C-36C5-3C7C9745930F}"/>
          </ac:spMkLst>
        </pc:spChg>
        <pc:spChg chg="mod">
          <ac:chgData name="White, Alex" userId="eff6cc8c-37d8-483b-9c6c-6b27e9afa9bc" providerId="ADAL" clId="{BF04C754-5BF4-4E83-9615-DB14FA25AF8A}" dt="2023-10-12T11:38:08.274" v="295"/>
          <ac:spMkLst>
            <pc:docMk/>
            <pc:sldMk cId="2376958513" sldId="260"/>
            <ac:spMk id="6952" creationId="{D058E4D7-F2D6-97F1-10E3-7D7ABB8FCE5A}"/>
          </ac:spMkLst>
        </pc:spChg>
        <pc:spChg chg="mod">
          <ac:chgData name="White, Alex" userId="eff6cc8c-37d8-483b-9c6c-6b27e9afa9bc" providerId="ADAL" clId="{BF04C754-5BF4-4E83-9615-DB14FA25AF8A}" dt="2023-10-12T11:38:08.274" v="295"/>
          <ac:spMkLst>
            <pc:docMk/>
            <pc:sldMk cId="2376958513" sldId="260"/>
            <ac:spMk id="6953" creationId="{BE5A1F2F-5FD7-DF15-BD76-8082B0F753CD}"/>
          </ac:spMkLst>
        </pc:spChg>
        <pc:spChg chg="mod">
          <ac:chgData name="White, Alex" userId="eff6cc8c-37d8-483b-9c6c-6b27e9afa9bc" providerId="ADAL" clId="{BF04C754-5BF4-4E83-9615-DB14FA25AF8A}" dt="2023-10-12T11:38:08.274" v="295"/>
          <ac:spMkLst>
            <pc:docMk/>
            <pc:sldMk cId="2376958513" sldId="260"/>
            <ac:spMk id="6954" creationId="{E37ACE92-FE6E-6229-6802-155CF516FF74}"/>
          </ac:spMkLst>
        </pc:spChg>
        <pc:spChg chg="mod">
          <ac:chgData name="White, Alex" userId="eff6cc8c-37d8-483b-9c6c-6b27e9afa9bc" providerId="ADAL" clId="{BF04C754-5BF4-4E83-9615-DB14FA25AF8A}" dt="2023-10-12T11:38:08.274" v="295"/>
          <ac:spMkLst>
            <pc:docMk/>
            <pc:sldMk cId="2376958513" sldId="260"/>
            <ac:spMk id="6955" creationId="{92469A59-9769-646D-1304-AE8D76882DB1}"/>
          </ac:spMkLst>
        </pc:spChg>
        <pc:spChg chg="mod">
          <ac:chgData name="White, Alex" userId="eff6cc8c-37d8-483b-9c6c-6b27e9afa9bc" providerId="ADAL" clId="{BF04C754-5BF4-4E83-9615-DB14FA25AF8A}" dt="2023-10-12T11:38:08.274" v="295"/>
          <ac:spMkLst>
            <pc:docMk/>
            <pc:sldMk cId="2376958513" sldId="260"/>
            <ac:spMk id="6956" creationId="{59FEA918-A621-42E5-1FBB-2D1A0349EDBE}"/>
          </ac:spMkLst>
        </pc:spChg>
        <pc:spChg chg="mod">
          <ac:chgData name="White, Alex" userId="eff6cc8c-37d8-483b-9c6c-6b27e9afa9bc" providerId="ADAL" clId="{BF04C754-5BF4-4E83-9615-DB14FA25AF8A}" dt="2023-10-12T11:38:08.274" v="295"/>
          <ac:spMkLst>
            <pc:docMk/>
            <pc:sldMk cId="2376958513" sldId="260"/>
            <ac:spMk id="6957" creationId="{3BB022A1-185F-9E75-6BC4-6686E6F6B306}"/>
          </ac:spMkLst>
        </pc:spChg>
        <pc:spChg chg="mod">
          <ac:chgData name="White, Alex" userId="eff6cc8c-37d8-483b-9c6c-6b27e9afa9bc" providerId="ADAL" clId="{BF04C754-5BF4-4E83-9615-DB14FA25AF8A}" dt="2023-10-12T11:38:08.274" v="295"/>
          <ac:spMkLst>
            <pc:docMk/>
            <pc:sldMk cId="2376958513" sldId="260"/>
            <ac:spMk id="6958" creationId="{54F50226-AE90-92DF-0E94-ECA5C1E20AA2}"/>
          </ac:spMkLst>
        </pc:spChg>
        <pc:spChg chg="mod">
          <ac:chgData name="White, Alex" userId="eff6cc8c-37d8-483b-9c6c-6b27e9afa9bc" providerId="ADAL" clId="{BF04C754-5BF4-4E83-9615-DB14FA25AF8A}" dt="2023-10-12T11:38:08.274" v="295"/>
          <ac:spMkLst>
            <pc:docMk/>
            <pc:sldMk cId="2376958513" sldId="260"/>
            <ac:spMk id="6959" creationId="{A504F890-396C-EF41-AF52-0284A4066512}"/>
          </ac:spMkLst>
        </pc:spChg>
        <pc:spChg chg="mod">
          <ac:chgData name="White, Alex" userId="eff6cc8c-37d8-483b-9c6c-6b27e9afa9bc" providerId="ADAL" clId="{BF04C754-5BF4-4E83-9615-DB14FA25AF8A}" dt="2023-10-12T11:38:08.274" v="295"/>
          <ac:spMkLst>
            <pc:docMk/>
            <pc:sldMk cId="2376958513" sldId="260"/>
            <ac:spMk id="6960" creationId="{1C81D079-926A-7164-AC99-E0031FF25FAC}"/>
          </ac:spMkLst>
        </pc:spChg>
        <pc:spChg chg="mod">
          <ac:chgData name="White, Alex" userId="eff6cc8c-37d8-483b-9c6c-6b27e9afa9bc" providerId="ADAL" clId="{BF04C754-5BF4-4E83-9615-DB14FA25AF8A}" dt="2023-10-12T11:38:08.274" v="295"/>
          <ac:spMkLst>
            <pc:docMk/>
            <pc:sldMk cId="2376958513" sldId="260"/>
            <ac:spMk id="6961" creationId="{BD5E2931-196F-FA4F-2C09-6B496C701E73}"/>
          </ac:spMkLst>
        </pc:spChg>
        <pc:spChg chg="mod">
          <ac:chgData name="White, Alex" userId="eff6cc8c-37d8-483b-9c6c-6b27e9afa9bc" providerId="ADAL" clId="{BF04C754-5BF4-4E83-9615-DB14FA25AF8A}" dt="2023-10-12T11:38:08.274" v="295"/>
          <ac:spMkLst>
            <pc:docMk/>
            <pc:sldMk cId="2376958513" sldId="260"/>
            <ac:spMk id="6962" creationId="{95D08950-CE6B-9F1F-4F54-F7CFBAB72CA5}"/>
          </ac:spMkLst>
        </pc:spChg>
        <pc:spChg chg="mod">
          <ac:chgData name="White, Alex" userId="eff6cc8c-37d8-483b-9c6c-6b27e9afa9bc" providerId="ADAL" clId="{BF04C754-5BF4-4E83-9615-DB14FA25AF8A}" dt="2023-10-12T11:38:08.274" v="295"/>
          <ac:spMkLst>
            <pc:docMk/>
            <pc:sldMk cId="2376958513" sldId="260"/>
            <ac:spMk id="6963" creationId="{781409A3-B26D-433C-AF72-EB35F9340E99}"/>
          </ac:spMkLst>
        </pc:spChg>
        <pc:spChg chg="mod">
          <ac:chgData name="White, Alex" userId="eff6cc8c-37d8-483b-9c6c-6b27e9afa9bc" providerId="ADAL" clId="{BF04C754-5BF4-4E83-9615-DB14FA25AF8A}" dt="2023-10-12T11:38:08.274" v="295"/>
          <ac:spMkLst>
            <pc:docMk/>
            <pc:sldMk cId="2376958513" sldId="260"/>
            <ac:spMk id="6964" creationId="{FC54C8EF-DAE8-7400-322D-D4AD85C30FA2}"/>
          </ac:spMkLst>
        </pc:spChg>
        <pc:spChg chg="mod">
          <ac:chgData name="White, Alex" userId="eff6cc8c-37d8-483b-9c6c-6b27e9afa9bc" providerId="ADAL" clId="{BF04C754-5BF4-4E83-9615-DB14FA25AF8A}" dt="2023-10-12T11:38:08.274" v="295"/>
          <ac:spMkLst>
            <pc:docMk/>
            <pc:sldMk cId="2376958513" sldId="260"/>
            <ac:spMk id="6965" creationId="{5279CD3D-79F7-DE2E-9562-E3C6634881CF}"/>
          </ac:spMkLst>
        </pc:spChg>
        <pc:spChg chg="mod">
          <ac:chgData name="White, Alex" userId="eff6cc8c-37d8-483b-9c6c-6b27e9afa9bc" providerId="ADAL" clId="{BF04C754-5BF4-4E83-9615-DB14FA25AF8A}" dt="2023-10-12T11:38:08.274" v="295"/>
          <ac:spMkLst>
            <pc:docMk/>
            <pc:sldMk cId="2376958513" sldId="260"/>
            <ac:spMk id="6966" creationId="{20A3DDB4-AB74-790F-31E4-34A0B485F670}"/>
          </ac:spMkLst>
        </pc:spChg>
        <pc:spChg chg="mod">
          <ac:chgData name="White, Alex" userId="eff6cc8c-37d8-483b-9c6c-6b27e9afa9bc" providerId="ADAL" clId="{BF04C754-5BF4-4E83-9615-DB14FA25AF8A}" dt="2023-10-12T11:38:08.274" v="295"/>
          <ac:spMkLst>
            <pc:docMk/>
            <pc:sldMk cId="2376958513" sldId="260"/>
            <ac:spMk id="6967" creationId="{AFB04E4A-261A-C490-667A-28BBAB2F14B2}"/>
          </ac:spMkLst>
        </pc:spChg>
        <pc:spChg chg="mod">
          <ac:chgData name="White, Alex" userId="eff6cc8c-37d8-483b-9c6c-6b27e9afa9bc" providerId="ADAL" clId="{BF04C754-5BF4-4E83-9615-DB14FA25AF8A}" dt="2023-10-12T11:38:08.274" v="295"/>
          <ac:spMkLst>
            <pc:docMk/>
            <pc:sldMk cId="2376958513" sldId="260"/>
            <ac:spMk id="6968" creationId="{698CC672-54E7-9207-C850-8478C2DFDF2D}"/>
          </ac:spMkLst>
        </pc:spChg>
        <pc:spChg chg="mod">
          <ac:chgData name="White, Alex" userId="eff6cc8c-37d8-483b-9c6c-6b27e9afa9bc" providerId="ADAL" clId="{BF04C754-5BF4-4E83-9615-DB14FA25AF8A}" dt="2023-10-12T11:38:08.274" v="295"/>
          <ac:spMkLst>
            <pc:docMk/>
            <pc:sldMk cId="2376958513" sldId="260"/>
            <ac:spMk id="6969" creationId="{8A84E59F-0464-A8F7-29B5-F9F2FEBF0FB7}"/>
          </ac:spMkLst>
        </pc:spChg>
        <pc:spChg chg="mod">
          <ac:chgData name="White, Alex" userId="eff6cc8c-37d8-483b-9c6c-6b27e9afa9bc" providerId="ADAL" clId="{BF04C754-5BF4-4E83-9615-DB14FA25AF8A}" dt="2023-10-12T11:38:08.274" v="295"/>
          <ac:spMkLst>
            <pc:docMk/>
            <pc:sldMk cId="2376958513" sldId="260"/>
            <ac:spMk id="6970" creationId="{BEF0001E-4CA9-2952-111C-B06CDF01D862}"/>
          </ac:spMkLst>
        </pc:spChg>
        <pc:spChg chg="mod">
          <ac:chgData name="White, Alex" userId="eff6cc8c-37d8-483b-9c6c-6b27e9afa9bc" providerId="ADAL" clId="{BF04C754-5BF4-4E83-9615-DB14FA25AF8A}" dt="2023-10-12T11:38:08.274" v="295"/>
          <ac:spMkLst>
            <pc:docMk/>
            <pc:sldMk cId="2376958513" sldId="260"/>
            <ac:spMk id="6971" creationId="{EE198E0A-CAA4-F671-39B1-E6AB937C0DBB}"/>
          </ac:spMkLst>
        </pc:spChg>
        <pc:spChg chg="mod">
          <ac:chgData name="White, Alex" userId="eff6cc8c-37d8-483b-9c6c-6b27e9afa9bc" providerId="ADAL" clId="{BF04C754-5BF4-4E83-9615-DB14FA25AF8A}" dt="2023-10-12T11:38:08.274" v="295"/>
          <ac:spMkLst>
            <pc:docMk/>
            <pc:sldMk cId="2376958513" sldId="260"/>
            <ac:spMk id="6972" creationId="{C5D07605-D16B-BC94-3B1C-C97C9D87E48C}"/>
          </ac:spMkLst>
        </pc:spChg>
        <pc:spChg chg="mod">
          <ac:chgData name="White, Alex" userId="eff6cc8c-37d8-483b-9c6c-6b27e9afa9bc" providerId="ADAL" clId="{BF04C754-5BF4-4E83-9615-DB14FA25AF8A}" dt="2023-10-12T11:38:08.274" v="295"/>
          <ac:spMkLst>
            <pc:docMk/>
            <pc:sldMk cId="2376958513" sldId="260"/>
            <ac:spMk id="6973" creationId="{D58CEBDF-51D7-EE9E-CC3A-0923069FA538}"/>
          </ac:spMkLst>
        </pc:spChg>
        <pc:spChg chg="mod">
          <ac:chgData name="White, Alex" userId="eff6cc8c-37d8-483b-9c6c-6b27e9afa9bc" providerId="ADAL" clId="{BF04C754-5BF4-4E83-9615-DB14FA25AF8A}" dt="2023-10-12T11:38:08.274" v="295"/>
          <ac:spMkLst>
            <pc:docMk/>
            <pc:sldMk cId="2376958513" sldId="260"/>
            <ac:spMk id="6974" creationId="{CE906F6A-1D9C-C0C6-C564-83D85DD6A58B}"/>
          </ac:spMkLst>
        </pc:spChg>
        <pc:spChg chg="mod">
          <ac:chgData name="White, Alex" userId="eff6cc8c-37d8-483b-9c6c-6b27e9afa9bc" providerId="ADAL" clId="{BF04C754-5BF4-4E83-9615-DB14FA25AF8A}" dt="2023-10-12T11:38:08.274" v="295"/>
          <ac:spMkLst>
            <pc:docMk/>
            <pc:sldMk cId="2376958513" sldId="260"/>
            <ac:spMk id="6975" creationId="{CF34A39A-5EE8-52BA-C401-C56F0DE8F7CB}"/>
          </ac:spMkLst>
        </pc:spChg>
        <pc:spChg chg="mod">
          <ac:chgData name="White, Alex" userId="eff6cc8c-37d8-483b-9c6c-6b27e9afa9bc" providerId="ADAL" clId="{BF04C754-5BF4-4E83-9615-DB14FA25AF8A}" dt="2023-10-12T11:38:08.274" v="295"/>
          <ac:spMkLst>
            <pc:docMk/>
            <pc:sldMk cId="2376958513" sldId="260"/>
            <ac:spMk id="6976" creationId="{99AD60CD-4835-E418-3B31-F7948279A3A1}"/>
          </ac:spMkLst>
        </pc:spChg>
        <pc:spChg chg="mod">
          <ac:chgData name="White, Alex" userId="eff6cc8c-37d8-483b-9c6c-6b27e9afa9bc" providerId="ADAL" clId="{BF04C754-5BF4-4E83-9615-DB14FA25AF8A}" dt="2023-10-12T11:38:08.274" v="295"/>
          <ac:spMkLst>
            <pc:docMk/>
            <pc:sldMk cId="2376958513" sldId="260"/>
            <ac:spMk id="6977" creationId="{33B24842-3AFC-DDC1-78FC-A629E0E529AF}"/>
          </ac:spMkLst>
        </pc:spChg>
        <pc:spChg chg="mod">
          <ac:chgData name="White, Alex" userId="eff6cc8c-37d8-483b-9c6c-6b27e9afa9bc" providerId="ADAL" clId="{BF04C754-5BF4-4E83-9615-DB14FA25AF8A}" dt="2023-10-12T11:38:08.274" v="295"/>
          <ac:spMkLst>
            <pc:docMk/>
            <pc:sldMk cId="2376958513" sldId="260"/>
            <ac:spMk id="6978" creationId="{BD739218-04CC-7ECD-7B20-94934B0DB88A}"/>
          </ac:spMkLst>
        </pc:spChg>
        <pc:spChg chg="mod">
          <ac:chgData name="White, Alex" userId="eff6cc8c-37d8-483b-9c6c-6b27e9afa9bc" providerId="ADAL" clId="{BF04C754-5BF4-4E83-9615-DB14FA25AF8A}" dt="2023-10-12T11:38:08.274" v="295"/>
          <ac:spMkLst>
            <pc:docMk/>
            <pc:sldMk cId="2376958513" sldId="260"/>
            <ac:spMk id="6979" creationId="{F629CABD-7AED-8626-9A62-BBE0015DF0A4}"/>
          </ac:spMkLst>
        </pc:spChg>
        <pc:spChg chg="mod">
          <ac:chgData name="White, Alex" userId="eff6cc8c-37d8-483b-9c6c-6b27e9afa9bc" providerId="ADAL" clId="{BF04C754-5BF4-4E83-9615-DB14FA25AF8A}" dt="2023-10-12T11:38:08.274" v="295"/>
          <ac:spMkLst>
            <pc:docMk/>
            <pc:sldMk cId="2376958513" sldId="260"/>
            <ac:spMk id="6980" creationId="{47C3DCA1-2840-555D-1823-DCE3232241E1}"/>
          </ac:spMkLst>
        </pc:spChg>
        <pc:spChg chg="mod">
          <ac:chgData name="White, Alex" userId="eff6cc8c-37d8-483b-9c6c-6b27e9afa9bc" providerId="ADAL" clId="{BF04C754-5BF4-4E83-9615-DB14FA25AF8A}" dt="2023-10-12T11:38:08.274" v="295"/>
          <ac:spMkLst>
            <pc:docMk/>
            <pc:sldMk cId="2376958513" sldId="260"/>
            <ac:spMk id="6981" creationId="{4425EA62-2E32-6E5F-F413-DA6AD976CC94}"/>
          </ac:spMkLst>
        </pc:spChg>
        <pc:spChg chg="mod">
          <ac:chgData name="White, Alex" userId="eff6cc8c-37d8-483b-9c6c-6b27e9afa9bc" providerId="ADAL" clId="{BF04C754-5BF4-4E83-9615-DB14FA25AF8A}" dt="2023-10-12T11:38:08.274" v="295"/>
          <ac:spMkLst>
            <pc:docMk/>
            <pc:sldMk cId="2376958513" sldId="260"/>
            <ac:spMk id="6982" creationId="{ADAAB915-A95A-87F6-D22F-A240B71CB0D9}"/>
          </ac:spMkLst>
        </pc:spChg>
        <pc:spChg chg="mod">
          <ac:chgData name="White, Alex" userId="eff6cc8c-37d8-483b-9c6c-6b27e9afa9bc" providerId="ADAL" clId="{BF04C754-5BF4-4E83-9615-DB14FA25AF8A}" dt="2023-10-12T11:38:08.274" v="295"/>
          <ac:spMkLst>
            <pc:docMk/>
            <pc:sldMk cId="2376958513" sldId="260"/>
            <ac:spMk id="6983" creationId="{AA1AEE17-FC77-059C-3B13-ECD2D7C2C1F8}"/>
          </ac:spMkLst>
        </pc:spChg>
        <pc:spChg chg="mod">
          <ac:chgData name="White, Alex" userId="eff6cc8c-37d8-483b-9c6c-6b27e9afa9bc" providerId="ADAL" clId="{BF04C754-5BF4-4E83-9615-DB14FA25AF8A}" dt="2023-10-12T11:38:08.274" v="295"/>
          <ac:spMkLst>
            <pc:docMk/>
            <pc:sldMk cId="2376958513" sldId="260"/>
            <ac:spMk id="6984" creationId="{0BDEC4EB-FAE0-D008-943C-A64C0E23A3BA}"/>
          </ac:spMkLst>
        </pc:spChg>
        <pc:spChg chg="mod">
          <ac:chgData name="White, Alex" userId="eff6cc8c-37d8-483b-9c6c-6b27e9afa9bc" providerId="ADAL" clId="{BF04C754-5BF4-4E83-9615-DB14FA25AF8A}" dt="2023-10-12T11:38:08.274" v="295"/>
          <ac:spMkLst>
            <pc:docMk/>
            <pc:sldMk cId="2376958513" sldId="260"/>
            <ac:spMk id="6985" creationId="{6651F6BA-0209-D693-E8E6-AFD517EE0180}"/>
          </ac:spMkLst>
        </pc:spChg>
        <pc:spChg chg="mod">
          <ac:chgData name="White, Alex" userId="eff6cc8c-37d8-483b-9c6c-6b27e9afa9bc" providerId="ADAL" clId="{BF04C754-5BF4-4E83-9615-DB14FA25AF8A}" dt="2023-10-12T11:38:08.274" v="295"/>
          <ac:spMkLst>
            <pc:docMk/>
            <pc:sldMk cId="2376958513" sldId="260"/>
            <ac:spMk id="6986" creationId="{506593F9-91F5-A71D-44E7-725D68564E6A}"/>
          </ac:spMkLst>
        </pc:spChg>
        <pc:spChg chg="mod">
          <ac:chgData name="White, Alex" userId="eff6cc8c-37d8-483b-9c6c-6b27e9afa9bc" providerId="ADAL" clId="{BF04C754-5BF4-4E83-9615-DB14FA25AF8A}" dt="2023-10-12T11:38:08.274" v="295"/>
          <ac:spMkLst>
            <pc:docMk/>
            <pc:sldMk cId="2376958513" sldId="260"/>
            <ac:spMk id="6987" creationId="{4EE6081E-BFC6-11FA-9DF5-174AC167473D}"/>
          </ac:spMkLst>
        </pc:spChg>
        <pc:spChg chg="mod">
          <ac:chgData name="White, Alex" userId="eff6cc8c-37d8-483b-9c6c-6b27e9afa9bc" providerId="ADAL" clId="{BF04C754-5BF4-4E83-9615-DB14FA25AF8A}" dt="2023-10-12T11:38:08.274" v="295"/>
          <ac:spMkLst>
            <pc:docMk/>
            <pc:sldMk cId="2376958513" sldId="260"/>
            <ac:spMk id="6988" creationId="{95E2CDFB-F994-5F39-E1C7-1282C9393646}"/>
          </ac:spMkLst>
        </pc:spChg>
        <pc:spChg chg="mod">
          <ac:chgData name="White, Alex" userId="eff6cc8c-37d8-483b-9c6c-6b27e9afa9bc" providerId="ADAL" clId="{BF04C754-5BF4-4E83-9615-DB14FA25AF8A}" dt="2023-10-12T11:38:08.274" v="295"/>
          <ac:spMkLst>
            <pc:docMk/>
            <pc:sldMk cId="2376958513" sldId="260"/>
            <ac:spMk id="6989" creationId="{42BD2123-0C17-D1EE-1A9B-E0DF0E0A1CEF}"/>
          </ac:spMkLst>
        </pc:spChg>
        <pc:spChg chg="mod">
          <ac:chgData name="White, Alex" userId="eff6cc8c-37d8-483b-9c6c-6b27e9afa9bc" providerId="ADAL" clId="{BF04C754-5BF4-4E83-9615-DB14FA25AF8A}" dt="2023-10-12T11:38:08.274" v="295"/>
          <ac:spMkLst>
            <pc:docMk/>
            <pc:sldMk cId="2376958513" sldId="260"/>
            <ac:spMk id="6990" creationId="{0F29EE52-D49F-7CFF-7670-35BC74A04854}"/>
          </ac:spMkLst>
        </pc:spChg>
        <pc:spChg chg="mod">
          <ac:chgData name="White, Alex" userId="eff6cc8c-37d8-483b-9c6c-6b27e9afa9bc" providerId="ADAL" clId="{BF04C754-5BF4-4E83-9615-DB14FA25AF8A}" dt="2023-10-12T11:38:08.274" v="295"/>
          <ac:spMkLst>
            <pc:docMk/>
            <pc:sldMk cId="2376958513" sldId="260"/>
            <ac:spMk id="6991" creationId="{63044C82-9C0B-5A6A-2B0D-76E2ECDB0C0B}"/>
          </ac:spMkLst>
        </pc:spChg>
        <pc:spChg chg="mod">
          <ac:chgData name="White, Alex" userId="eff6cc8c-37d8-483b-9c6c-6b27e9afa9bc" providerId="ADAL" clId="{BF04C754-5BF4-4E83-9615-DB14FA25AF8A}" dt="2023-10-12T11:38:08.274" v="295"/>
          <ac:spMkLst>
            <pc:docMk/>
            <pc:sldMk cId="2376958513" sldId="260"/>
            <ac:spMk id="6992" creationId="{3EEB7A71-08D4-1030-1B9D-BCF476416A50}"/>
          </ac:spMkLst>
        </pc:spChg>
        <pc:spChg chg="mod">
          <ac:chgData name="White, Alex" userId="eff6cc8c-37d8-483b-9c6c-6b27e9afa9bc" providerId="ADAL" clId="{BF04C754-5BF4-4E83-9615-DB14FA25AF8A}" dt="2023-10-12T11:38:08.274" v="295"/>
          <ac:spMkLst>
            <pc:docMk/>
            <pc:sldMk cId="2376958513" sldId="260"/>
            <ac:spMk id="6993" creationId="{56017F3E-F3F0-4DA9-E3D1-4B3E08AD1DC9}"/>
          </ac:spMkLst>
        </pc:spChg>
        <pc:spChg chg="mod">
          <ac:chgData name="White, Alex" userId="eff6cc8c-37d8-483b-9c6c-6b27e9afa9bc" providerId="ADAL" clId="{BF04C754-5BF4-4E83-9615-DB14FA25AF8A}" dt="2023-10-12T11:38:08.274" v="295"/>
          <ac:spMkLst>
            <pc:docMk/>
            <pc:sldMk cId="2376958513" sldId="260"/>
            <ac:spMk id="6994" creationId="{530B2D00-27A5-9304-4530-B11093D0E7D4}"/>
          </ac:spMkLst>
        </pc:spChg>
        <pc:spChg chg="mod">
          <ac:chgData name="White, Alex" userId="eff6cc8c-37d8-483b-9c6c-6b27e9afa9bc" providerId="ADAL" clId="{BF04C754-5BF4-4E83-9615-DB14FA25AF8A}" dt="2023-10-12T11:38:08.274" v="295"/>
          <ac:spMkLst>
            <pc:docMk/>
            <pc:sldMk cId="2376958513" sldId="260"/>
            <ac:spMk id="6995" creationId="{504B40C9-713F-90EA-C7C7-FF242B6E700A}"/>
          </ac:spMkLst>
        </pc:spChg>
        <pc:spChg chg="mod">
          <ac:chgData name="White, Alex" userId="eff6cc8c-37d8-483b-9c6c-6b27e9afa9bc" providerId="ADAL" clId="{BF04C754-5BF4-4E83-9615-DB14FA25AF8A}" dt="2023-10-12T11:38:08.274" v="295"/>
          <ac:spMkLst>
            <pc:docMk/>
            <pc:sldMk cId="2376958513" sldId="260"/>
            <ac:spMk id="6996" creationId="{CE22D301-E9A1-8B53-6077-B2B0F78C4189}"/>
          </ac:spMkLst>
        </pc:spChg>
        <pc:spChg chg="mod">
          <ac:chgData name="White, Alex" userId="eff6cc8c-37d8-483b-9c6c-6b27e9afa9bc" providerId="ADAL" clId="{BF04C754-5BF4-4E83-9615-DB14FA25AF8A}" dt="2023-10-12T11:38:08.274" v="295"/>
          <ac:spMkLst>
            <pc:docMk/>
            <pc:sldMk cId="2376958513" sldId="260"/>
            <ac:spMk id="6997" creationId="{6E40299F-CCB9-68AB-A85E-C46990E48CBE}"/>
          </ac:spMkLst>
        </pc:spChg>
        <pc:spChg chg="mod">
          <ac:chgData name="White, Alex" userId="eff6cc8c-37d8-483b-9c6c-6b27e9afa9bc" providerId="ADAL" clId="{BF04C754-5BF4-4E83-9615-DB14FA25AF8A}" dt="2023-10-12T11:38:08.274" v="295"/>
          <ac:spMkLst>
            <pc:docMk/>
            <pc:sldMk cId="2376958513" sldId="260"/>
            <ac:spMk id="6998" creationId="{1389EE50-E00A-2F4D-0FE7-49A06618C026}"/>
          </ac:spMkLst>
        </pc:spChg>
        <pc:spChg chg="mod">
          <ac:chgData name="White, Alex" userId="eff6cc8c-37d8-483b-9c6c-6b27e9afa9bc" providerId="ADAL" clId="{BF04C754-5BF4-4E83-9615-DB14FA25AF8A}" dt="2023-10-12T11:38:08.274" v="295"/>
          <ac:spMkLst>
            <pc:docMk/>
            <pc:sldMk cId="2376958513" sldId="260"/>
            <ac:spMk id="6999" creationId="{736C73C8-58F4-AA44-80BD-77D3B7F1CA90}"/>
          </ac:spMkLst>
        </pc:spChg>
        <pc:spChg chg="mod">
          <ac:chgData name="White, Alex" userId="eff6cc8c-37d8-483b-9c6c-6b27e9afa9bc" providerId="ADAL" clId="{BF04C754-5BF4-4E83-9615-DB14FA25AF8A}" dt="2023-10-12T11:38:08.274" v="295"/>
          <ac:spMkLst>
            <pc:docMk/>
            <pc:sldMk cId="2376958513" sldId="260"/>
            <ac:spMk id="7000" creationId="{3E232411-A86C-E3E7-E536-2A10446378F2}"/>
          </ac:spMkLst>
        </pc:spChg>
        <pc:spChg chg="mod">
          <ac:chgData name="White, Alex" userId="eff6cc8c-37d8-483b-9c6c-6b27e9afa9bc" providerId="ADAL" clId="{BF04C754-5BF4-4E83-9615-DB14FA25AF8A}" dt="2023-10-12T11:38:08.274" v="295"/>
          <ac:spMkLst>
            <pc:docMk/>
            <pc:sldMk cId="2376958513" sldId="260"/>
            <ac:spMk id="7001" creationId="{23D23170-B8E2-0E83-EC21-B2169CE44317}"/>
          </ac:spMkLst>
        </pc:spChg>
        <pc:spChg chg="mod">
          <ac:chgData name="White, Alex" userId="eff6cc8c-37d8-483b-9c6c-6b27e9afa9bc" providerId="ADAL" clId="{BF04C754-5BF4-4E83-9615-DB14FA25AF8A}" dt="2023-10-12T11:38:08.274" v="295"/>
          <ac:spMkLst>
            <pc:docMk/>
            <pc:sldMk cId="2376958513" sldId="260"/>
            <ac:spMk id="7002" creationId="{39AFFBB5-F1FB-3E26-6669-5B64A148145A}"/>
          </ac:spMkLst>
        </pc:spChg>
        <pc:spChg chg="mod">
          <ac:chgData name="White, Alex" userId="eff6cc8c-37d8-483b-9c6c-6b27e9afa9bc" providerId="ADAL" clId="{BF04C754-5BF4-4E83-9615-DB14FA25AF8A}" dt="2023-10-12T11:38:08.274" v="295"/>
          <ac:spMkLst>
            <pc:docMk/>
            <pc:sldMk cId="2376958513" sldId="260"/>
            <ac:spMk id="7003" creationId="{2A416A34-3E0B-2942-77CF-B422E08CCAAD}"/>
          </ac:spMkLst>
        </pc:spChg>
        <pc:spChg chg="mod">
          <ac:chgData name="White, Alex" userId="eff6cc8c-37d8-483b-9c6c-6b27e9afa9bc" providerId="ADAL" clId="{BF04C754-5BF4-4E83-9615-DB14FA25AF8A}" dt="2023-10-12T11:38:08.274" v="295"/>
          <ac:spMkLst>
            <pc:docMk/>
            <pc:sldMk cId="2376958513" sldId="260"/>
            <ac:spMk id="7004" creationId="{B40AD17E-AA11-0381-0D5F-3624482A3B76}"/>
          </ac:spMkLst>
        </pc:spChg>
        <pc:spChg chg="mod">
          <ac:chgData name="White, Alex" userId="eff6cc8c-37d8-483b-9c6c-6b27e9afa9bc" providerId="ADAL" clId="{BF04C754-5BF4-4E83-9615-DB14FA25AF8A}" dt="2023-10-12T11:38:08.274" v="295"/>
          <ac:spMkLst>
            <pc:docMk/>
            <pc:sldMk cId="2376958513" sldId="260"/>
            <ac:spMk id="7005" creationId="{0C69ACE9-923D-CF1E-9013-E0F8567C2076}"/>
          </ac:spMkLst>
        </pc:spChg>
        <pc:spChg chg="mod">
          <ac:chgData name="White, Alex" userId="eff6cc8c-37d8-483b-9c6c-6b27e9afa9bc" providerId="ADAL" clId="{BF04C754-5BF4-4E83-9615-DB14FA25AF8A}" dt="2023-10-12T11:38:08.274" v="295"/>
          <ac:spMkLst>
            <pc:docMk/>
            <pc:sldMk cId="2376958513" sldId="260"/>
            <ac:spMk id="7006" creationId="{BB908D78-7F12-F51A-B1E3-42111CC2CB25}"/>
          </ac:spMkLst>
        </pc:spChg>
        <pc:spChg chg="mod">
          <ac:chgData name="White, Alex" userId="eff6cc8c-37d8-483b-9c6c-6b27e9afa9bc" providerId="ADAL" clId="{BF04C754-5BF4-4E83-9615-DB14FA25AF8A}" dt="2023-10-12T11:38:08.274" v="295"/>
          <ac:spMkLst>
            <pc:docMk/>
            <pc:sldMk cId="2376958513" sldId="260"/>
            <ac:spMk id="7007" creationId="{A56121BD-AEEB-F356-2480-B61B70B9E1B5}"/>
          </ac:spMkLst>
        </pc:spChg>
        <pc:spChg chg="mod">
          <ac:chgData name="White, Alex" userId="eff6cc8c-37d8-483b-9c6c-6b27e9afa9bc" providerId="ADAL" clId="{BF04C754-5BF4-4E83-9615-DB14FA25AF8A}" dt="2023-10-12T11:38:08.274" v="295"/>
          <ac:spMkLst>
            <pc:docMk/>
            <pc:sldMk cId="2376958513" sldId="260"/>
            <ac:spMk id="7008" creationId="{B28CE078-B008-DC4F-367D-7A6A0EFE939F}"/>
          </ac:spMkLst>
        </pc:spChg>
        <pc:spChg chg="mod">
          <ac:chgData name="White, Alex" userId="eff6cc8c-37d8-483b-9c6c-6b27e9afa9bc" providerId="ADAL" clId="{BF04C754-5BF4-4E83-9615-DB14FA25AF8A}" dt="2023-10-12T11:38:08.274" v="295"/>
          <ac:spMkLst>
            <pc:docMk/>
            <pc:sldMk cId="2376958513" sldId="260"/>
            <ac:spMk id="7009" creationId="{26F7E503-B424-FF44-B8F9-F08A62D4903C}"/>
          </ac:spMkLst>
        </pc:spChg>
        <pc:spChg chg="mod">
          <ac:chgData name="White, Alex" userId="eff6cc8c-37d8-483b-9c6c-6b27e9afa9bc" providerId="ADAL" clId="{BF04C754-5BF4-4E83-9615-DB14FA25AF8A}" dt="2023-10-12T11:38:08.274" v="295"/>
          <ac:spMkLst>
            <pc:docMk/>
            <pc:sldMk cId="2376958513" sldId="260"/>
            <ac:spMk id="7010" creationId="{9CEB3572-F5FD-F7A9-B04F-6F1FCCDAA9A0}"/>
          </ac:spMkLst>
        </pc:spChg>
        <pc:spChg chg="mod">
          <ac:chgData name="White, Alex" userId="eff6cc8c-37d8-483b-9c6c-6b27e9afa9bc" providerId="ADAL" clId="{BF04C754-5BF4-4E83-9615-DB14FA25AF8A}" dt="2023-10-12T11:38:08.274" v="295"/>
          <ac:spMkLst>
            <pc:docMk/>
            <pc:sldMk cId="2376958513" sldId="260"/>
            <ac:spMk id="7011" creationId="{C94A2BD3-A955-9088-3143-64884E5B99AF}"/>
          </ac:spMkLst>
        </pc:spChg>
        <pc:spChg chg="mod">
          <ac:chgData name="White, Alex" userId="eff6cc8c-37d8-483b-9c6c-6b27e9afa9bc" providerId="ADAL" clId="{BF04C754-5BF4-4E83-9615-DB14FA25AF8A}" dt="2023-10-12T11:38:08.274" v="295"/>
          <ac:spMkLst>
            <pc:docMk/>
            <pc:sldMk cId="2376958513" sldId="260"/>
            <ac:spMk id="7012" creationId="{6DD8CE3C-6BCC-74D0-1FC4-D388759CEB34}"/>
          </ac:spMkLst>
        </pc:spChg>
        <pc:spChg chg="mod">
          <ac:chgData name="White, Alex" userId="eff6cc8c-37d8-483b-9c6c-6b27e9afa9bc" providerId="ADAL" clId="{BF04C754-5BF4-4E83-9615-DB14FA25AF8A}" dt="2023-10-12T11:38:08.274" v="295"/>
          <ac:spMkLst>
            <pc:docMk/>
            <pc:sldMk cId="2376958513" sldId="260"/>
            <ac:spMk id="7013" creationId="{3128BFC0-777C-433C-8C5F-E934EC5E5AE0}"/>
          </ac:spMkLst>
        </pc:spChg>
        <pc:spChg chg="mod">
          <ac:chgData name="White, Alex" userId="eff6cc8c-37d8-483b-9c6c-6b27e9afa9bc" providerId="ADAL" clId="{BF04C754-5BF4-4E83-9615-DB14FA25AF8A}" dt="2023-10-12T11:38:08.274" v="295"/>
          <ac:spMkLst>
            <pc:docMk/>
            <pc:sldMk cId="2376958513" sldId="260"/>
            <ac:spMk id="7014" creationId="{069FB23F-688E-6FAB-B2A7-591867DE4997}"/>
          </ac:spMkLst>
        </pc:spChg>
        <pc:spChg chg="mod">
          <ac:chgData name="White, Alex" userId="eff6cc8c-37d8-483b-9c6c-6b27e9afa9bc" providerId="ADAL" clId="{BF04C754-5BF4-4E83-9615-DB14FA25AF8A}" dt="2023-10-12T11:38:08.274" v="295"/>
          <ac:spMkLst>
            <pc:docMk/>
            <pc:sldMk cId="2376958513" sldId="260"/>
            <ac:spMk id="7015" creationId="{7647A921-550D-69A1-8222-F53544BE828C}"/>
          </ac:spMkLst>
        </pc:spChg>
        <pc:spChg chg="mod">
          <ac:chgData name="White, Alex" userId="eff6cc8c-37d8-483b-9c6c-6b27e9afa9bc" providerId="ADAL" clId="{BF04C754-5BF4-4E83-9615-DB14FA25AF8A}" dt="2023-10-12T11:38:08.274" v="295"/>
          <ac:spMkLst>
            <pc:docMk/>
            <pc:sldMk cId="2376958513" sldId="260"/>
            <ac:spMk id="7016" creationId="{2254B7CE-D395-A586-C9A5-6B2AD66A1752}"/>
          </ac:spMkLst>
        </pc:spChg>
        <pc:spChg chg="mod">
          <ac:chgData name="White, Alex" userId="eff6cc8c-37d8-483b-9c6c-6b27e9afa9bc" providerId="ADAL" clId="{BF04C754-5BF4-4E83-9615-DB14FA25AF8A}" dt="2023-10-12T11:38:08.274" v="295"/>
          <ac:spMkLst>
            <pc:docMk/>
            <pc:sldMk cId="2376958513" sldId="260"/>
            <ac:spMk id="7017" creationId="{4EA02E6F-CB3E-2DF4-43CB-90DFAFBAE829}"/>
          </ac:spMkLst>
        </pc:spChg>
        <pc:spChg chg="mod">
          <ac:chgData name="White, Alex" userId="eff6cc8c-37d8-483b-9c6c-6b27e9afa9bc" providerId="ADAL" clId="{BF04C754-5BF4-4E83-9615-DB14FA25AF8A}" dt="2023-10-12T11:38:08.274" v="295"/>
          <ac:spMkLst>
            <pc:docMk/>
            <pc:sldMk cId="2376958513" sldId="260"/>
            <ac:spMk id="7018" creationId="{702C7714-7E3B-9545-6812-6B4ECBD6ADF5}"/>
          </ac:spMkLst>
        </pc:spChg>
        <pc:spChg chg="mod">
          <ac:chgData name="White, Alex" userId="eff6cc8c-37d8-483b-9c6c-6b27e9afa9bc" providerId="ADAL" clId="{BF04C754-5BF4-4E83-9615-DB14FA25AF8A}" dt="2023-10-12T11:38:08.274" v="295"/>
          <ac:spMkLst>
            <pc:docMk/>
            <pc:sldMk cId="2376958513" sldId="260"/>
            <ac:spMk id="7019" creationId="{8AC0B77D-9401-7503-7243-38021466D856}"/>
          </ac:spMkLst>
        </pc:spChg>
        <pc:spChg chg="mod">
          <ac:chgData name="White, Alex" userId="eff6cc8c-37d8-483b-9c6c-6b27e9afa9bc" providerId="ADAL" clId="{BF04C754-5BF4-4E83-9615-DB14FA25AF8A}" dt="2023-10-12T11:38:08.274" v="295"/>
          <ac:spMkLst>
            <pc:docMk/>
            <pc:sldMk cId="2376958513" sldId="260"/>
            <ac:spMk id="7020" creationId="{1716AE73-FD6C-49C5-FE41-A9BF10157C9B}"/>
          </ac:spMkLst>
        </pc:spChg>
        <pc:spChg chg="mod">
          <ac:chgData name="White, Alex" userId="eff6cc8c-37d8-483b-9c6c-6b27e9afa9bc" providerId="ADAL" clId="{BF04C754-5BF4-4E83-9615-DB14FA25AF8A}" dt="2023-10-12T11:38:08.274" v="295"/>
          <ac:spMkLst>
            <pc:docMk/>
            <pc:sldMk cId="2376958513" sldId="260"/>
            <ac:spMk id="7021" creationId="{7FB0D387-384D-1CEA-C3E8-16AA4AFE9749}"/>
          </ac:spMkLst>
        </pc:spChg>
        <pc:spChg chg="mod">
          <ac:chgData name="White, Alex" userId="eff6cc8c-37d8-483b-9c6c-6b27e9afa9bc" providerId="ADAL" clId="{BF04C754-5BF4-4E83-9615-DB14FA25AF8A}" dt="2023-10-12T11:38:08.274" v="295"/>
          <ac:spMkLst>
            <pc:docMk/>
            <pc:sldMk cId="2376958513" sldId="260"/>
            <ac:spMk id="7022" creationId="{E3A57F23-F5A0-D98E-E4C6-50A588A3AA15}"/>
          </ac:spMkLst>
        </pc:spChg>
        <pc:spChg chg="mod">
          <ac:chgData name="White, Alex" userId="eff6cc8c-37d8-483b-9c6c-6b27e9afa9bc" providerId="ADAL" clId="{BF04C754-5BF4-4E83-9615-DB14FA25AF8A}" dt="2023-10-12T11:38:08.274" v="295"/>
          <ac:spMkLst>
            <pc:docMk/>
            <pc:sldMk cId="2376958513" sldId="260"/>
            <ac:spMk id="7023" creationId="{D909A183-DC45-F817-2C0F-6B296FC4E7AA}"/>
          </ac:spMkLst>
        </pc:spChg>
        <pc:spChg chg="mod">
          <ac:chgData name="White, Alex" userId="eff6cc8c-37d8-483b-9c6c-6b27e9afa9bc" providerId="ADAL" clId="{BF04C754-5BF4-4E83-9615-DB14FA25AF8A}" dt="2023-10-12T11:38:08.274" v="295"/>
          <ac:spMkLst>
            <pc:docMk/>
            <pc:sldMk cId="2376958513" sldId="260"/>
            <ac:spMk id="7024" creationId="{ACB1726B-6142-D561-108C-6817F591BF71}"/>
          </ac:spMkLst>
        </pc:spChg>
        <pc:spChg chg="mod">
          <ac:chgData name="White, Alex" userId="eff6cc8c-37d8-483b-9c6c-6b27e9afa9bc" providerId="ADAL" clId="{BF04C754-5BF4-4E83-9615-DB14FA25AF8A}" dt="2023-10-12T11:38:08.274" v="295"/>
          <ac:spMkLst>
            <pc:docMk/>
            <pc:sldMk cId="2376958513" sldId="260"/>
            <ac:spMk id="7025" creationId="{25158DAD-19BC-B54F-50B5-D63C9451C220}"/>
          </ac:spMkLst>
        </pc:spChg>
        <pc:spChg chg="mod">
          <ac:chgData name="White, Alex" userId="eff6cc8c-37d8-483b-9c6c-6b27e9afa9bc" providerId="ADAL" clId="{BF04C754-5BF4-4E83-9615-DB14FA25AF8A}" dt="2023-10-12T11:38:08.274" v="295"/>
          <ac:spMkLst>
            <pc:docMk/>
            <pc:sldMk cId="2376958513" sldId="260"/>
            <ac:spMk id="7026" creationId="{01809496-AC15-92CC-84E6-F2CC49D7A66E}"/>
          </ac:spMkLst>
        </pc:spChg>
        <pc:spChg chg="mod">
          <ac:chgData name="White, Alex" userId="eff6cc8c-37d8-483b-9c6c-6b27e9afa9bc" providerId="ADAL" clId="{BF04C754-5BF4-4E83-9615-DB14FA25AF8A}" dt="2023-10-12T11:38:08.274" v="295"/>
          <ac:spMkLst>
            <pc:docMk/>
            <pc:sldMk cId="2376958513" sldId="260"/>
            <ac:spMk id="7027" creationId="{92946D77-BCC1-70AC-1167-AEDAF1DC6EC0}"/>
          </ac:spMkLst>
        </pc:spChg>
        <pc:spChg chg="mod">
          <ac:chgData name="White, Alex" userId="eff6cc8c-37d8-483b-9c6c-6b27e9afa9bc" providerId="ADAL" clId="{BF04C754-5BF4-4E83-9615-DB14FA25AF8A}" dt="2023-10-12T11:38:08.274" v="295"/>
          <ac:spMkLst>
            <pc:docMk/>
            <pc:sldMk cId="2376958513" sldId="260"/>
            <ac:spMk id="7028" creationId="{21B3670E-895A-4751-3997-7F9AD9D83513}"/>
          </ac:spMkLst>
        </pc:spChg>
        <pc:spChg chg="mod">
          <ac:chgData name="White, Alex" userId="eff6cc8c-37d8-483b-9c6c-6b27e9afa9bc" providerId="ADAL" clId="{BF04C754-5BF4-4E83-9615-DB14FA25AF8A}" dt="2023-10-12T11:38:08.274" v="295"/>
          <ac:spMkLst>
            <pc:docMk/>
            <pc:sldMk cId="2376958513" sldId="260"/>
            <ac:spMk id="7029" creationId="{D870444C-82EC-9EDC-621A-25806A25DE89}"/>
          </ac:spMkLst>
        </pc:spChg>
        <pc:spChg chg="mod">
          <ac:chgData name="White, Alex" userId="eff6cc8c-37d8-483b-9c6c-6b27e9afa9bc" providerId="ADAL" clId="{BF04C754-5BF4-4E83-9615-DB14FA25AF8A}" dt="2023-10-12T11:38:08.274" v="295"/>
          <ac:spMkLst>
            <pc:docMk/>
            <pc:sldMk cId="2376958513" sldId="260"/>
            <ac:spMk id="7030" creationId="{08C21420-AB64-3D79-4746-D261EAC204A0}"/>
          </ac:spMkLst>
        </pc:spChg>
        <pc:spChg chg="mod">
          <ac:chgData name="White, Alex" userId="eff6cc8c-37d8-483b-9c6c-6b27e9afa9bc" providerId="ADAL" clId="{BF04C754-5BF4-4E83-9615-DB14FA25AF8A}" dt="2023-10-12T11:38:08.274" v="295"/>
          <ac:spMkLst>
            <pc:docMk/>
            <pc:sldMk cId="2376958513" sldId="260"/>
            <ac:spMk id="7031" creationId="{AC0CB204-2A60-A3EE-28FE-393F6F9E6D2F}"/>
          </ac:spMkLst>
        </pc:spChg>
        <pc:spChg chg="mod">
          <ac:chgData name="White, Alex" userId="eff6cc8c-37d8-483b-9c6c-6b27e9afa9bc" providerId="ADAL" clId="{BF04C754-5BF4-4E83-9615-DB14FA25AF8A}" dt="2023-10-12T11:38:08.274" v="295"/>
          <ac:spMkLst>
            <pc:docMk/>
            <pc:sldMk cId="2376958513" sldId="260"/>
            <ac:spMk id="7032" creationId="{CA589FC8-951C-B579-439B-390757EC412F}"/>
          </ac:spMkLst>
        </pc:spChg>
        <pc:spChg chg="mod">
          <ac:chgData name="White, Alex" userId="eff6cc8c-37d8-483b-9c6c-6b27e9afa9bc" providerId="ADAL" clId="{BF04C754-5BF4-4E83-9615-DB14FA25AF8A}" dt="2023-10-12T11:38:08.274" v="295"/>
          <ac:spMkLst>
            <pc:docMk/>
            <pc:sldMk cId="2376958513" sldId="260"/>
            <ac:spMk id="7033" creationId="{5195EC7A-F7D0-D0DA-88BC-C313E671945C}"/>
          </ac:spMkLst>
        </pc:spChg>
        <pc:spChg chg="mod">
          <ac:chgData name="White, Alex" userId="eff6cc8c-37d8-483b-9c6c-6b27e9afa9bc" providerId="ADAL" clId="{BF04C754-5BF4-4E83-9615-DB14FA25AF8A}" dt="2023-10-12T11:38:08.274" v="295"/>
          <ac:spMkLst>
            <pc:docMk/>
            <pc:sldMk cId="2376958513" sldId="260"/>
            <ac:spMk id="7034" creationId="{7C3B00A8-CBE0-1F30-D24A-17E7B1DBB510}"/>
          </ac:spMkLst>
        </pc:spChg>
        <pc:spChg chg="mod">
          <ac:chgData name="White, Alex" userId="eff6cc8c-37d8-483b-9c6c-6b27e9afa9bc" providerId="ADAL" clId="{BF04C754-5BF4-4E83-9615-DB14FA25AF8A}" dt="2023-10-12T11:38:08.274" v="295"/>
          <ac:spMkLst>
            <pc:docMk/>
            <pc:sldMk cId="2376958513" sldId="260"/>
            <ac:spMk id="7035" creationId="{15D8C1E3-36C7-D0FF-4FC4-EC5DE7BDB8E2}"/>
          </ac:spMkLst>
        </pc:spChg>
        <pc:spChg chg="mod">
          <ac:chgData name="White, Alex" userId="eff6cc8c-37d8-483b-9c6c-6b27e9afa9bc" providerId="ADAL" clId="{BF04C754-5BF4-4E83-9615-DB14FA25AF8A}" dt="2023-10-12T11:38:08.274" v="295"/>
          <ac:spMkLst>
            <pc:docMk/>
            <pc:sldMk cId="2376958513" sldId="260"/>
            <ac:spMk id="7036" creationId="{36A14880-1E11-7634-7500-CCF1022C3C63}"/>
          </ac:spMkLst>
        </pc:spChg>
        <pc:spChg chg="mod">
          <ac:chgData name="White, Alex" userId="eff6cc8c-37d8-483b-9c6c-6b27e9afa9bc" providerId="ADAL" clId="{BF04C754-5BF4-4E83-9615-DB14FA25AF8A}" dt="2023-10-12T11:38:08.274" v="295"/>
          <ac:spMkLst>
            <pc:docMk/>
            <pc:sldMk cId="2376958513" sldId="260"/>
            <ac:spMk id="7037" creationId="{E67DE9F8-14BD-4076-BF8D-55E514A3D84C}"/>
          </ac:spMkLst>
        </pc:spChg>
        <pc:spChg chg="mod">
          <ac:chgData name="White, Alex" userId="eff6cc8c-37d8-483b-9c6c-6b27e9afa9bc" providerId="ADAL" clId="{BF04C754-5BF4-4E83-9615-DB14FA25AF8A}" dt="2023-10-12T11:38:08.274" v="295"/>
          <ac:spMkLst>
            <pc:docMk/>
            <pc:sldMk cId="2376958513" sldId="260"/>
            <ac:spMk id="7038" creationId="{7B39C167-5E92-041F-CFAA-87D0EC6E68E4}"/>
          </ac:spMkLst>
        </pc:spChg>
        <pc:spChg chg="mod">
          <ac:chgData name="White, Alex" userId="eff6cc8c-37d8-483b-9c6c-6b27e9afa9bc" providerId="ADAL" clId="{BF04C754-5BF4-4E83-9615-DB14FA25AF8A}" dt="2023-10-12T11:38:08.274" v="295"/>
          <ac:spMkLst>
            <pc:docMk/>
            <pc:sldMk cId="2376958513" sldId="260"/>
            <ac:spMk id="7039" creationId="{0F8BE83D-1541-B741-9C2F-15192D4D40BE}"/>
          </ac:spMkLst>
        </pc:spChg>
        <pc:spChg chg="mod">
          <ac:chgData name="White, Alex" userId="eff6cc8c-37d8-483b-9c6c-6b27e9afa9bc" providerId="ADAL" clId="{BF04C754-5BF4-4E83-9615-DB14FA25AF8A}" dt="2023-10-12T11:38:08.274" v="295"/>
          <ac:spMkLst>
            <pc:docMk/>
            <pc:sldMk cId="2376958513" sldId="260"/>
            <ac:spMk id="7040" creationId="{C02AEACB-C273-52BF-C162-8D3E6C5957C8}"/>
          </ac:spMkLst>
        </pc:spChg>
        <pc:spChg chg="mod">
          <ac:chgData name="White, Alex" userId="eff6cc8c-37d8-483b-9c6c-6b27e9afa9bc" providerId="ADAL" clId="{BF04C754-5BF4-4E83-9615-DB14FA25AF8A}" dt="2023-10-12T11:38:08.274" v="295"/>
          <ac:spMkLst>
            <pc:docMk/>
            <pc:sldMk cId="2376958513" sldId="260"/>
            <ac:spMk id="7041" creationId="{247311B0-CBB1-C3F9-716B-F79D6DAB4F28}"/>
          </ac:spMkLst>
        </pc:spChg>
        <pc:spChg chg="mod">
          <ac:chgData name="White, Alex" userId="eff6cc8c-37d8-483b-9c6c-6b27e9afa9bc" providerId="ADAL" clId="{BF04C754-5BF4-4E83-9615-DB14FA25AF8A}" dt="2023-10-12T11:38:08.274" v="295"/>
          <ac:spMkLst>
            <pc:docMk/>
            <pc:sldMk cId="2376958513" sldId="260"/>
            <ac:spMk id="7042" creationId="{8B49671B-A1AB-2D76-A93A-9B60493BA2D5}"/>
          </ac:spMkLst>
        </pc:spChg>
        <pc:spChg chg="mod">
          <ac:chgData name="White, Alex" userId="eff6cc8c-37d8-483b-9c6c-6b27e9afa9bc" providerId="ADAL" clId="{BF04C754-5BF4-4E83-9615-DB14FA25AF8A}" dt="2023-10-12T11:38:08.274" v="295"/>
          <ac:spMkLst>
            <pc:docMk/>
            <pc:sldMk cId="2376958513" sldId="260"/>
            <ac:spMk id="7043" creationId="{81EEFCA7-D6B3-E096-868E-F303D577AE5E}"/>
          </ac:spMkLst>
        </pc:spChg>
        <pc:spChg chg="mod">
          <ac:chgData name="White, Alex" userId="eff6cc8c-37d8-483b-9c6c-6b27e9afa9bc" providerId="ADAL" clId="{BF04C754-5BF4-4E83-9615-DB14FA25AF8A}" dt="2023-10-12T11:38:08.274" v="295"/>
          <ac:spMkLst>
            <pc:docMk/>
            <pc:sldMk cId="2376958513" sldId="260"/>
            <ac:spMk id="7044" creationId="{FC0E173B-ADBD-BEC7-55E0-8460668C3C54}"/>
          </ac:spMkLst>
        </pc:spChg>
        <pc:spChg chg="mod">
          <ac:chgData name="White, Alex" userId="eff6cc8c-37d8-483b-9c6c-6b27e9afa9bc" providerId="ADAL" clId="{BF04C754-5BF4-4E83-9615-DB14FA25AF8A}" dt="2023-10-12T11:38:08.274" v="295"/>
          <ac:spMkLst>
            <pc:docMk/>
            <pc:sldMk cId="2376958513" sldId="260"/>
            <ac:spMk id="7045" creationId="{7B542362-9D77-FC57-D9D4-328985B2392E}"/>
          </ac:spMkLst>
        </pc:spChg>
        <pc:spChg chg="mod">
          <ac:chgData name="White, Alex" userId="eff6cc8c-37d8-483b-9c6c-6b27e9afa9bc" providerId="ADAL" clId="{BF04C754-5BF4-4E83-9615-DB14FA25AF8A}" dt="2023-10-12T11:38:08.274" v="295"/>
          <ac:spMkLst>
            <pc:docMk/>
            <pc:sldMk cId="2376958513" sldId="260"/>
            <ac:spMk id="7046" creationId="{8F2F23A5-346F-FF8A-C244-CF1A5B99156A}"/>
          </ac:spMkLst>
        </pc:spChg>
        <pc:spChg chg="mod">
          <ac:chgData name="White, Alex" userId="eff6cc8c-37d8-483b-9c6c-6b27e9afa9bc" providerId="ADAL" clId="{BF04C754-5BF4-4E83-9615-DB14FA25AF8A}" dt="2023-10-12T11:38:08.274" v="295"/>
          <ac:spMkLst>
            <pc:docMk/>
            <pc:sldMk cId="2376958513" sldId="260"/>
            <ac:spMk id="7047" creationId="{545CF1CD-33A9-BC05-B0BC-DECBCEB64F07}"/>
          </ac:spMkLst>
        </pc:spChg>
        <pc:spChg chg="mod">
          <ac:chgData name="White, Alex" userId="eff6cc8c-37d8-483b-9c6c-6b27e9afa9bc" providerId="ADAL" clId="{BF04C754-5BF4-4E83-9615-DB14FA25AF8A}" dt="2023-10-12T11:38:08.274" v="295"/>
          <ac:spMkLst>
            <pc:docMk/>
            <pc:sldMk cId="2376958513" sldId="260"/>
            <ac:spMk id="7048" creationId="{3D546D76-53AC-D81F-2EE5-49861B2976B7}"/>
          </ac:spMkLst>
        </pc:spChg>
        <pc:spChg chg="mod">
          <ac:chgData name="White, Alex" userId="eff6cc8c-37d8-483b-9c6c-6b27e9afa9bc" providerId="ADAL" clId="{BF04C754-5BF4-4E83-9615-DB14FA25AF8A}" dt="2023-10-12T11:38:08.274" v="295"/>
          <ac:spMkLst>
            <pc:docMk/>
            <pc:sldMk cId="2376958513" sldId="260"/>
            <ac:spMk id="7049" creationId="{C1074371-7396-BE26-938C-8F9DE3783675}"/>
          </ac:spMkLst>
        </pc:spChg>
        <pc:spChg chg="mod">
          <ac:chgData name="White, Alex" userId="eff6cc8c-37d8-483b-9c6c-6b27e9afa9bc" providerId="ADAL" clId="{BF04C754-5BF4-4E83-9615-DB14FA25AF8A}" dt="2023-10-12T11:38:08.274" v="295"/>
          <ac:spMkLst>
            <pc:docMk/>
            <pc:sldMk cId="2376958513" sldId="260"/>
            <ac:spMk id="7050" creationId="{F82ABFFB-6C6D-5CC2-25BF-F12C590844FB}"/>
          </ac:spMkLst>
        </pc:spChg>
        <pc:spChg chg="mod">
          <ac:chgData name="White, Alex" userId="eff6cc8c-37d8-483b-9c6c-6b27e9afa9bc" providerId="ADAL" clId="{BF04C754-5BF4-4E83-9615-DB14FA25AF8A}" dt="2023-10-12T11:38:08.274" v="295"/>
          <ac:spMkLst>
            <pc:docMk/>
            <pc:sldMk cId="2376958513" sldId="260"/>
            <ac:spMk id="7051" creationId="{433CD062-AAFE-A3B3-218B-7DD90612A06B}"/>
          </ac:spMkLst>
        </pc:spChg>
        <pc:spChg chg="mod">
          <ac:chgData name="White, Alex" userId="eff6cc8c-37d8-483b-9c6c-6b27e9afa9bc" providerId="ADAL" clId="{BF04C754-5BF4-4E83-9615-DB14FA25AF8A}" dt="2023-10-12T11:38:08.274" v="295"/>
          <ac:spMkLst>
            <pc:docMk/>
            <pc:sldMk cId="2376958513" sldId="260"/>
            <ac:spMk id="7052" creationId="{292A0686-7AB7-104D-2CB2-817997EEED2E}"/>
          </ac:spMkLst>
        </pc:spChg>
        <pc:spChg chg="mod">
          <ac:chgData name="White, Alex" userId="eff6cc8c-37d8-483b-9c6c-6b27e9afa9bc" providerId="ADAL" clId="{BF04C754-5BF4-4E83-9615-DB14FA25AF8A}" dt="2023-10-12T11:38:08.274" v="295"/>
          <ac:spMkLst>
            <pc:docMk/>
            <pc:sldMk cId="2376958513" sldId="260"/>
            <ac:spMk id="7053" creationId="{5492E789-AD44-1B5C-C10E-9D0A04363ABC}"/>
          </ac:spMkLst>
        </pc:spChg>
        <pc:spChg chg="mod">
          <ac:chgData name="White, Alex" userId="eff6cc8c-37d8-483b-9c6c-6b27e9afa9bc" providerId="ADAL" clId="{BF04C754-5BF4-4E83-9615-DB14FA25AF8A}" dt="2023-10-12T11:38:08.274" v="295"/>
          <ac:spMkLst>
            <pc:docMk/>
            <pc:sldMk cId="2376958513" sldId="260"/>
            <ac:spMk id="7054" creationId="{35C4A5B2-FD1B-41E2-DCA7-B02CEE0156A2}"/>
          </ac:spMkLst>
        </pc:spChg>
        <pc:spChg chg="mod">
          <ac:chgData name="White, Alex" userId="eff6cc8c-37d8-483b-9c6c-6b27e9afa9bc" providerId="ADAL" clId="{BF04C754-5BF4-4E83-9615-DB14FA25AF8A}" dt="2023-10-12T11:38:08.274" v="295"/>
          <ac:spMkLst>
            <pc:docMk/>
            <pc:sldMk cId="2376958513" sldId="260"/>
            <ac:spMk id="7055" creationId="{900C1A6C-EA38-F3AB-7170-7AF9393EECFA}"/>
          </ac:spMkLst>
        </pc:spChg>
        <pc:spChg chg="mod">
          <ac:chgData name="White, Alex" userId="eff6cc8c-37d8-483b-9c6c-6b27e9afa9bc" providerId="ADAL" clId="{BF04C754-5BF4-4E83-9615-DB14FA25AF8A}" dt="2023-10-12T11:38:08.274" v="295"/>
          <ac:spMkLst>
            <pc:docMk/>
            <pc:sldMk cId="2376958513" sldId="260"/>
            <ac:spMk id="7056" creationId="{366092C8-EA75-4BA3-5583-6130BCD111C8}"/>
          </ac:spMkLst>
        </pc:spChg>
        <pc:spChg chg="mod">
          <ac:chgData name="White, Alex" userId="eff6cc8c-37d8-483b-9c6c-6b27e9afa9bc" providerId="ADAL" clId="{BF04C754-5BF4-4E83-9615-DB14FA25AF8A}" dt="2023-10-12T11:38:08.274" v="295"/>
          <ac:spMkLst>
            <pc:docMk/>
            <pc:sldMk cId="2376958513" sldId="260"/>
            <ac:spMk id="7057" creationId="{0BCB089B-656E-F9EB-58BE-AE19334B304E}"/>
          </ac:spMkLst>
        </pc:spChg>
        <pc:spChg chg="mod">
          <ac:chgData name="White, Alex" userId="eff6cc8c-37d8-483b-9c6c-6b27e9afa9bc" providerId="ADAL" clId="{BF04C754-5BF4-4E83-9615-DB14FA25AF8A}" dt="2023-10-12T11:38:08.274" v="295"/>
          <ac:spMkLst>
            <pc:docMk/>
            <pc:sldMk cId="2376958513" sldId="260"/>
            <ac:spMk id="7058" creationId="{6C4318C6-6F2F-1CB7-0770-EA5EA8CC8150}"/>
          </ac:spMkLst>
        </pc:spChg>
        <pc:spChg chg="mod">
          <ac:chgData name="White, Alex" userId="eff6cc8c-37d8-483b-9c6c-6b27e9afa9bc" providerId="ADAL" clId="{BF04C754-5BF4-4E83-9615-DB14FA25AF8A}" dt="2023-10-12T11:38:08.274" v="295"/>
          <ac:spMkLst>
            <pc:docMk/>
            <pc:sldMk cId="2376958513" sldId="260"/>
            <ac:spMk id="7059" creationId="{8B05EC88-8753-F528-7A3C-4A819167ACB8}"/>
          </ac:spMkLst>
        </pc:spChg>
        <pc:spChg chg="mod">
          <ac:chgData name="White, Alex" userId="eff6cc8c-37d8-483b-9c6c-6b27e9afa9bc" providerId="ADAL" clId="{BF04C754-5BF4-4E83-9615-DB14FA25AF8A}" dt="2023-10-12T11:38:08.274" v="295"/>
          <ac:spMkLst>
            <pc:docMk/>
            <pc:sldMk cId="2376958513" sldId="260"/>
            <ac:spMk id="7060" creationId="{11B5B572-1732-3FB1-9FA6-2A43E4D8F497}"/>
          </ac:spMkLst>
        </pc:spChg>
        <pc:spChg chg="mod">
          <ac:chgData name="White, Alex" userId="eff6cc8c-37d8-483b-9c6c-6b27e9afa9bc" providerId="ADAL" clId="{BF04C754-5BF4-4E83-9615-DB14FA25AF8A}" dt="2023-10-12T11:38:08.274" v="295"/>
          <ac:spMkLst>
            <pc:docMk/>
            <pc:sldMk cId="2376958513" sldId="260"/>
            <ac:spMk id="7061" creationId="{5A705E09-BAB7-2DEE-F341-A097D7D088F0}"/>
          </ac:spMkLst>
        </pc:spChg>
        <pc:spChg chg="mod">
          <ac:chgData name="White, Alex" userId="eff6cc8c-37d8-483b-9c6c-6b27e9afa9bc" providerId="ADAL" clId="{BF04C754-5BF4-4E83-9615-DB14FA25AF8A}" dt="2023-10-12T11:38:08.274" v="295"/>
          <ac:spMkLst>
            <pc:docMk/>
            <pc:sldMk cId="2376958513" sldId="260"/>
            <ac:spMk id="7062" creationId="{F60F1EAC-87D3-DD08-2E1F-E77235B1E253}"/>
          </ac:spMkLst>
        </pc:spChg>
        <pc:spChg chg="mod">
          <ac:chgData name="White, Alex" userId="eff6cc8c-37d8-483b-9c6c-6b27e9afa9bc" providerId="ADAL" clId="{BF04C754-5BF4-4E83-9615-DB14FA25AF8A}" dt="2023-10-12T11:38:08.274" v="295"/>
          <ac:spMkLst>
            <pc:docMk/>
            <pc:sldMk cId="2376958513" sldId="260"/>
            <ac:spMk id="7063" creationId="{3647F0B7-5384-B987-A22A-687605182BBC}"/>
          </ac:spMkLst>
        </pc:spChg>
        <pc:spChg chg="mod">
          <ac:chgData name="White, Alex" userId="eff6cc8c-37d8-483b-9c6c-6b27e9afa9bc" providerId="ADAL" clId="{BF04C754-5BF4-4E83-9615-DB14FA25AF8A}" dt="2023-10-12T11:38:08.274" v="295"/>
          <ac:spMkLst>
            <pc:docMk/>
            <pc:sldMk cId="2376958513" sldId="260"/>
            <ac:spMk id="7064" creationId="{25E08690-FF20-8D36-F641-C0DAAC0577EA}"/>
          </ac:spMkLst>
        </pc:spChg>
        <pc:spChg chg="mod">
          <ac:chgData name="White, Alex" userId="eff6cc8c-37d8-483b-9c6c-6b27e9afa9bc" providerId="ADAL" clId="{BF04C754-5BF4-4E83-9615-DB14FA25AF8A}" dt="2023-10-12T11:38:08.274" v="295"/>
          <ac:spMkLst>
            <pc:docMk/>
            <pc:sldMk cId="2376958513" sldId="260"/>
            <ac:spMk id="7065" creationId="{3FCD1F50-63B8-6E58-91AD-8D01B88C900B}"/>
          </ac:spMkLst>
        </pc:spChg>
        <pc:spChg chg="mod">
          <ac:chgData name="White, Alex" userId="eff6cc8c-37d8-483b-9c6c-6b27e9afa9bc" providerId="ADAL" clId="{BF04C754-5BF4-4E83-9615-DB14FA25AF8A}" dt="2023-10-12T11:38:08.274" v="295"/>
          <ac:spMkLst>
            <pc:docMk/>
            <pc:sldMk cId="2376958513" sldId="260"/>
            <ac:spMk id="7066" creationId="{4EDEB993-D464-B032-2C40-2BF5D0F2573B}"/>
          </ac:spMkLst>
        </pc:spChg>
        <pc:spChg chg="mod">
          <ac:chgData name="White, Alex" userId="eff6cc8c-37d8-483b-9c6c-6b27e9afa9bc" providerId="ADAL" clId="{BF04C754-5BF4-4E83-9615-DB14FA25AF8A}" dt="2023-10-12T11:38:08.274" v="295"/>
          <ac:spMkLst>
            <pc:docMk/>
            <pc:sldMk cId="2376958513" sldId="260"/>
            <ac:spMk id="7067" creationId="{F0C73940-EACF-8D61-A12C-71D75794F74A}"/>
          </ac:spMkLst>
        </pc:spChg>
        <pc:spChg chg="mod">
          <ac:chgData name="White, Alex" userId="eff6cc8c-37d8-483b-9c6c-6b27e9afa9bc" providerId="ADAL" clId="{BF04C754-5BF4-4E83-9615-DB14FA25AF8A}" dt="2023-10-12T11:38:08.274" v="295"/>
          <ac:spMkLst>
            <pc:docMk/>
            <pc:sldMk cId="2376958513" sldId="260"/>
            <ac:spMk id="7068" creationId="{95DA4292-AAD7-F0E0-5607-CE3FC812E17A}"/>
          </ac:spMkLst>
        </pc:spChg>
        <pc:spChg chg="mod">
          <ac:chgData name="White, Alex" userId="eff6cc8c-37d8-483b-9c6c-6b27e9afa9bc" providerId="ADAL" clId="{BF04C754-5BF4-4E83-9615-DB14FA25AF8A}" dt="2023-10-12T11:38:08.274" v="295"/>
          <ac:spMkLst>
            <pc:docMk/>
            <pc:sldMk cId="2376958513" sldId="260"/>
            <ac:spMk id="7069" creationId="{D8E2864C-CB5D-F980-F40B-B788CD1EBC28}"/>
          </ac:spMkLst>
        </pc:spChg>
        <pc:spChg chg="mod">
          <ac:chgData name="White, Alex" userId="eff6cc8c-37d8-483b-9c6c-6b27e9afa9bc" providerId="ADAL" clId="{BF04C754-5BF4-4E83-9615-DB14FA25AF8A}" dt="2023-10-12T11:38:08.274" v="295"/>
          <ac:spMkLst>
            <pc:docMk/>
            <pc:sldMk cId="2376958513" sldId="260"/>
            <ac:spMk id="7070" creationId="{86FF6EB2-09AD-496C-A95D-5C924133635B}"/>
          </ac:spMkLst>
        </pc:spChg>
        <pc:spChg chg="mod">
          <ac:chgData name="White, Alex" userId="eff6cc8c-37d8-483b-9c6c-6b27e9afa9bc" providerId="ADAL" clId="{BF04C754-5BF4-4E83-9615-DB14FA25AF8A}" dt="2023-10-12T11:38:08.274" v="295"/>
          <ac:spMkLst>
            <pc:docMk/>
            <pc:sldMk cId="2376958513" sldId="260"/>
            <ac:spMk id="7071" creationId="{8693B238-9C7C-872A-5145-6C0D956547AB}"/>
          </ac:spMkLst>
        </pc:spChg>
        <pc:spChg chg="mod">
          <ac:chgData name="White, Alex" userId="eff6cc8c-37d8-483b-9c6c-6b27e9afa9bc" providerId="ADAL" clId="{BF04C754-5BF4-4E83-9615-DB14FA25AF8A}" dt="2023-10-12T11:38:08.274" v="295"/>
          <ac:spMkLst>
            <pc:docMk/>
            <pc:sldMk cId="2376958513" sldId="260"/>
            <ac:spMk id="7072" creationId="{63583298-C32B-D95B-066B-78CD77CD8E84}"/>
          </ac:spMkLst>
        </pc:spChg>
        <pc:spChg chg="mod">
          <ac:chgData name="White, Alex" userId="eff6cc8c-37d8-483b-9c6c-6b27e9afa9bc" providerId="ADAL" clId="{BF04C754-5BF4-4E83-9615-DB14FA25AF8A}" dt="2023-10-12T11:38:08.274" v="295"/>
          <ac:spMkLst>
            <pc:docMk/>
            <pc:sldMk cId="2376958513" sldId="260"/>
            <ac:spMk id="7073" creationId="{441361BD-E1F8-50E7-2566-537FF842A793}"/>
          </ac:spMkLst>
        </pc:spChg>
        <pc:spChg chg="mod">
          <ac:chgData name="White, Alex" userId="eff6cc8c-37d8-483b-9c6c-6b27e9afa9bc" providerId="ADAL" clId="{BF04C754-5BF4-4E83-9615-DB14FA25AF8A}" dt="2023-10-12T11:38:08.274" v="295"/>
          <ac:spMkLst>
            <pc:docMk/>
            <pc:sldMk cId="2376958513" sldId="260"/>
            <ac:spMk id="7074" creationId="{51F90033-E9CE-069F-5950-AEB5FA107040}"/>
          </ac:spMkLst>
        </pc:spChg>
        <pc:spChg chg="mod">
          <ac:chgData name="White, Alex" userId="eff6cc8c-37d8-483b-9c6c-6b27e9afa9bc" providerId="ADAL" clId="{BF04C754-5BF4-4E83-9615-DB14FA25AF8A}" dt="2023-10-12T11:38:08.274" v="295"/>
          <ac:spMkLst>
            <pc:docMk/>
            <pc:sldMk cId="2376958513" sldId="260"/>
            <ac:spMk id="7075" creationId="{0A4ABB17-D80E-A45D-9E9F-337909061C14}"/>
          </ac:spMkLst>
        </pc:spChg>
        <pc:spChg chg="mod">
          <ac:chgData name="White, Alex" userId="eff6cc8c-37d8-483b-9c6c-6b27e9afa9bc" providerId="ADAL" clId="{BF04C754-5BF4-4E83-9615-DB14FA25AF8A}" dt="2023-10-12T11:38:08.274" v="295"/>
          <ac:spMkLst>
            <pc:docMk/>
            <pc:sldMk cId="2376958513" sldId="260"/>
            <ac:spMk id="7076" creationId="{D0A51D87-50E1-8BB9-5771-D6BF31408820}"/>
          </ac:spMkLst>
        </pc:spChg>
        <pc:spChg chg="mod">
          <ac:chgData name="White, Alex" userId="eff6cc8c-37d8-483b-9c6c-6b27e9afa9bc" providerId="ADAL" clId="{BF04C754-5BF4-4E83-9615-DB14FA25AF8A}" dt="2023-10-12T11:38:08.274" v="295"/>
          <ac:spMkLst>
            <pc:docMk/>
            <pc:sldMk cId="2376958513" sldId="260"/>
            <ac:spMk id="7077" creationId="{B1166A04-3A34-1334-CEAE-A4FED85F68B2}"/>
          </ac:spMkLst>
        </pc:spChg>
        <pc:spChg chg="mod">
          <ac:chgData name="White, Alex" userId="eff6cc8c-37d8-483b-9c6c-6b27e9afa9bc" providerId="ADAL" clId="{BF04C754-5BF4-4E83-9615-DB14FA25AF8A}" dt="2023-10-12T11:38:08.274" v="295"/>
          <ac:spMkLst>
            <pc:docMk/>
            <pc:sldMk cId="2376958513" sldId="260"/>
            <ac:spMk id="7078" creationId="{A5A90FB6-C59D-77EC-559E-BC00961CCA93}"/>
          </ac:spMkLst>
        </pc:spChg>
        <pc:spChg chg="mod">
          <ac:chgData name="White, Alex" userId="eff6cc8c-37d8-483b-9c6c-6b27e9afa9bc" providerId="ADAL" clId="{BF04C754-5BF4-4E83-9615-DB14FA25AF8A}" dt="2023-10-12T11:38:08.274" v="295"/>
          <ac:spMkLst>
            <pc:docMk/>
            <pc:sldMk cId="2376958513" sldId="260"/>
            <ac:spMk id="7079" creationId="{CBE5A3F1-17FC-CF37-936A-31169938C1A4}"/>
          </ac:spMkLst>
        </pc:spChg>
        <pc:spChg chg="mod">
          <ac:chgData name="White, Alex" userId="eff6cc8c-37d8-483b-9c6c-6b27e9afa9bc" providerId="ADAL" clId="{BF04C754-5BF4-4E83-9615-DB14FA25AF8A}" dt="2023-10-12T11:38:08.274" v="295"/>
          <ac:spMkLst>
            <pc:docMk/>
            <pc:sldMk cId="2376958513" sldId="260"/>
            <ac:spMk id="7080" creationId="{124C9820-80B4-0254-C00F-78ADD27A1F0D}"/>
          </ac:spMkLst>
        </pc:spChg>
        <pc:spChg chg="mod">
          <ac:chgData name="White, Alex" userId="eff6cc8c-37d8-483b-9c6c-6b27e9afa9bc" providerId="ADAL" clId="{BF04C754-5BF4-4E83-9615-DB14FA25AF8A}" dt="2023-10-12T11:38:08.274" v="295"/>
          <ac:spMkLst>
            <pc:docMk/>
            <pc:sldMk cId="2376958513" sldId="260"/>
            <ac:spMk id="7081" creationId="{E56299F9-CAAA-6E18-64A7-507AA4025DE5}"/>
          </ac:spMkLst>
        </pc:spChg>
        <pc:spChg chg="mod">
          <ac:chgData name="White, Alex" userId="eff6cc8c-37d8-483b-9c6c-6b27e9afa9bc" providerId="ADAL" clId="{BF04C754-5BF4-4E83-9615-DB14FA25AF8A}" dt="2023-10-12T11:38:08.274" v="295"/>
          <ac:spMkLst>
            <pc:docMk/>
            <pc:sldMk cId="2376958513" sldId="260"/>
            <ac:spMk id="7082" creationId="{0E6B500F-908D-A54F-D26E-E1C3F1616A85}"/>
          </ac:spMkLst>
        </pc:spChg>
        <pc:spChg chg="mod">
          <ac:chgData name="White, Alex" userId="eff6cc8c-37d8-483b-9c6c-6b27e9afa9bc" providerId="ADAL" clId="{BF04C754-5BF4-4E83-9615-DB14FA25AF8A}" dt="2023-10-12T11:38:08.274" v="295"/>
          <ac:spMkLst>
            <pc:docMk/>
            <pc:sldMk cId="2376958513" sldId="260"/>
            <ac:spMk id="7083" creationId="{CCAD7B67-5CA2-9A08-062A-5DB367129E0B}"/>
          </ac:spMkLst>
        </pc:spChg>
        <pc:spChg chg="mod">
          <ac:chgData name="White, Alex" userId="eff6cc8c-37d8-483b-9c6c-6b27e9afa9bc" providerId="ADAL" clId="{BF04C754-5BF4-4E83-9615-DB14FA25AF8A}" dt="2023-10-12T11:38:08.274" v="295"/>
          <ac:spMkLst>
            <pc:docMk/>
            <pc:sldMk cId="2376958513" sldId="260"/>
            <ac:spMk id="7084" creationId="{22199DE6-1EB6-7686-EE40-E1E9A0BD4393}"/>
          </ac:spMkLst>
        </pc:spChg>
        <pc:spChg chg="mod">
          <ac:chgData name="White, Alex" userId="eff6cc8c-37d8-483b-9c6c-6b27e9afa9bc" providerId="ADAL" clId="{BF04C754-5BF4-4E83-9615-DB14FA25AF8A}" dt="2023-10-12T11:38:08.274" v="295"/>
          <ac:spMkLst>
            <pc:docMk/>
            <pc:sldMk cId="2376958513" sldId="260"/>
            <ac:spMk id="7085" creationId="{2C3E8049-A8FF-2DD1-A325-DEE9F6404F81}"/>
          </ac:spMkLst>
        </pc:spChg>
        <pc:spChg chg="mod">
          <ac:chgData name="White, Alex" userId="eff6cc8c-37d8-483b-9c6c-6b27e9afa9bc" providerId="ADAL" clId="{BF04C754-5BF4-4E83-9615-DB14FA25AF8A}" dt="2023-10-12T11:38:08.274" v="295"/>
          <ac:spMkLst>
            <pc:docMk/>
            <pc:sldMk cId="2376958513" sldId="260"/>
            <ac:spMk id="7086" creationId="{7A285050-9DA1-2FB7-D99E-000A9708F015}"/>
          </ac:spMkLst>
        </pc:spChg>
        <pc:spChg chg="mod">
          <ac:chgData name="White, Alex" userId="eff6cc8c-37d8-483b-9c6c-6b27e9afa9bc" providerId="ADAL" clId="{BF04C754-5BF4-4E83-9615-DB14FA25AF8A}" dt="2023-10-12T11:38:08.274" v="295"/>
          <ac:spMkLst>
            <pc:docMk/>
            <pc:sldMk cId="2376958513" sldId="260"/>
            <ac:spMk id="7087" creationId="{0A450CFB-4F97-7439-0640-FA3DDCA86826}"/>
          </ac:spMkLst>
        </pc:spChg>
        <pc:spChg chg="mod">
          <ac:chgData name="White, Alex" userId="eff6cc8c-37d8-483b-9c6c-6b27e9afa9bc" providerId="ADAL" clId="{BF04C754-5BF4-4E83-9615-DB14FA25AF8A}" dt="2023-10-12T11:38:08.274" v="295"/>
          <ac:spMkLst>
            <pc:docMk/>
            <pc:sldMk cId="2376958513" sldId="260"/>
            <ac:spMk id="7088" creationId="{135B03A9-FB63-7871-BADA-729DA3EA7DFE}"/>
          </ac:spMkLst>
        </pc:spChg>
        <pc:spChg chg="mod">
          <ac:chgData name="White, Alex" userId="eff6cc8c-37d8-483b-9c6c-6b27e9afa9bc" providerId="ADAL" clId="{BF04C754-5BF4-4E83-9615-DB14FA25AF8A}" dt="2023-10-12T11:38:08.274" v="295"/>
          <ac:spMkLst>
            <pc:docMk/>
            <pc:sldMk cId="2376958513" sldId="260"/>
            <ac:spMk id="7089" creationId="{95842121-FB00-8F8E-B7DC-5529ED7F518E}"/>
          </ac:spMkLst>
        </pc:spChg>
        <pc:spChg chg="mod">
          <ac:chgData name="White, Alex" userId="eff6cc8c-37d8-483b-9c6c-6b27e9afa9bc" providerId="ADAL" clId="{BF04C754-5BF4-4E83-9615-DB14FA25AF8A}" dt="2023-10-12T11:38:08.274" v="295"/>
          <ac:spMkLst>
            <pc:docMk/>
            <pc:sldMk cId="2376958513" sldId="260"/>
            <ac:spMk id="7090" creationId="{C5628AAD-7FE1-694C-0844-0A0997A2AE41}"/>
          </ac:spMkLst>
        </pc:spChg>
        <pc:spChg chg="mod">
          <ac:chgData name="White, Alex" userId="eff6cc8c-37d8-483b-9c6c-6b27e9afa9bc" providerId="ADAL" clId="{BF04C754-5BF4-4E83-9615-DB14FA25AF8A}" dt="2023-10-12T11:38:08.274" v="295"/>
          <ac:spMkLst>
            <pc:docMk/>
            <pc:sldMk cId="2376958513" sldId="260"/>
            <ac:spMk id="7091" creationId="{F03245EB-F8DC-3AAB-177B-F0FEC5EBBDB3}"/>
          </ac:spMkLst>
        </pc:spChg>
        <pc:spChg chg="mod">
          <ac:chgData name="White, Alex" userId="eff6cc8c-37d8-483b-9c6c-6b27e9afa9bc" providerId="ADAL" clId="{BF04C754-5BF4-4E83-9615-DB14FA25AF8A}" dt="2023-10-12T11:38:08.274" v="295"/>
          <ac:spMkLst>
            <pc:docMk/>
            <pc:sldMk cId="2376958513" sldId="260"/>
            <ac:spMk id="7092" creationId="{8FDE1457-A3D9-694D-88A3-CA7803A2D126}"/>
          </ac:spMkLst>
        </pc:spChg>
        <pc:spChg chg="mod">
          <ac:chgData name="White, Alex" userId="eff6cc8c-37d8-483b-9c6c-6b27e9afa9bc" providerId="ADAL" clId="{BF04C754-5BF4-4E83-9615-DB14FA25AF8A}" dt="2023-10-12T11:38:08.274" v="295"/>
          <ac:spMkLst>
            <pc:docMk/>
            <pc:sldMk cId="2376958513" sldId="260"/>
            <ac:spMk id="7093" creationId="{E4F3B8EA-E055-05A1-EA8D-10D9128BFA10}"/>
          </ac:spMkLst>
        </pc:spChg>
        <pc:spChg chg="mod">
          <ac:chgData name="White, Alex" userId="eff6cc8c-37d8-483b-9c6c-6b27e9afa9bc" providerId="ADAL" clId="{BF04C754-5BF4-4E83-9615-DB14FA25AF8A}" dt="2023-10-12T11:38:08.274" v="295"/>
          <ac:spMkLst>
            <pc:docMk/>
            <pc:sldMk cId="2376958513" sldId="260"/>
            <ac:spMk id="7094" creationId="{3558CA8A-479A-708C-7B72-D05554F73B01}"/>
          </ac:spMkLst>
        </pc:spChg>
        <pc:spChg chg="mod">
          <ac:chgData name="White, Alex" userId="eff6cc8c-37d8-483b-9c6c-6b27e9afa9bc" providerId="ADAL" clId="{BF04C754-5BF4-4E83-9615-DB14FA25AF8A}" dt="2023-10-12T11:38:08.274" v="295"/>
          <ac:spMkLst>
            <pc:docMk/>
            <pc:sldMk cId="2376958513" sldId="260"/>
            <ac:spMk id="7095" creationId="{B6E27594-40C2-4854-806F-F17E0FC41B79}"/>
          </ac:spMkLst>
        </pc:spChg>
        <pc:spChg chg="mod">
          <ac:chgData name="White, Alex" userId="eff6cc8c-37d8-483b-9c6c-6b27e9afa9bc" providerId="ADAL" clId="{BF04C754-5BF4-4E83-9615-DB14FA25AF8A}" dt="2023-10-12T11:38:08.274" v="295"/>
          <ac:spMkLst>
            <pc:docMk/>
            <pc:sldMk cId="2376958513" sldId="260"/>
            <ac:spMk id="7096" creationId="{37F9881F-C25A-85E1-F2F7-B7E78991965C}"/>
          </ac:spMkLst>
        </pc:spChg>
        <pc:spChg chg="mod">
          <ac:chgData name="White, Alex" userId="eff6cc8c-37d8-483b-9c6c-6b27e9afa9bc" providerId="ADAL" clId="{BF04C754-5BF4-4E83-9615-DB14FA25AF8A}" dt="2023-10-12T11:38:08.274" v="295"/>
          <ac:spMkLst>
            <pc:docMk/>
            <pc:sldMk cId="2376958513" sldId="260"/>
            <ac:spMk id="7097" creationId="{F5E66BE1-BFD3-645D-B64D-63801509F50B}"/>
          </ac:spMkLst>
        </pc:spChg>
        <pc:spChg chg="mod">
          <ac:chgData name="White, Alex" userId="eff6cc8c-37d8-483b-9c6c-6b27e9afa9bc" providerId="ADAL" clId="{BF04C754-5BF4-4E83-9615-DB14FA25AF8A}" dt="2023-10-12T11:38:08.274" v="295"/>
          <ac:spMkLst>
            <pc:docMk/>
            <pc:sldMk cId="2376958513" sldId="260"/>
            <ac:spMk id="7098" creationId="{515F0E37-7545-1087-CFF2-9FA18D969E00}"/>
          </ac:spMkLst>
        </pc:spChg>
        <pc:spChg chg="mod">
          <ac:chgData name="White, Alex" userId="eff6cc8c-37d8-483b-9c6c-6b27e9afa9bc" providerId="ADAL" clId="{BF04C754-5BF4-4E83-9615-DB14FA25AF8A}" dt="2023-10-12T11:38:08.274" v="295"/>
          <ac:spMkLst>
            <pc:docMk/>
            <pc:sldMk cId="2376958513" sldId="260"/>
            <ac:spMk id="7099" creationId="{BB2ECDC0-80B4-557C-7E0A-5B01A30AD581}"/>
          </ac:spMkLst>
        </pc:spChg>
        <pc:spChg chg="mod">
          <ac:chgData name="White, Alex" userId="eff6cc8c-37d8-483b-9c6c-6b27e9afa9bc" providerId="ADAL" clId="{BF04C754-5BF4-4E83-9615-DB14FA25AF8A}" dt="2023-10-12T11:38:08.274" v="295"/>
          <ac:spMkLst>
            <pc:docMk/>
            <pc:sldMk cId="2376958513" sldId="260"/>
            <ac:spMk id="7100" creationId="{9253D01A-1AFB-5339-4EA3-79C9A7E41BFC}"/>
          </ac:spMkLst>
        </pc:spChg>
        <pc:spChg chg="mod">
          <ac:chgData name="White, Alex" userId="eff6cc8c-37d8-483b-9c6c-6b27e9afa9bc" providerId="ADAL" clId="{BF04C754-5BF4-4E83-9615-DB14FA25AF8A}" dt="2023-10-12T11:38:08.274" v="295"/>
          <ac:spMkLst>
            <pc:docMk/>
            <pc:sldMk cId="2376958513" sldId="260"/>
            <ac:spMk id="7101" creationId="{6CF46380-30FC-ABBA-78C6-98AE8F78F040}"/>
          </ac:spMkLst>
        </pc:spChg>
        <pc:spChg chg="mod">
          <ac:chgData name="White, Alex" userId="eff6cc8c-37d8-483b-9c6c-6b27e9afa9bc" providerId="ADAL" clId="{BF04C754-5BF4-4E83-9615-DB14FA25AF8A}" dt="2023-10-12T11:38:08.274" v="295"/>
          <ac:spMkLst>
            <pc:docMk/>
            <pc:sldMk cId="2376958513" sldId="260"/>
            <ac:spMk id="7102" creationId="{B3C6E99A-B35D-8F3F-222A-D89371A17C48}"/>
          </ac:spMkLst>
        </pc:spChg>
        <pc:spChg chg="mod">
          <ac:chgData name="White, Alex" userId="eff6cc8c-37d8-483b-9c6c-6b27e9afa9bc" providerId="ADAL" clId="{BF04C754-5BF4-4E83-9615-DB14FA25AF8A}" dt="2023-10-12T11:38:08.274" v="295"/>
          <ac:spMkLst>
            <pc:docMk/>
            <pc:sldMk cId="2376958513" sldId="260"/>
            <ac:spMk id="7103" creationId="{9177D060-DB78-8BDE-1A98-A98B844C47DE}"/>
          </ac:spMkLst>
        </pc:spChg>
        <pc:spChg chg="mod">
          <ac:chgData name="White, Alex" userId="eff6cc8c-37d8-483b-9c6c-6b27e9afa9bc" providerId="ADAL" clId="{BF04C754-5BF4-4E83-9615-DB14FA25AF8A}" dt="2023-10-12T11:38:08.274" v="295"/>
          <ac:spMkLst>
            <pc:docMk/>
            <pc:sldMk cId="2376958513" sldId="260"/>
            <ac:spMk id="7104" creationId="{FE46D29F-9C78-D710-0DAE-12EAE200777D}"/>
          </ac:spMkLst>
        </pc:spChg>
        <pc:spChg chg="mod">
          <ac:chgData name="White, Alex" userId="eff6cc8c-37d8-483b-9c6c-6b27e9afa9bc" providerId="ADAL" clId="{BF04C754-5BF4-4E83-9615-DB14FA25AF8A}" dt="2023-10-12T11:38:08.274" v="295"/>
          <ac:spMkLst>
            <pc:docMk/>
            <pc:sldMk cId="2376958513" sldId="260"/>
            <ac:spMk id="7105" creationId="{7FD52BA3-906F-0248-54AC-FFF4D028567E}"/>
          </ac:spMkLst>
        </pc:spChg>
        <pc:spChg chg="mod">
          <ac:chgData name="White, Alex" userId="eff6cc8c-37d8-483b-9c6c-6b27e9afa9bc" providerId="ADAL" clId="{BF04C754-5BF4-4E83-9615-DB14FA25AF8A}" dt="2023-10-12T11:38:08.274" v="295"/>
          <ac:spMkLst>
            <pc:docMk/>
            <pc:sldMk cId="2376958513" sldId="260"/>
            <ac:spMk id="7106" creationId="{C6786DBF-FCD4-CD37-2CB4-BC9BE5F2AC3E}"/>
          </ac:spMkLst>
        </pc:spChg>
        <pc:spChg chg="mod">
          <ac:chgData name="White, Alex" userId="eff6cc8c-37d8-483b-9c6c-6b27e9afa9bc" providerId="ADAL" clId="{BF04C754-5BF4-4E83-9615-DB14FA25AF8A}" dt="2023-10-12T11:38:08.274" v="295"/>
          <ac:spMkLst>
            <pc:docMk/>
            <pc:sldMk cId="2376958513" sldId="260"/>
            <ac:spMk id="7107" creationId="{A1BE70FF-516F-FE16-009F-286A889479E9}"/>
          </ac:spMkLst>
        </pc:spChg>
        <pc:spChg chg="mod">
          <ac:chgData name="White, Alex" userId="eff6cc8c-37d8-483b-9c6c-6b27e9afa9bc" providerId="ADAL" clId="{BF04C754-5BF4-4E83-9615-DB14FA25AF8A}" dt="2023-10-12T11:38:08.274" v="295"/>
          <ac:spMkLst>
            <pc:docMk/>
            <pc:sldMk cId="2376958513" sldId="260"/>
            <ac:spMk id="7108" creationId="{2B99E390-964C-7907-8046-42A27189B79C}"/>
          </ac:spMkLst>
        </pc:spChg>
        <pc:spChg chg="mod">
          <ac:chgData name="White, Alex" userId="eff6cc8c-37d8-483b-9c6c-6b27e9afa9bc" providerId="ADAL" clId="{BF04C754-5BF4-4E83-9615-DB14FA25AF8A}" dt="2023-10-12T11:38:08.274" v="295"/>
          <ac:spMkLst>
            <pc:docMk/>
            <pc:sldMk cId="2376958513" sldId="260"/>
            <ac:spMk id="7109" creationId="{5E35A999-F8A2-6221-E48B-91F9D9E2AB1E}"/>
          </ac:spMkLst>
        </pc:spChg>
        <pc:spChg chg="mod">
          <ac:chgData name="White, Alex" userId="eff6cc8c-37d8-483b-9c6c-6b27e9afa9bc" providerId="ADAL" clId="{BF04C754-5BF4-4E83-9615-DB14FA25AF8A}" dt="2023-10-12T11:38:08.274" v="295"/>
          <ac:spMkLst>
            <pc:docMk/>
            <pc:sldMk cId="2376958513" sldId="260"/>
            <ac:spMk id="7110" creationId="{B9D1CD75-04E9-39B1-5F7F-07377F372DDE}"/>
          </ac:spMkLst>
        </pc:spChg>
        <pc:spChg chg="mod">
          <ac:chgData name="White, Alex" userId="eff6cc8c-37d8-483b-9c6c-6b27e9afa9bc" providerId="ADAL" clId="{BF04C754-5BF4-4E83-9615-DB14FA25AF8A}" dt="2023-10-12T11:38:08.274" v="295"/>
          <ac:spMkLst>
            <pc:docMk/>
            <pc:sldMk cId="2376958513" sldId="260"/>
            <ac:spMk id="7111" creationId="{601FC2FF-6397-A74E-7ED5-7DBD5AE68EA6}"/>
          </ac:spMkLst>
        </pc:spChg>
        <pc:spChg chg="mod">
          <ac:chgData name="White, Alex" userId="eff6cc8c-37d8-483b-9c6c-6b27e9afa9bc" providerId="ADAL" clId="{BF04C754-5BF4-4E83-9615-DB14FA25AF8A}" dt="2023-10-12T11:38:08.274" v="295"/>
          <ac:spMkLst>
            <pc:docMk/>
            <pc:sldMk cId="2376958513" sldId="260"/>
            <ac:spMk id="7112" creationId="{B5AE162B-BE4C-5D76-29E5-646C743F303C}"/>
          </ac:spMkLst>
        </pc:spChg>
        <pc:spChg chg="mod">
          <ac:chgData name="White, Alex" userId="eff6cc8c-37d8-483b-9c6c-6b27e9afa9bc" providerId="ADAL" clId="{BF04C754-5BF4-4E83-9615-DB14FA25AF8A}" dt="2023-10-12T11:38:08.274" v="295"/>
          <ac:spMkLst>
            <pc:docMk/>
            <pc:sldMk cId="2376958513" sldId="260"/>
            <ac:spMk id="7113" creationId="{272DFF59-8386-86BF-92E5-4076F294A65C}"/>
          </ac:spMkLst>
        </pc:spChg>
        <pc:spChg chg="mod">
          <ac:chgData name="White, Alex" userId="eff6cc8c-37d8-483b-9c6c-6b27e9afa9bc" providerId="ADAL" clId="{BF04C754-5BF4-4E83-9615-DB14FA25AF8A}" dt="2023-10-12T11:38:08.274" v="295"/>
          <ac:spMkLst>
            <pc:docMk/>
            <pc:sldMk cId="2376958513" sldId="260"/>
            <ac:spMk id="7114" creationId="{BAB52077-7931-1F52-E251-69A9C6969C33}"/>
          </ac:spMkLst>
        </pc:spChg>
        <pc:spChg chg="mod">
          <ac:chgData name="White, Alex" userId="eff6cc8c-37d8-483b-9c6c-6b27e9afa9bc" providerId="ADAL" clId="{BF04C754-5BF4-4E83-9615-DB14FA25AF8A}" dt="2023-10-12T11:38:08.274" v="295"/>
          <ac:spMkLst>
            <pc:docMk/>
            <pc:sldMk cId="2376958513" sldId="260"/>
            <ac:spMk id="7115" creationId="{C45664D5-6EBF-3592-4911-09C23E1EE353}"/>
          </ac:spMkLst>
        </pc:spChg>
        <pc:spChg chg="mod">
          <ac:chgData name="White, Alex" userId="eff6cc8c-37d8-483b-9c6c-6b27e9afa9bc" providerId="ADAL" clId="{BF04C754-5BF4-4E83-9615-DB14FA25AF8A}" dt="2023-10-12T11:38:08.274" v="295"/>
          <ac:spMkLst>
            <pc:docMk/>
            <pc:sldMk cId="2376958513" sldId="260"/>
            <ac:spMk id="7116" creationId="{7917869E-A367-FBE3-9227-A518FEEC9059}"/>
          </ac:spMkLst>
        </pc:spChg>
        <pc:spChg chg="mod">
          <ac:chgData name="White, Alex" userId="eff6cc8c-37d8-483b-9c6c-6b27e9afa9bc" providerId="ADAL" clId="{BF04C754-5BF4-4E83-9615-DB14FA25AF8A}" dt="2023-10-12T11:38:08.274" v="295"/>
          <ac:spMkLst>
            <pc:docMk/>
            <pc:sldMk cId="2376958513" sldId="260"/>
            <ac:spMk id="7117" creationId="{2053E404-C7B9-C3CC-AE5E-98EFF1D4A845}"/>
          </ac:spMkLst>
        </pc:spChg>
        <pc:spChg chg="mod">
          <ac:chgData name="White, Alex" userId="eff6cc8c-37d8-483b-9c6c-6b27e9afa9bc" providerId="ADAL" clId="{BF04C754-5BF4-4E83-9615-DB14FA25AF8A}" dt="2023-10-12T11:38:08.274" v="295"/>
          <ac:spMkLst>
            <pc:docMk/>
            <pc:sldMk cId="2376958513" sldId="260"/>
            <ac:spMk id="7118" creationId="{26385219-5120-8527-5A82-3595404C9D8B}"/>
          </ac:spMkLst>
        </pc:spChg>
        <pc:spChg chg="mod">
          <ac:chgData name="White, Alex" userId="eff6cc8c-37d8-483b-9c6c-6b27e9afa9bc" providerId="ADAL" clId="{BF04C754-5BF4-4E83-9615-DB14FA25AF8A}" dt="2023-10-12T11:38:08.274" v="295"/>
          <ac:spMkLst>
            <pc:docMk/>
            <pc:sldMk cId="2376958513" sldId="260"/>
            <ac:spMk id="7119" creationId="{77528807-A4C0-F6F8-5FC4-9CC26C6069F1}"/>
          </ac:spMkLst>
        </pc:spChg>
        <pc:spChg chg="mod">
          <ac:chgData name="White, Alex" userId="eff6cc8c-37d8-483b-9c6c-6b27e9afa9bc" providerId="ADAL" clId="{BF04C754-5BF4-4E83-9615-DB14FA25AF8A}" dt="2023-10-12T11:38:08.274" v="295"/>
          <ac:spMkLst>
            <pc:docMk/>
            <pc:sldMk cId="2376958513" sldId="260"/>
            <ac:spMk id="7120" creationId="{0258660B-7AA2-6DF3-BCC5-336CA094A539}"/>
          </ac:spMkLst>
        </pc:spChg>
        <pc:spChg chg="mod">
          <ac:chgData name="White, Alex" userId="eff6cc8c-37d8-483b-9c6c-6b27e9afa9bc" providerId="ADAL" clId="{BF04C754-5BF4-4E83-9615-DB14FA25AF8A}" dt="2023-10-12T11:38:08.274" v="295"/>
          <ac:spMkLst>
            <pc:docMk/>
            <pc:sldMk cId="2376958513" sldId="260"/>
            <ac:spMk id="7121" creationId="{E050865B-11BF-7880-B554-DBD62293166E}"/>
          </ac:spMkLst>
        </pc:spChg>
        <pc:spChg chg="mod">
          <ac:chgData name="White, Alex" userId="eff6cc8c-37d8-483b-9c6c-6b27e9afa9bc" providerId="ADAL" clId="{BF04C754-5BF4-4E83-9615-DB14FA25AF8A}" dt="2023-10-12T11:38:08.274" v="295"/>
          <ac:spMkLst>
            <pc:docMk/>
            <pc:sldMk cId="2376958513" sldId="260"/>
            <ac:spMk id="7122" creationId="{E2F9D68A-9886-0841-B09D-E46BB6702D3E}"/>
          </ac:spMkLst>
        </pc:spChg>
        <pc:spChg chg="mod">
          <ac:chgData name="White, Alex" userId="eff6cc8c-37d8-483b-9c6c-6b27e9afa9bc" providerId="ADAL" clId="{BF04C754-5BF4-4E83-9615-DB14FA25AF8A}" dt="2023-10-12T11:38:08.274" v="295"/>
          <ac:spMkLst>
            <pc:docMk/>
            <pc:sldMk cId="2376958513" sldId="260"/>
            <ac:spMk id="7123" creationId="{514CE6D4-0019-8DA9-DFC6-F8B76D829517}"/>
          </ac:spMkLst>
        </pc:spChg>
        <pc:spChg chg="mod">
          <ac:chgData name="White, Alex" userId="eff6cc8c-37d8-483b-9c6c-6b27e9afa9bc" providerId="ADAL" clId="{BF04C754-5BF4-4E83-9615-DB14FA25AF8A}" dt="2023-10-12T11:38:08.274" v="295"/>
          <ac:spMkLst>
            <pc:docMk/>
            <pc:sldMk cId="2376958513" sldId="260"/>
            <ac:spMk id="7124" creationId="{A797C89D-F95F-4DB9-C1B6-2BEE152B43B5}"/>
          </ac:spMkLst>
        </pc:spChg>
        <pc:spChg chg="mod">
          <ac:chgData name="White, Alex" userId="eff6cc8c-37d8-483b-9c6c-6b27e9afa9bc" providerId="ADAL" clId="{BF04C754-5BF4-4E83-9615-DB14FA25AF8A}" dt="2023-10-12T11:38:08.274" v="295"/>
          <ac:spMkLst>
            <pc:docMk/>
            <pc:sldMk cId="2376958513" sldId="260"/>
            <ac:spMk id="7125" creationId="{831FBBF8-4303-085A-B641-CF25235182D8}"/>
          </ac:spMkLst>
        </pc:spChg>
        <pc:spChg chg="mod">
          <ac:chgData name="White, Alex" userId="eff6cc8c-37d8-483b-9c6c-6b27e9afa9bc" providerId="ADAL" clId="{BF04C754-5BF4-4E83-9615-DB14FA25AF8A}" dt="2023-10-12T11:38:08.274" v="295"/>
          <ac:spMkLst>
            <pc:docMk/>
            <pc:sldMk cId="2376958513" sldId="260"/>
            <ac:spMk id="7126" creationId="{27F4FE18-49BA-875A-9E9A-45A8DCC8F532}"/>
          </ac:spMkLst>
        </pc:spChg>
        <pc:spChg chg="mod">
          <ac:chgData name="White, Alex" userId="eff6cc8c-37d8-483b-9c6c-6b27e9afa9bc" providerId="ADAL" clId="{BF04C754-5BF4-4E83-9615-DB14FA25AF8A}" dt="2023-10-12T11:38:08.274" v="295"/>
          <ac:spMkLst>
            <pc:docMk/>
            <pc:sldMk cId="2376958513" sldId="260"/>
            <ac:spMk id="7127" creationId="{44847C26-5F9A-506A-6C79-FB6B31F03540}"/>
          </ac:spMkLst>
        </pc:spChg>
        <pc:spChg chg="mod">
          <ac:chgData name="White, Alex" userId="eff6cc8c-37d8-483b-9c6c-6b27e9afa9bc" providerId="ADAL" clId="{BF04C754-5BF4-4E83-9615-DB14FA25AF8A}" dt="2023-10-12T11:38:08.274" v="295"/>
          <ac:spMkLst>
            <pc:docMk/>
            <pc:sldMk cId="2376958513" sldId="260"/>
            <ac:spMk id="7128" creationId="{5D2FBDDF-705E-8820-FA51-5AF31B4130A4}"/>
          </ac:spMkLst>
        </pc:spChg>
        <pc:spChg chg="mod">
          <ac:chgData name="White, Alex" userId="eff6cc8c-37d8-483b-9c6c-6b27e9afa9bc" providerId="ADAL" clId="{BF04C754-5BF4-4E83-9615-DB14FA25AF8A}" dt="2023-10-12T11:38:08.274" v="295"/>
          <ac:spMkLst>
            <pc:docMk/>
            <pc:sldMk cId="2376958513" sldId="260"/>
            <ac:spMk id="7129" creationId="{0748D4A0-F0DB-D014-7F4F-DC3D1F4EA116}"/>
          </ac:spMkLst>
        </pc:spChg>
        <pc:spChg chg="mod">
          <ac:chgData name="White, Alex" userId="eff6cc8c-37d8-483b-9c6c-6b27e9afa9bc" providerId="ADAL" clId="{BF04C754-5BF4-4E83-9615-DB14FA25AF8A}" dt="2023-10-12T11:38:08.274" v="295"/>
          <ac:spMkLst>
            <pc:docMk/>
            <pc:sldMk cId="2376958513" sldId="260"/>
            <ac:spMk id="7130" creationId="{A793BA3B-8FF1-862A-C31F-725D12516DC6}"/>
          </ac:spMkLst>
        </pc:spChg>
        <pc:spChg chg="mod">
          <ac:chgData name="White, Alex" userId="eff6cc8c-37d8-483b-9c6c-6b27e9afa9bc" providerId="ADAL" clId="{BF04C754-5BF4-4E83-9615-DB14FA25AF8A}" dt="2023-10-12T11:38:08.274" v="295"/>
          <ac:spMkLst>
            <pc:docMk/>
            <pc:sldMk cId="2376958513" sldId="260"/>
            <ac:spMk id="7131" creationId="{1F62DF61-6CEE-C45F-C0CA-8974A11128A5}"/>
          </ac:spMkLst>
        </pc:spChg>
        <pc:spChg chg="mod">
          <ac:chgData name="White, Alex" userId="eff6cc8c-37d8-483b-9c6c-6b27e9afa9bc" providerId="ADAL" clId="{BF04C754-5BF4-4E83-9615-DB14FA25AF8A}" dt="2023-10-12T11:38:08.274" v="295"/>
          <ac:spMkLst>
            <pc:docMk/>
            <pc:sldMk cId="2376958513" sldId="260"/>
            <ac:spMk id="7132" creationId="{3FF553A9-B83F-CDBC-0D7A-1DEAAB9CB38D}"/>
          </ac:spMkLst>
        </pc:spChg>
        <pc:spChg chg="mod">
          <ac:chgData name="White, Alex" userId="eff6cc8c-37d8-483b-9c6c-6b27e9afa9bc" providerId="ADAL" clId="{BF04C754-5BF4-4E83-9615-DB14FA25AF8A}" dt="2023-10-12T11:38:08.274" v="295"/>
          <ac:spMkLst>
            <pc:docMk/>
            <pc:sldMk cId="2376958513" sldId="260"/>
            <ac:spMk id="7133" creationId="{B3930F61-C0F4-A2DB-18CC-D8798D31522F}"/>
          </ac:spMkLst>
        </pc:spChg>
        <pc:spChg chg="mod">
          <ac:chgData name="White, Alex" userId="eff6cc8c-37d8-483b-9c6c-6b27e9afa9bc" providerId="ADAL" clId="{BF04C754-5BF4-4E83-9615-DB14FA25AF8A}" dt="2023-10-12T11:38:08.274" v="295"/>
          <ac:spMkLst>
            <pc:docMk/>
            <pc:sldMk cId="2376958513" sldId="260"/>
            <ac:spMk id="7134" creationId="{D272EE0F-8859-B334-3517-EDEC007037F9}"/>
          </ac:spMkLst>
        </pc:spChg>
        <pc:spChg chg="mod">
          <ac:chgData name="White, Alex" userId="eff6cc8c-37d8-483b-9c6c-6b27e9afa9bc" providerId="ADAL" clId="{BF04C754-5BF4-4E83-9615-DB14FA25AF8A}" dt="2023-10-12T11:38:08.274" v="295"/>
          <ac:spMkLst>
            <pc:docMk/>
            <pc:sldMk cId="2376958513" sldId="260"/>
            <ac:spMk id="7135" creationId="{77855AE8-7959-3158-9AB0-08D1C209FC26}"/>
          </ac:spMkLst>
        </pc:spChg>
        <pc:spChg chg="mod">
          <ac:chgData name="White, Alex" userId="eff6cc8c-37d8-483b-9c6c-6b27e9afa9bc" providerId="ADAL" clId="{BF04C754-5BF4-4E83-9615-DB14FA25AF8A}" dt="2023-10-12T11:38:08.274" v="295"/>
          <ac:spMkLst>
            <pc:docMk/>
            <pc:sldMk cId="2376958513" sldId="260"/>
            <ac:spMk id="7136" creationId="{6E6922FA-7BE6-ECAC-FFEA-C854768C8318}"/>
          </ac:spMkLst>
        </pc:spChg>
        <pc:spChg chg="mod">
          <ac:chgData name="White, Alex" userId="eff6cc8c-37d8-483b-9c6c-6b27e9afa9bc" providerId="ADAL" clId="{BF04C754-5BF4-4E83-9615-DB14FA25AF8A}" dt="2023-10-12T11:38:08.274" v="295"/>
          <ac:spMkLst>
            <pc:docMk/>
            <pc:sldMk cId="2376958513" sldId="260"/>
            <ac:spMk id="7137" creationId="{9F3027A7-3CB1-DC51-CD76-88FF4B3911C8}"/>
          </ac:spMkLst>
        </pc:spChg>
        <pc:spChg chg="mod">
          <ac:chgData name="White, Alex" userId="eff6cc8c-37d8-483b-9c6c-6b27e9afa9bc" providerId="ADAL" clId="{BF04C754-5BF4-4E83-9615-DB14FA25AF8A}" dt="2023-10-12T11:38:08.274" v="295"/>
          <ac:spMkLst>
            <pc:docMk/>
            <pc:sldMk cId="2376958513" sldId="260"/>
            <ac:spMk id="7138" creationId="{37E29D7F-3D54-E248-3377-66F5CD468E71}"/>
          </ac:spMkLst>
        </pc:spChg>
        <pc:spChg chg="mod">
          <ac:chgData name="White, Alex" userId="eff6cc8c-37d8-483b-9c6c-6b27e9afa9bc" providerId="ADAL" clId="{BF04C754-5BF4-4E83-9615-DB14FA25AF8A}" dt="2023-10-12T11:38:08.274" v="295"/>
          <ac:spMkLst>
            <pc:docMk/>
            <pc:sldMk cId="2376958513" sldId="260"/>
            <ac:spMk id="7139" creationId="{A1B3820C-3993-5D8E-604F-E6725A8BC182}"/>
          </ac:spMkLst>
        </pc:spChg>
        <pc:spChg chg="mod">
          <ac:chgData name="White, Alex" userId="eff6cc8c-37d8-483b-9c6c-6b27e9afa9bc" providerId="ADAL" clId="{BF04C754-5BF4-4E83-9615-DB14FA25AF8A}" dt="2023-10-12T11:38:08.274" v="295"/>
          <ac:spMkLst>
            <pc:docMk/>
            <pc:sldMk cId="2376958513" sldId="260"/>
            <ac:spMk id="7140" creationId="{F58B1A45-A7E5-0238-E9C4-CE6257F3F87B}"/>
          </ac:spMkLst>
        </pc:spChg>
        <pc:spChg chg="mod">
          <ac:chgData name="White, Alex" userId="eff6cc8c-37d8-483b-9c6c-6b27e9afa9bc" providerId="ADAL" clId="{BF04C754-5BF4-4E83-9615-DB14FA25AF8A}" dt="2023-10-12T11:38:08.274" v="295"/>
          <ac:spMkLst>
            <pc:docMk/>
            <pc:sldMk cId="2376958513" sldId="260"/>
            <ac:spMk id="7141" creationId="{4939ACA2-877D-AAEA-AF59-919E3951DB0B}"/>
          </ac:spMkLst>
        </pc:spChg>
        <pc:spChg chg="mod">
          <ac:chgData name="White, Alex" userId="eff6cc8c-37d8-483b-9c6c-6b27e9afa9bc" providerId="ADAL" clId="{BF04C754-5BF4-4E83-9615-DB14FA25AF8A}" dt="2023-10-12T11:38:08.274" v="295"/>
          <ac:spMkLst>
            <pc:docMk/>
            <pc:sldMk cId="2376958513" sldId="260"/>
            <ac:spMk id="7142" creationId="{ADFB7D1D-1E7B-0BF4-45BB-FE8977031BBA}"/>
          </ac:spMkLst>
        </pc:spChg>
        <pc:spChg chg="mod">
          <ac:chgData name="White, Alex" userId="eff6cc8c-37d8-483b-9c6c-6b27e9afa9bc" providerId="ADAL" clId="{BF04C754-5BF4-4E83-9615-DB14FA25AF8A}" dt="2023-10-12T11:38:08.274" v="295"/>
          <ac:spMkLst>
            <pc:docMk/>
            <pc:sldMk cId="2376958513" sldId="260"/>
            <ac:spMk id="7143" creationId="{E40EE5D1-1E32-9D1C-DD68-2EAC9703A484}"/>
          </ac:spMkLst>
        </pc:spChg>
        <pc:spChg chg="mod">
          <ac:chgData name="White, Alex" userId="eff6cc8c-37d8-483b-9c6c-6b27e9afa9bc" providerId="ADAL" clId="{BF04C754-5BF4-4E83-9615-DB14FA25AF8A}" dt="2023-10-12T11:38:08.274" v="295"/>
          <ac:spMkLst>
            <pc:docMk/>
            <pc:sldMk cId="2376958513" sldId="260"/>
            <ac:spMk id="7144" creationId="{98C00B66-A90C-F2FA-285C-371FF39BC905}"/>
          </ac:spMkLst>
        </pc:spChg>
        <pc:spChg chg="mod">
          <ac:chgData name="White, Alex" userId="eff6cc8c-37d8-483b-9c6c-6b27e9afa9bc" providerId="ADAL" clId="{BF04C754-5BF4-4E83-9615-DB14FA25AF8A}" dt="2023-10-12T11:38:08.274" v="295"/>
          <ac:spMkLst>
            <pc:docMk/>
            <pc:sldMk cId="2376958513" sldId="260"/>
            <ac:spMk id="7145" creationId="{01115819-FA19-0BA0-BDFE-A4A4B2657A2B}"/>
          </ac:spMkLst>
        </pc:spChg>
        <pc:spChg chg="mod">
          <ac:chgData name="White, Alex" userId="eff6cc8c-37d8-483b-9c6c-6b27e9afa9bc" providerId="ADAL" clId="{BF04C754-5BF4-4E83-9615-DB14FA25AF8A}" dt="2023-10-12T11:38:08.274" v="295"/>
          <ac:spMkLst>
            <pc:docMk/>
            <pc:sldMk cId="2376958513" sldId="260"/>
            <ac:spMk id="7146" creationId="{3455B129-6B77-C6D9-7C00-96BC03B23CCF}"/>
          </ac:spMkLst>
        </pc:spChg>
        <pc:spChg chg="mod">
          <ac:chgData name="White, Alex" userId="eff6cc8c-37d8-483b-9c6c-6b27e9afa9bc" providerId="ADAL" clId="{BF04C754-5BF4-4E83-9615-DB14FA25AF8A}" dt="2023-10-12T11:38:08.274" v="295"/>
          <ac:spMkLst>
            <pc:docMk/>
            <pc:sldMk cId="2376958513" sldId="260"/>
            <ac:spMk id="7147" creationId="{E648CC8C-4721-4AAD-3D59-E8CBF8A4AA49}"/>
          </ac:spMkLst>
        </pc:spChg>
        <pc:spChg chg="mod">
          <ac:chgData name="White, Alex" userId="eff6cc8c-37d8-483b-9c6c-6b27e9afa9bc" providerId="ADAL" clId="{BF04C754-5BF4-4E83-9615-DB14FA25AF8A}" dt="2023-10-12T11:38:08.274" v="295"/>
          <ac:spMkLst>
            <pc:docMk/>
            <pc:sldMk cId="2376958513" sldId="260"/>
            <ac:spMk id="7148" creationId="{873602E7-4E91-2201-0562-8FBBB41FE856}"/>
          </ac:spMkLst>
        </pc:spChg>
        <pc:spChg chg="mod">
          <ac:chgData name="White, Alex" userId="eff6cc8c-37d8-483b-9c6c-6b27e9afa9bc" providerId="ADAL" clId="{BF04C754-5BF4-4E83-9615-DB14FA25AF8A}" dt="2023-10-12T11:38:08.274" v="295"/>
          <ac:spMkLst>
            <pc:docMk/>
            <pc:sldMk cId="2376958513" sldId="260"/>
            <ac:spMk id="7149" creationId="{2FD4755F-D767-DE6F-E0E3-BC037E8C9BA4}"/>
          </ac:spMkLst>
        </pc:spChg>
        <pc:spChg chg="mod">
          <ac:chgData name="White, Alex" userId="eff6cc8c-37d8-483b-9c6c-6b27e9afa9bc" providerId="ADAL" clId="{BF04C754-5BF4-4E83-9615-DB14FA25AF8A}" dt="2023-10-12T11:38:08.274" v="295"/>
          <ac:spMkLst>
            <pc:docMk/>
            <pc:sldMk cId="2376958513" sldId="260"/>
            <ac:spMk id="7150" creationId="{2BA70C45-4D0B-A0A3-B19C-86BA6C4AF8B1}"/>
          </ac:spMkLst>
        </pc:spChg>
        <pc:spChg chg="mod">
          <ac:chgData name="White, Alex" userId="eff6cc8c-37d8-483b-9c6c-6b27e9afa9bc" providerId="ADAL" clId="{BF04C754-5BF4-4E83-9615-DB14FA25AF8A}" dt="2023-10-12T11:38:08.274" v="295"/>
          <ac:spMkLst>
            <pc:docMk/>
            <pc:sldMk cId="2376958513" sldId="260"/>
            <ac:spMk id="7151" creationId="{95480B29-312B-8E28-0521-55B15126E15C}"/>
          </ac:spMkLst>
        </pc:spChg>
        <pc:spChg chg="mod">
          <ac:chgData name="White, Alex" userId="eff6cc8c-37d8-483b-9c6c-6b27e9afa9bc" providerId="ADAL" clId="{BF04C754-5BF4-4E83-9615-DB14FA25AF8A}" dt="2023-10-12T11:38:08.274" v="295"/>
          <ac:spMkLst>
            <pc:docMk/>
            <pc:sldMk cId="2376958513" sldId="260"/>
            <ac:spMk id="7152" creationId="{75F0FF53-BE4F-95C8-E69F-8436D908D106}"/>
          </ac:spMkLst>
        </pc:spChg>
        <pc:spChg chg="mod">
          <ac:chgData name="White, Alex" userId="eff6cc8c-37d8-483b-9c6c-6b27e9afa9bc" providerId="ADAL" clId="{BF04C754-5BF4-4E83-9615-DB14FA25AF8A}" dt="2023-10-12T11:38:08.274" v="295"/>
          <ac:spMkLst>
            <pc:docMk/>
            <pc:sldMk cId="2376958513" sldId="260"/>
            <ac:spMk id="7153" creationId="{E9FB13C0-6FD3-E79E-7D6F-57AE7FA8F2CD}"/>
          </ac:spMkLst>
        </pc:spChg>
        <pc:spChg chg="mod">
          <ac:chgData name="White, Alex" userId="eff6cc8c-37d8-483b-9c6c-6b27e9afa9bc" providerId="ADAL" clId="{BF04C754-5BF4-4E83-9615-DB14FA25AF8A}" dt="2023-10-12T11:38:08.274" v="295"/>
          <ac:spMkLst>
            <pc:docMk/>
            <pc:sldMk cId="2376958513" sldId="260"/>
            <ac:spMk id="7154" creationId="{9F2ACA0A-3272-5C11-AF04-9D87EDFDBEBE}"/>
          </ac:spMkLst>
        </pc:spChg>
        <pc:spChg chg="mod">
          <ac:chgData name="White, Alex" userId="eff6cc8c-37d8-483b-9c6c-6b27e9afa9bc" providerId="ADAL" clId="{BF04C754-5BF4-4E83-9615-DB14FA25AF8A}" dt="2023-10-12T11:38:08.274" v="295"/>
          <ac:spMkLst>
            <pc:docMk/>
            <pc:sldMk cId="2376958513" sldId="260"/>
            <ac:spMk id="7155" creationId="{064AC50E-26DD-1EB6-288C-CE7F6E8D10DB}"/>
          </ac:spMkLst>
        </pc:spChg>
        <pc:spChg chg="mod">
          <ac:chgData name="White, Alex" userId="eff6cc8c-37d8-483b-9c6c-6b27e9afa9bc" providerId="ADAL" clId="{BF04C754-5BF4-4E83-9615-DB14FA25AF8A}" dt="2023-10-12T11:38:08.274" v="295"/>
          <ac:spMkLst>
            <pc:docMk/>
            <pc:sldMk cId="2376958513" sldId="260"/>
            <ac:spMk id="7156" creationId="{122F06D6-C4B8-2D60-47BD-C2326A9958EE}"/>
          </ac:spMkLst>
        </pc:spChg>
        <pc:spChg chg="mod">
          <ac:chgData name="White, Alex" userId="eff6cc8c-37d8-483b-9c6c-6b27e9afa9bc" providerId="ADAL" clId="{BF04C754-5BF4-4E83-9615-DB14FA25AF8A}" dt="2023-10-12T11:38:08.274" v="295"/>
          <ac:spMkLst>
            <pc:docMk/>
            <pc:sldMk cId="2376958513" sldId="260"/>
            <ac:spMk id="7157" creationId="{09CBD13F-7B85-37D2-421D-A9859ADA5D63}"/>
          </ac:spMkLst>
        </pc:spChg>
        <pc:spChg chg="mod">
          <ac:chgData name="White, Alex" userId="eff6cc8c-37d8-483b-9c6c-6b27e9afa9bc" providerId="ADAL" clId="{BF04C754-5BF4-4E83-9615-DB14FA25AF8A}" dt="2023-10-12T11:38:08.274" v="295"/>
          <ac:spMkLst>
            <pc:docMk/>
            <pc:sldMk cId="2376958513" sldId="260"/>
            <ac:spMk id="7158" creationId="{EA2A9CFB-913D-E4A0-C4EB-67FB404F78F8}"/>
          </ac:spMkLst>
        </pc:spChg>
        <pc:spChg chg="mod">
          <ac:chgData name="White, Alex" userId="eff6cc8c-37d8-483b-9c6c-6b27e9afa9bc" providerId="ADAL" clId="{BF04C754-5BF4-4E83-9615-DB14FA25AF8A}" dt="2023-10-12T11:38:08.274" v="295"/>
          <ac:spMkLst>
            <pc:docMk/>
            <pc:sldMk cId="2376958513" sldId="260"/>
            <ac:spMk id="7159" creationId="{4F0E32E9-4221-A587-1874-EDBAAB11E552}"/>
          </ac:spMkLst>
        </pc:spChg>
        <pc:spChg chg="mod">
          <ac:chgData name="White, Alex" userId="eff6cc8c-37d8-483b-9c6c-6b27e9afa9bc" providerId="ADAL" clId="{BF04C754-5BF4-4E83-9615-DB14FA25AF8A}" dt="2023-10-12T11:38:08.274" v="295"/>
          <ac:spMkLst>
            <pc:docMk/>
            <pc:sldMk cId="2376958513" sldId="260"/>
            <ac:spMk id="7160" creationId="{CE08D24E-747C-66E3-FA80-164C1B565BC1}"/>
          </ac:spMkLst>
        </pc:spChg>
        <pc:spChg chg="mod">
          <ac:chgData name="White, Alex" userId="eff6cc8c-37d8-483b-9c6c-6b27e9afa9bc" providerId="ADAL" clId="{BF04C754-5BF4-4E83-9615-DB14FA25AF8A}" dt="2023-10-12T11:38:08.274" v="295"/>
          <ac:spMkLst>
            <pc:docMk/>
            <pc:sldMk cId="2376958513" sldId="260"/>
            <ac:spMk id="7161" creationId="{9B95A051-738E-D134-11FF-648505F9CDEA}"/>
          </ac:spMkLst>
        </pc:spChg>
        <pc:spChg chg="mod">
          <ac:chgData name="White, Alex" userId="eff6cc8c-37d8-483b-9c6c-6b27e9afa9bc" providerId="ADAL" clId="{BF04C754-5BF4-4E83-9615-DB14FA25AF8A}" dt="2023-10-12T11:38:08.274" v="295"/>
          <ac:spMkLst>
            <pc:docMk/>
            <pc:sldMk cId="2376958513" sldId="260"/>
            <ac:spMk id="7162" creationId="{55CC2969-9AAE-A231-D298-C2997FC4DDDC}"/>
          </ac:spMkLst>
        </pc:spChg>
        <pc:spChg chg="mod">
          <ac:chgData name="White, Alex" userId="eff6cc8c-37d8-483b-9c6c-6b27e9afa9bc" providerId="ADAL" clId="{BF04C754-5BF4-4E83-9615-DB14FA25AF8A}" dt="2023-10-12T11:38:08.274" v="295"/>
          <ac:spMkLst>
            <pc:docMk/>
            <pc:sldMk cId="2376958513" sldId="260"/>
            <ac:spMk id="7163" creationId="{8608E5C4-8BCA-89BC-D024-BC3724BA50E2}"/>
          </ac:spMkLst>
        </pc:spChg>
        <pc:spChg chg="mod">
          <ac:chgData name="White, Alex" userId="eff6cc8c-37d8-483b-9c6c-6b27e9afa9bc" providerId="ADAL" clId="{BF04C754-5BF4-4E83-9615-DB14FA25AF8A}" dt="2023-10-12T11:38:08.274" v="295"/>
          <ac:spMkLst>
            <pc:docMk/>
            <pc:sldMk cId="2376958513" sldId="260"/>
            <ac:spMk id="7164" creationId="{3D6F2491-93E8-D4ED-060C-B8F0C8318FA1}"/>
          </ac:spMkLst>
        </pc:spChg>
        <pc:spChg chg="mod">
          <ac:chgData name="White, Alex" userId="eff6cc8c-37d8-483b-9c6c-6b27e9afa9bc" providerId="ADAL" clId="{BF04C754-5BF4-4E83-9615-DB14FA25AF8A}" dt="2023-10-12T11:38:08.274" v="295"/>
          <ac:spMkLst>
            <pc:docMk/>
            <pc:sldMk cId="2376958513" sldId="260"/>
            <ac:spMk id="7165" creationId="{89681711-E9C4-516F-0C23-937FEB4F85BB}"/>
          </ac:spMkLst>
        </pc:spChg>
        <pc:spChg chg="mod">
          <ac:chgData name="White, Alex" userId="eff6cc8c-37d8-483b-9c6c-6b27e9afa9bc" providerId="ADAL" clId="{BF04C754-5BF4-4E83-9615-DB14FA25AF8A}" dt="2023-10-12T11:38:08.274" v="295"/>
          <ac:spMkLst>
            <pc:docMk/>
            <pc:sldMk cId="2376958513" sldId="260"/>
            <ac:spMk id="7166" creationId="{17AF2C47-1126-CBE9-0D58-D2E936EBD8C3}"/>
          </ac:spMkLst>
        </pc:spChg>
        <pc:spChg chg="mod">
          <ac:chgData name="White, Alex" userId="eff6cc8c-37d8-483b-9c6c-6b27e9afa9bc" providerId="ADAL" clId="{BF04C754-5BF4-4E83-9615-DB14FA25AF8A}" dt="2023-10-12T11:38:08.274" v="295"/>
          <ac:spMkLst>
            <pc:docMk/>
            <pc:sldMk cId="2376958513" sldId="260"/>
            <ac:spMk id="7167" creationId="{11C8ED0D-05F0-8FE0-4F1B-D4CDAD7CCF99}"/>
          </ac:spMkLst>
        </pc:spChg>
        <pc:spChg chg="mod">
          <ac:chgData name="White, Alex" userId="eff6cc8c-37d8-483b-9c6c-6b27e9afa9bc" providerId="ADAL" clId="{BF04C754-5BF4-4E83-9615-DB14FA25AF8A}" dt="2023-10-12T11:38:08.274" v="295"/>
          <ac:spMkLst>
            <pc:docMk/>
            <pc:sldMk cId="2376958513" sldId="260"/>
            <ac:spMk id="7168" creationId="{3B04B6D1-E02B-EB54-0165-A501271BBA4E}"/>
          </ac:spMkLst>
        </pc:spChg>
        <pc:spChg chg="mod">
          <ac:chgData name="White, Alex" userId="eff6cc8c-37d8-483b-9c6c-6b27e9afa9bc" providerId="ADAL" clId="{BF04C754-5BF4-4E83-9615-DB14FA25AF8A}" dt="2023-10-12T11:38:08.274" v="295"/>
          <ac:spMkLst>
            <pc:docMk/>
            <pc:sldMk cId="2376958513" sldId="260"/>
            <ac:spMk id="7169" creationId="{596325B4-F82E-CE19-A9BA-0F569DCDBB34}"/>
          </ac:spMkLst>
        </pc:spChg>
        <pc:spChg chg="mod">
          <ac:chgData name="White, Alex" userId="eff6cc8c-37d8-483b-9c6c-6b27e9afa9bc" providerId="ADAL" clId="{BF04C754-5BF4-4E83-9615-DB14FA25AF8A}" dt="2023-10-12T11:38:08.274" v="295"/>
          <ac:spMkLst>
            <pc:docMk/>
            <pc:sldMk cId="2376958513" sldId="260"/>
            <ac:spMk id="7170" creationId="{AF78B795-2E4D-2C48-CD94-CA6BB88C649A}"/>
          </ac:spMkLst>
        </pc:spChg>
        <pc:spChg chg="mod">
          <ac:chgData name="White, Alex" userId="eff6cc8c-37d8-483b-9c6c-6b27e9afa9bc" providerId="ADAL" clId="{BF04C754-5BF4-4E83-9615-DB14FA25AF8A}" dt="2023-10-12T11:38:08.274" v="295"/>
          <ac:spMkLst>
            <pc:docMk/>
            <pc:sldMk cId="2376958513" sldId="260"/>
            <ac:spMk id="7171" creationId="{2009DE07-9369-DA16-80CB-37CB96D8C584}"/>
          </ac:spMkLst>
        </pc:spChg>
        <pc:spChg chg="mod">
          <ac:chgData name="White, Alex" userId="eff6cc8c-37d8-483b-9c6c-6b27e9afa9bc" providerId="ADAL" clId="{BF04C754-5BF4-4E83-9615-DB14FA25AF8A}" dt="2023-10-12T11:38:08.274" v="295"/>
          <ac:spMkLst>
            <pc:docMk/>
            <pc:sldMk cId="2376958513" sldId="260"/>
            <ac:spMk id="7172" creationId="{BBC67561-E00E-F4FC-D46D-38344B2A0C71}"/>
          </ac:spMkLst>
        </pc:spChg>
        <pc:spChg chg="mod">
          <ac:chgData name="White, Alex" userId="eff6cc8c-37d8-483b-9c6c-6b27e9afa9bc" providerId="ADAL" clId="{BF04C754-5BF4-4E83-9615-DB14FA25AF8A}" dt="2023-10-12T11:38:08.274" v="295"/>
          <ac:spMkLst>
            <pc:docMk/>
            <pc:sldMk cId="2376958513" sldId="260"/>
            <ac:spMk id="7173" creationId="{C0CD41AA-2F00-1BB6-EE60-801A098EA578}"/>
          </ac:spMkLst>
        </pc:spChg>
        <pc:spChg chg="mod">
          <ac:chgData name="White, Alex" userId="eff6cc8c-37d8-483b-9c6c-6b27e9afa9bc" providerId="ADAL" clId="{BF04C754-5BF4-4E83-9615-DB14FA25AF8A}" dt="2023-10-12T11:38:08.274" v="295"/>
          <ac:spMkLst>
            <pc:docMk/>
            <pc:sldMk cId="2376958513" sldId="260"/>
            <ac:spMk id="7174" creationId="{F33931CF-0185-DBC1-3259-9C570922F407}"/>
          </ac:spMkLst>
        </pc:spChg>
        <pc:spChg chg="mod">
          <ac:chgData name="White, Alex" userId="eff6cc8c-37d8-483b-9c6c-6b27e9afa9bc" providerId="ADAL" clId="{BF04C754-5BF4-4E83-9615-DB14FA25AF8A}" dt="2023-10-12T11:38:08.274" v="295"/>
          <ac:spMkLst>
            <pc:docMk/>
            <pc:sldMk cId="2376958513" sldId="260"/>
            <ac:spMk id="7175" creationId="{DDFAE390-6456-E9C7-FF59-11289D355615}"/>
          </ac:spMkLst>
        </pc:spChg>
        <pc:spChg chg="mod">
          <ac:chgData name="White, Alex" userId="eff6cc8c-37d8-483b-9c6c-6b27e9afa9bc" providerId="ADAL" clId="{BF04C754-5BF4-4E83-9615-DB14FA25AF8A}" dt="2023-10-12T11:38:08.274" v="295"/>
          <ac:spMkLst>
            <pc:docMk/>
            <pc:sldMk cId="2376958513" sldId="260"/>
            <ac:spMk id="7176" creationId="{5424A95D-9893-E69C-9D22-3C671E044EA7}"/>
          </ac:spMkLst>
        </pc:spChg>
        <pc:spChg chg="mod">
          <ac:chgData name="White, Alex" userId="eff6cc8c-37d8-483b-9c6c-6b27e9afa9bc" providerId="ADAL" clId="{BF04C754-5BF4-4E83-9615-DB14FA25AF8A}" dt="2023-10-12T11:38:08.274" v="295"/>
          <ac:spMkLst>
            <pc:docMk/>
            <pc:sldMk cId="2376958513" sldId="260"/>
            <ac:spMk id="7177" creationId="{2836C78A-CD31-13B3-F5CB-6CBBBEEA7298}"/>
          </ac:spMkLst>
        </pc:spChg>
        <pc:spChg chg="mod">
          <ac:chgData name="White, Alex" userId="eff6cc8c-37d8-483b-9c6c-6b27e9afa9bc" providerId="ADAL" clId="{BF04C754-5BF4-4E83-9615-DB14FA25AF8A}" dt="2023-10-12T11:38:08.274" v="295"/>
          <ac:spMkLst>
            <pc:docMk/>
            <pc:sldMk cId="2376958513" sldId="260"/>
            <ac:spMk id="7178" creationId="{57B27449-FF47-367D-FD5D-AFEBF8FDBC58}"/>
          </ac:spMkLst>
        </pc:spChg>
        <pc:spChg chg="mod">
          <ac:chgData name="White, Alex" userId="eff6cc8c-37d8-483b-9c6c-6b27e9afa9bc" providerId="ADAL" clId="{BF04C754-5BF4-4E83-9615-DB14FA25AF8A}" dt="2023-10-12T11:38:08.274" v="295"/>
          <ac:spMkLst>
            <pc:docMk/>
            <pc:sldMk cId="2376958513" sldId="260"/>
            <ac:spMk id="7179" creationId="{0DB94CE1-AF6B-34E5-0B17-E5310023E4DA}"/>
          </ac:spMkLst>
        </pc:spChg>
        <pc:spChg chg="mod">
          <ac:chgData name="White, Alex" userId="eff6cc8c-37d8-483b-9c6c-6b27e9afa9bc" providerId="ADAL" clId="{BF04C754-5BF4-4E83-9615-DB14FA25AF8A}" dt="2023-10-12T11:38:08.274" v="295"/>
          <ac:spMkLst>
            <pc:docMk/>
            <pc:sldMk cId="2376958513" sldId="260"/>
            <ac:spMk id="7180" creationId="{6703C017-6EAB-2C65-2E15-C62BC3DFF2FB}"/>
          </ac:spMkLst>
        </pc:spChg>
        <pc:spChg chg="mod">
          <ac:chgData name="White, Alex" userId="eff6cc8c-37d8-483b-9c6c-6b27e9afa9bc" providerId="ADAL" clId="{BF04C754-5BF4-4E83-9615-DB14FA25AF8A}" dt="2023-10-12T11:38:08.274" v="295"/>
          <ac:spMkLst>
            <pc:docMk/>
            <pc:sldMk cId="2376958513" sldId="260"/>
            <ac:spMk id="7181" creationId="{942D49DB-3865-5617-2892-8C8823C3FF0E}"/>
          </ac:spMkLst>
        </pc:spChg>
        <pc:spChg chg="mod">
          <ac:chgData name="White, Alex" userId="eff6cc8c-37d8-483b-9c6c-6b27e9afa9bc" providerId="ADAL" clId="{BF04C754-5BF4-4E83-9615-DB14FA25AF8A}" dt="2023-10-12T11:38:08.274" v="295"/>
          <ac:spMkLst>
            <pc:docMk/>
            <pc:sldMk cId="2376958513" sldId="260"/>
            <ac:spMk id="7182" creationId="{977D936B-BAC6-C07A-D08A-D7AFF61196F7}"/>
          </ac:spMkLst>
        </pc:spChg>
        <pc:spChg chg="mod">
          <ac:chgData name="White, Alex" userId="eff6cc8c-37d8-483b-9c6c-6b27e9afa9bc" providerId="ADAL" clId="{BF04C754-5BF4-4E83-9615-DB14FA25AF8A}" dt="2023-10-12T11:38:08.274" v="295"/>
          <ac:spMkLst>
            <pc:docMk/>
            <pc:sldMk cId="2376958513" sldId="260"/>
            <ac:spMk id="7183" creationId="{D265B1EC-2506-3039-3F20-54B0ECBC2E15}"/>
          </ac:spMkLst>
        </pc:spChg>
        <pc:spChg chg="mod">
          <ac:chgData name="White, Alex" userId="eff6cc8c-37d8-483b-9c6c-6b27e9afa9bc" providerId="ADAL" clId="{BF04C754-5BF4-4E83-9615-DB14FA25AF8A}" dt="2023-10-12T11:38:08.274" v="295"/>
          <ac:spMkLst>
            <pc:docMk/>
            <pc:sldMk cId="2376958513" sldId="260"/>
            <ac:spMk id="7184" creationId="{76A2626E-5537-61F0-7B3C-6B33631A94F1}"/>
          </ac:spMkLst>
        </pc:spChg>
        <pc:spChg chg="mod">
          <ac:chgData name="White, Alex" userId="eff6cc8c-37d8-483b-9c6c-6b27e9afa9bc" providerId="ADAL" clId="{BF04C754-5BF4-4E83-9615-DB14FA25AF8A}" dt="2023-10-12T11:38:08.274" v="295"/>
          <ac:spMkLst>
            <pc:docMk/>
            <pc:sldMk cId="2376958513" sldId="260"/>
            <ac:spMk id="7185" creationId="{8C084381-4786-95CC-54E9-3047EBF8CACF}"/>
          </ac:spMkLst>
        </pc:spChg>
        <pc:spChg chg="mod">
          <ac:chgData name="White, Alex" userId="eff6cc8c-37d8-483b-9c6c-6b27e9afa9bc" providerId="ADAL" clId="{BF04C754-5BF4-4E83-9615-DB14FA25AF8A}" dt="2023-10-12T11:38:08.274" v="295"/>
          <ac:spMkLst>
            <pc:docMk/>
            <pc:sldMk cId="2376958513" sldId="260"/>
            <ac:spMk id="7186" creationId="{4CFD0A20-0A60-D0A5-AF2B-75516A8F4CC0}"/>
          </ac:spMkLst>
        </pc:spChg>
        <pc:spChg chg="mod">
          <ac:chgData name="White, Alex" userId="eff6cc8c-37d8-483b-9c6c-6b27e9afa9bc" providerId="ADAL" clId="{BF04C754-5BF4-4E83-9615-DB14FA25AF8A}" dt="2023-10-12T11:38:08.274" v="295"/>
          <ac:spMkLst>
            <pc:docMk/>
            <pc:sldMk cId="2376958513" sldId="260"/>
            <ac:spMk id="7187" creationId="{298F77CE-789E-CDC3-1CC5-D557DCE5286D}"/>
          </ac:spMkLst>
        </pc:spChg>
        <pc:spChg chg="mod">
          <ac:chgData name="White, Alex" userId="eff6cc8c-37d8-483b-9c6c-6b27e9afa9bc" providerId="ADAL" clId="{BF04C754-5BF4-4E83-9615-DB14FA25AF8A}" dt="2023-10-12T11:38:08.274" v="295"/>
          <ac:spMkLst>
            <pc:docMk/>
            <pc:sldMk cId="2376958513" sldId="260"/>
            <ac:spMk id="7188" creationId="{8948584C-C7F4-A822-1BC7-1BE0909E2D45}"/>
          </ac:spMkLst>
        </pc:spChg>
        <pc:spChg chg="mod">
          <ac:chgData name="White, Alex" userId="eff6cc8c-37d8-483b-9c6c-6b27e9afa9bc" providerId="ADAL" clId="{BF04C754-5BF4-4E83-9615-DB14FA25AF8A}" dt="2023-10-12T11:38:08.274" v="295"/>
          <ac:spMkLst>
            <pc:docMk/>
            <pc:sldMk cId="2376958513" sldId="260"/>
            <ac:spMk id="7189" creationId="{55AD914D-B211-7261-13D0-60C8F4FAEFD2}"/>
          </ac:spMkLst>
        </pc:spChg>
        <pc:spChg chg="mod">
          <ac:chgData name="White, Alex" userId="eff6cc8c-37d8-483b-9c6c-6b27e9afa9bc" providerId="ADAL" clId="{BF04C754-5BF4-4E83-9615-DB14FA25AF8A}" dt="2023-10-12T11:38:08.274" v="295"/>
          <ac:spMkLst>
            <pc:docMk/>
            <pc:sldMk cId="2376958513" sldId="260"/>
            <ac:spMk id="7190" creationId="{6C84C46A-31D3-BD23-338A-4069D2150C47}"/>
          </ac:spMkLst>
        </pc:spChg>
        <pc:spChg chg="mod">
          <ac:chgData name="White, Alex" userId="eff6cc8c-37d8-483b-9c6c-6b27e9afa9bc" providerId="ADAL" clId="{BF04C754-5BF4-4E83-9615-DB14FA25AF8A}" dt="2023-10-12T11:38:08.274" v="295"/>
          <ac:spMkLst>
            <pc:docMk/>
            <pc:sldMk cId="2376958513" sldId="260"/>
            <ac:spMk id="7191" creationId="{E076D585-CE83-7F13-0AC4-242346E884D7}"/>
          </ac:spMkLst>
        </pc:spChg>
        <pc:spChg chg="mod">
          <ac:chgData name="White, Alex" userId="eff6cc8c-37d8-483b-9c6c-6b27e9afa9bc" providerId="ADAL" clId="{BF04C754-5BF4-4E83-9615-DB14FA25AF8A}" dt="2023-10-12T11:38:08.274" v="295"/>
          <ac:spMkLst>
            <pc:docMk/>
            <pc:sldMk cId="2376958513" sldId="260"/>
            <ac:spMk id="7192" creationId="{8B4E0E5E-186E-4E0B-79A3-56FC02EA6B2D}"/>
          </ac:spMkLst>
        </pc:spChg>
        <pc:spChg chg="mod">
          <ac:chgData name="White, Alex" userId="eff6cc8c-37d8-483b-9c6c-6b27e9afa9bc" providerId="ADAL" clId="{BF04C754-5BF4-4E83-9615-DB14FA25AF8A}" dt="2023-10-12T11:38:08.274" v="295"/>
          <ac:spMkLst>
            <pc:docMk/>
            <pc:sldMk cId="2376958513" sldId="260"/>
            <ac:spMk id="7193" creationId="{E6A0BBB6-B7E2-1553-C786-0A7466135F8F}"/>
          </ac:spMkLst>
        </pc:spChg>
        <pc:spChg chg="mod">
          <ac:chgData name="White, Alex" userId="eff6cc8c-37d8-483b-9c6c-6b27e9afa9bc" providerId="ADAL" clId="{BF04C754-5BF4-4E83-9615-DB14FA25AF8A}" dt="2023-10-12T11:38:08.274" v="295"/>
          <ac:spMkLst>
            <pc:docMk/>
            <pc:sldMk cId="2376958513" sldId="260"/>
            <ac:spMk id="7194" creationId="{66E7267C-7489-408D-B5D8-65849AAF3E3D}"/>
          </ac:spMkLst>
        </pc:spChg>
        <pc:spChg chg="mod">
          <ac:chgData name="White, Alex" userId="eff6cc8c-37d8-483b-9c6c-6b27e9afa9bc" providerId="ADAL" clId="{BF04C754-5BF4-4E83-9615-DB14FA25AF8A}" dt="2023-10-12T11:38:08.274" v="295"/>
          <ac:spMkLst>
            <pc:docMk/>
            <pc:sldMk cId="2376958513" sldId="260"/>
            <ac:spMk id="7195" creationId="{D47E4721-053A-5636-E216-2417448AEAD5}"/>
          </ac:spMkLst>
        </pc:spChg>
        <pc:spChg chg="mod">
          <ac:chgData name="White, Alex" userId="eff6cc8c-37d8-483b-9c6c-6b27e9afa9bc" providerId="ADAL" clId="{BF04C754-5BF4-4E83-9615-DB14FA25AF8A}" dt="2023-10-12T11:38:08.274" v="295"/>
          <ac:spMkLst>
            <pc:docMk/>
            <pc:sldMk cId="2376958513" sldId="260"/>
            <ac:spMk id="7196" creationId="{76C77EBD-4DEC-E580-9732-CE94296F86E3}"/>
          </ac:spMkLst>
        </pc:spChg>
        <pc:spChg chg="mod">
          <ac:chgData name="White, Alex" userId="eff6cc8c-37d8-483b-9c6c-6b27e9afa9bc" providerId="ADAL" clId="{BF04C754-5BF4-4E83-9615-DB14FA25AF8A}" dt="2023-10-12T11:38:08.274" v="295"/>
          <ac:spMkLst>
            <pc:docMk/>
            <pc:sldMk cId="2376958513" sldId="260"/>
            <ac:spMk id="7197" creationId="{8D4A9C33-9236-3AD8-3657-53B849DF8C95}"/>
          </ac:spMkLst>
        </pc:spChg>
        <pc:spChg chg="mod">
          <ac:chgData name="White, Alex" userId="eff6cc8c-37d8-483b-9c6c-6b27e9afa9bc" providerId="ADAL" clId="{BF04C754-5BF4-4E83-9615-DB14FA25AF8A}" dt="2023-10-12T11:38:08.274" v="295"/>
          <ac:spMkLst>
            <pc:docMk/>
            <pc:sldMk cId="2376958513" sldId="260"/>
            <ac:spMk id="7198" creationId="{BD5EF6C7-8B0D-9991-4953-29C1FC32DA61}"/>
          </ac:spMkLst>
        </pc:spChg>
        <pc:spChg chg="mod">
          <ac:chgData name="White, Alex" userId="eff6cc8c-37d8-483b-9c6c-6b27e9afa9bc" providerId="ADAL" clId="{BF04C754-5BF4-4E83-9615-DB14FA25AF8A}" dt="2023-10-12T11:38:08.274" v="295"/>
          <ac:spMkLst>
            <pc:docMk/>
            <pc:sldMk cId="2376958513" sldId="260"/>
            <ac:spMk id="7199" creationId="{EC67371B-6A15-2E11-BB4B-9100D215CBF9}"/>
          </ac:spMkLst>
        </pc:spChg>
        <pc:spChg chg="mod">
          <ac:chgData name="White, Alex" userId="eff6cc8c-37d8-483b-9c6c-6b27e9afa9bc" providerId="ADAL" clId="{BF04C754-5BF4-4E83-9615-DB14FA25AF8A}" dt="2023-10-12T11:38:08.274" v="295"/>
          <ac:spMkLst>
            <pc:docMk/>
            <pc:sldMk cId="2376958513" sldId="260"/>
            <ac:spMk id="7200" creationId="{5300F93B-ADE6-A890-EBB0-2067EFD22C0E}"/>
          </ac:spMkLst>
        </pc:spChg>
        <pc:spChg chg="mod">
          <ac:chgData name="White, Alex" userId="eff6cc8c-37d8-483b-9c6c-6b27e9afa9bc" providerId="ADAL" clId="{BF04C754-5BF4-4E83-9615-DB14FA25AF8A}" dt="2023-10-12T11:38:08.274" v="295"/>
          <ac:spMkLst>
            <pc:docMk/>
            <pc:sldMk cId="2376958513" sldId="260"/>
            <ac:spMk id="7201" creationId="{0F085A3E-0D8F-FCF7-A4D1-DF512EEA9175}"/>
          </ac:spMkLst>
        </pc:spChg>
        <pc:spChg chg="mod">
          <ac:chgData name="White, Alex" userId="eff6cc8c-37d8-483b-9c6c-6b27e9afa9bc" providerId="ADAL" clId="{BF04C754-5BF4-4E83-9615-DB14FA25AF8A}" dt="2023-10-12T11:38:08.274" v="295"/>
          <ac:spMkLst>
            <pc:docMk/>
            <pc:sldMk cId="2376958513" sldId="260"/>
            <ac:spMk id="7202" creationId="{F954C221-FDE2-F109-DE2A-69E2D7349C75}"/>
          </ac:spMkLst>
        </pc:spChg>
        <pc:spChg chg="mod">
          <ac:chgData name="White, Alex" userId="eff6cc8c-37d8-483b-9c6c-6b27e9afa9bc" providerId="ADAL" clId="{BF04C754-5BF4-4E83-9615-DB14FA25AF8A}" dt="2023-10-12T11:38:08.274" v="295"/>
          <ac:spMkLst>
            <pc:docMk/>
            <pc:sldMk cId="2376958513" sldId="260"/>
            <ac:spMk id="7203" creationId="{46195B39-0D31-9170-06A4-B8358112B6C7}"/>
          </ac:spMkLst>
        </pc:spChg>
        <pc:spChg chg="mod">
          <ac:chgData name="White, Alex" userId="eff6cc8c-37d8-483b-9c6c-6b27e9afa9bc" providerId="ADAL" clId="{BF04C754-5BF4-4E83-9615-DB14FA25AF8A}" dt="2023-10-12T11:38:08.274" v="295"/>
          <ac:spMkLst>
            <pc:docMk/>
            <pc:sldMk cId="2376958513" sldId="260"/>
            <ac:spMk id="7204" creationId="{B706418D-6A1C-8622-594D-3CB5D4405380}"/>
          </ac:spMkLst>
        </pc:spChg>
        <pc:spChg chg="mod">
          <ac:chgData name="White, Alex" userId="eff6cc8c-37d8-483b-9c6c-6b27e9afa9bc" providerId="ADAL" clId="{BF04C754-5BF4-4E83-9615-DB14FA25AF8A}" dt="2023-10-12T11:38:08.274" v="295"/>
          <ac:spMkLst>
            <pc:docMk/>
            <pc:sldMk cId="2376958513" sldId="260"/>
            <ac:spMk id="7205" creationId="{4B3CD435-687A-0D75-9D3C-993C5B390B0D}"/>
          </ac:spMkLst>
        </pc:spChg>
        <pc:spChg chg="mod">
          <ac:chgData name="White, Alex" userId="eff6cc8c-37d8-483b-9c6c-6b27e9afa9bc" providerId="ADAL" clId="{BF04C754-5BF4-4E83-9615-DB14FA25AF8A}" dt="2023-10-12T11:38:08.274" v="295"/>
          <ac:spMkLst>
            <pc:docMk/>
            <pc:sldMk cId="2376958513" sldId="260"/>
            <ac:spMk id="7206" creationId="{B8251488-81A7-36AC-CEAF-D5CE15990F41}"/>
          </ac:spMkLst>
        </pc:spChg>
        <pc:spChg chg="mod">
          <ac:chgData name="White, Alex" userId="eff6cc8c-37d8-483b-9c6c-6b27e9afa9bc" providerId="ADAL" clId="{BF04C754-5BF4-4E83-9615-DB14FA25AF8A}" dt="2023-10-12T11:38:08.274" v="295"/>
          <ac:spMkLst>
            <pc:docMk/>
            <pc:sldMk cId="2376958513" sldId="260"/>
            <ac:spMk id="7207" creationId="{8E35B04E-5CB6-A395-189A-20F3DEF65196}"/>
          </ac:spMkLst>
        </pc:spChg>
        <pc:spChg chg="mod">
          <ac:chgData name="White, Alex" userId="eff6cc8c-37d8-483b-9c6c-6b27e9afa9bc" providerId="ADAL" clId="{BF04C754-5BF4-4E83-9615-DB14FA25AF8A}" dt="2023-10-12T11:38:08.274" v="295"/>
          <ac:spMkLst>
            <pc:docMk/>
            <pc:sldMk cId="2376958513" sldId="260"/>
            <ac:spMk id="7208" creationId="{1C801D0F-5502-A012-8050-E9FC194B123C}"/>
          </ac:spMkLst>
        </pc:spChg>
        <pc:spChg chg="mod">
          <ac:chgData name="White, Alex" userId="eff6cc8c-37d8-483b-9c6c-6b27e9afa9bc" providerId="ADAL" clId="{BF04C754-5BF4-4E83-9615-DB14FA25AF8A}" dt="2023-10-12T11:38:08.274" v="295"/>
          <ac:spMkLst>
            <pc:docMk/>
            <pc:sldMk cId="2376958513" sldId="260"/>
            <ac:spMk id="7209" creationId="{CFF7BE33-02E2-D99E-AFB0-34DC84EA6D09}"/>
          </ac:spMkLst>
        </pc:spChg>
        <pc:spChg chg="mod">
          <ac:chgData name="White, Alex" userId="eff6cc8c-37d8-483b-9c6c-6b27e9afa9bc" providerId="ADAL" clId="{BF04C754-5BF4-4E83-9615-DB14FA25AF8A}" dt="2023-10-12T11:38:08.274" v="295"/>
          <ac:spMkLst>
            <pc:docMk/>
            <pc:sldMk cId="2376958513" sldId="260"/>
            <ac:spMk id="7210" creationId="{A05F6274-A74E-CA90-ED41-5B0AA2522422}"/>
          </ac:spMkLst>
        </pc:spChg>
        <pc:spChg chg="mod">
          <ac:chgData name="White, Alex" userId="eff6cc8c-37d8-483b-9c6c-6b27e9afa9bc" providerId="ADAL" clId="{BF04C754-5BF4-4E83-9615-DB14FA25AF8A}" dt="2023-10-12T11:38:08.274" v="295"/>
          <ac:spMkLst>
            <pc:docMk/>
            <pc:sldMk cId="2376958513" sldId="260"/>
            <ac:spMk id="7211" creationId="{D1A73E62-71C1-44BB-2C23-2EC26BC53647}"/>
          </ac:spMkLst>
        </pc:spChg>
        <pc:spChg chg="mod">
          <ac:chgData name="White, Alex" userId="eff6cc8c-37d8-483b-9c6c-6b27e9afa9bc" providerId="ADAL" clId="{BF04C754-5BF4-4E83-9615-DB14FA25AF8A}" dt="2023-10-12T11:38:08.274" v="295"/>
          <ac:spMkLst>
            <pc:docMk/>
            <pc:sldMk cId="2376958513" sldId="260"/>
            <ac:spMk id="7212" creationId="{0834557A-D166-7D1D-CF72-788F6260CF34}"/>
          </ac:spMkLst>
        </pc:spChg>
        <pc:spChg chg="mod">
          <ac:chgData name="White, Alex" userId="eff6cc8c-37d8-483b-9c6c-6b27e9afa9bc" providerId="ADAL" clId="{BF04C754-5BF4-4E83-9615-DB14FA25AF8A}" dt="2023-10-12T11:38:08.274" v="295"/>
          <ac:spMkLst>
            <pc:docMk/>
            <pc:sldMk cId="2376958513" sldId="260"/>
            <ac:spMk id="7213" creationId="{AA7CBD2D-460E-6289-B99E-C71A71EFE320}"/>
          </ac:spMkLst>
        </pc:spChg>
        <pc:spChg chg="mod">
          <ac:chgData name="White, Alex" userId="eff6cc8c-37d8-483b-9c6c-6b27e9afa9bc" providerId="ADAL" clId="{BF04C754-5BF4-4E83-9615-DB14FA25AF8A}" dt="2023-10-12T11:38:08.274" v="295"/>
          <ac:spMkLst>
            <pc:docMk/>
            <pc:sldMk cId="2376958513" sldId="260"/>
            <ac:spMk id="7214" creationId="{321159CC-409A-8D6E-CF00-8642E1A6B98F}"/>
          </ac:spMkLst>
        </pc:spChg>
        <pc:spChg chg="mod">
          <ac:chgData name="White, Alex" userId="eff6cc8c-37d8-483b-9c6c-6b27e9afa9bc" providerId="ADAL" clId="{BF04C754-5BF4-4E83-9615-DB14FA25AF8A}" dt="2023-10-12T11:38:08.274" v="295"/>
          <ac:spMkLst>
            <pc:docMk/>
            <pc:sldMk cId="2376958513" sldId="260"/>
            <ac:spMk id="7215" creationId="{897EFC9C-0A13-5F4D-EEE7-0570532E8F9D}"/>
          </ac:spMkLst>
        </pc:spChg>
        <pc:spChg chg="mod">
          <ac:chgData name="White, Alex" userId="eff6cc8c-37d8-483b-9c6c-6b27e9afa9bc" providerId="ADAL" clId="{BF04C754-5BF4-4E83-9615-DB14FA25AF8A}" dt="2023-10-12T11:38:08.274" v="295"/>
          <ac:spMkLst>
            <pc:docMk/>
            <pc:sldMk cId="2376958513" sldId="260"/>
            <ac:spMk id="7216" creationId="{56BDFAD2-F660-DCEE-31C4-9450588767C9}"/>
          </ac:spMkLst>
        </pc:spChg>
        <pc:spChg chg="mod">
          <ac:chgData name="White, Alex" userId="eff6cc8c-37d8-483b-9c6c-6b27e9afa9bc" providerId="ADAL" clId="{BF04C754-5BF4-4E83-9615-DB14FA25AF8A}" dt="2023-10-12T11:38:08.274" v="295"/>
          <ac:spMkLst>
            <pc:docMk/>
            <pc:sldMk cId="2376958513" sldId="260"/>
            <ac:spMk id="7217" creationId="{266909AA-0A17-6BA0-D6B0-FBD042BD7627}"/>
          </ac:spMkLst>
        </pc:spChg>
        <pc:spChg chg="mod">
          <ac:chgData name="White, Alex" userId="eff6cc8c-37d8-483b-9c6c-6b27e9afa9bc" providerId="ADAL" clId="{BF04C754-5BF4-4E83-9615-DB14FA25AF8A}" dt="2023-10-12T11:38:08.274" v="295"/>
          <ac:spMkLst>
            <pc:docMk/>
            <pc:sldMk cId="2376958513" sldId="260"/>
            <ac:spMk id="7218" creationId="{0C478B0F-B04F-2242-3FAD-DA2B1F7E1116}"/>
          </ac:spMkLst>
        </pc:spChg>
        <pc:spChg chg="mod">
          <ac:chgData name="White, Alex" userId="eff6cc8c-37d8-483b-9c6c-6b27e9afa9bc" providerId="ADAL" clId="{BF04C754-5BF4-4E83-9615-DB14FA25AF8A}" dt="2023-10-12T11:38:08.274" v="295"/>
          <ac:spMkLst>
            <pc:docMk/>
            <pc:sldMk cId="2376958513" sldId="260"/>
            <ac:spMk id="7219" creationId="{66478BE9-6F04-9F61-BB2C-942CE2083244}"/>
          </ac:spMkLst>
        </pc:spChg>
        <pc:spChg chg="mod">
          <ac:chgData name="White, Alex" userId="eff6cc8c-37d8-483b-9c6c-6b27e9afa9bc" providerId="ADAL" clId="{BF04C754-5BF4-4E83-9615-DB14FA25AF8A}" dt="2023-10-12T11:38:08.274" v="295"/>
          <ac:spMkLst>
            <pc:docMk/>
            <pc:sldMk cId="2376958513" sldId="260"/>
            <ac:spMk id="7220" creationId="{03497F6C-CD8D-CD3C-526F-38018B2A8DDB}"/>
          </ac:spMkLst>
        </pc:spChg>
        <pc:spChg chg="mod">
          <ac:chgData name="White, Alex" userId="eff6cc8c-37d8-483b-9c6c-6b27e9afa9bc" providerId="ADAL" clId="{BF04C754-5BF4-4E83-9615-DB14FA25AF8A}" dt="2023-10-12T11:38:08.274" v="295"/>
          <ac:spMkLst>
            <pc:docMk/>
            <pc:sldMk cId="2376958513" sldId="260"/>
            <ac:spMk id="7221" creationId="{BC9D8B17-527D-36FA-B698-03823A4CBAA4}"/>
          </ac:spMkLst>
        </pc:spChg>
        <pc:spChg chg="mod">
          <ac:chgData name="White, Alex" userId="eff6cc8c-37d8-483b-9c6c-6b27e9afa9bc" providerId="ADAL" clId="{BF04C754-5BF4-4E83-9615-DB14FA25AF8A}" dt="2023-10-12T11:38:08.274" v="295"/>
          <ac:spMkLst>
            <pc:docMk/>
            <pc:sldMk cId="2376958513" sldId="260"/>
            <ac:spMk id="7222" creationId="{66F32359-11BF-D735-E943-1CDA4E81F312}"/>
          </ac:spMkLst>
        </pc:spChg>
        <pc:spChg chg="mod">
          <ac:chgData name="White, Alex" userId="eff6cc8c-37d8-483b-9c6c-6b27e9afa9bc" providerId="ADAL" clId="{BF04C754-5BF4-4E83-9615-DB14FA25AF8A}" dt="2023-10-12T11:38:08.274" v="295"/>
          <ac:spMkLst>
            <pc:docMk/>
            <pc:sldMk cId="2376958513" sldId="260"/>
            <ac:spMk id="7223" creationId="{2BC2E02D-082D-295A-CD14-CEC94FE65725}"/>
          </ac:spMkLst>
        </pc:spChg>
        <pc:spChg chg="mod">
          <ac:chgData name="White, Alex" userId="eff6cc8c-37d8-483b-9c6c-6b27e9afa9bc" providerId="ADAL" clId="{BF04C754-5BF4-4E83-9615-DB14FA25AF8A}" dt="2023-10-12T11:38:08.274" v="295"/>
          <ac:spMkLst>
            <pc:docMk/>
            <pc:sldMk cId="2376958513" sldId="260"/>
            <ac:spMk id="7224" creationId="{F3F69149-B072-BC05-7F48-DBE2A5754DAC}"/>
          </ac:spMkLst>
        </pc:spChg>
        <pc:spChg chg="mod">
          <ac:chgData name="White, Alex" userId="eff6cc8c-37d8-483b-9c6c-6b27e9afa9bc" providerId="ADAL" clId="{BF04C754-5BF4-4E83-9615-DB14FA25AF8A}" dt="2023-10-12T11:38:08.274" v="295"/>
          <ac:spMkLst>
            <pc:docMk/>
            <pc:sldMk cId="2376958513" sldId="260"/>
            <ac:spMk id="7225" creationId="{7CA6BA59-2046-B8A8-6150-DEC7D9329E12}"/>
          </ac:spMkLst>
        </pc:spChg>
        <pc:spChg chg="mod">
          <ac:chgData name="White, Alex" userId="eff6cc8c-37d8-483b-9c6c-6b27e9afa9bc" providerId="ADAL" clId="{BF04C754-5BF4-4E83-9615-DB14FA25AF8A}" dt="2023-10-12T11:38:08.274" v="295"/>
          <ac:spMkLst>
            <pc:docMk/>
            <pc:sldMk cId="2376958513" sldId="260"/>
            <ac:spMk id="7226" creationId="{924AC835-B1E8-9EBB-D583-BE56C3510040}"/>
          </ac:spMkLst>
        </pc:spChg>
        <pc:spChg chg="mod">
          <ac:chgData name="White, Alex" userId="eff6cc8c-37d8-483b-9c6c-6b27e9afa9bc" providerId="ADAL" clId="{BF04C754-5BF4-4E83-9615-DB14FA25AF8A}" dt="2023-10-12T11:38:08.274" v="295"/>
          <ac:spMkLst>
            <pc:docMk/>
            <pc:sldMk cId="2376958513" sldId="260"/>
            <ac:spMk id="7227" creationId="{CE797DD3-3C48-C56F-0DEE-E959A3E4094C}"/>
          </ac:spMkLst>
        </pc:spChg>
        <pc:spChg chg="mod">
          <ac:chgData name="White, Alex" userId="eff6cc8c-37d8-483b-9c6c-6b27e9afa9bc" providerId="ADAL" clId="{BF04C754-5BF4-4E83-9615-DB14FA25AF8A}" dt="2023-10-12T11:38:08.274" v="295"/>
          <ac:spMkLst>
            <pc:docMk/>
            <pc:sldMk cId="2376958513" sldId="260"/>
            <ac:spMk id="7228" creationId="{3D2A5DCF-F913-7878-1AA2-49FE40EDC090}"/>
          </ac:spMkLst>
        </pc:spChg>
        <pc:spChg chg="mod">
          <ac:chgData name="White, Alex" userId="eff6cc8c-37d8-483b-9c6c-6b27e9afa9bc" providerId="ADAL" clId="{BF04C754-5BF4-4E83-9615-DB14FA25AF8A}" dt="2023-10-12T11:38:08.274" v="295"/>
          <ac:spMkLst>
            <pc:docMk/>
            <pc:sldMk cId="2376958513" sldId="260"/>
            <ac:spMk id="7229" creationId="{05B18787-A251-7FA3-E5BB-4C2297F70FEE}"/>
          </ac:spMkLst>
        </pc:spChg>
        <pc:spChg chg="mod">
          <ac:chgData name="White, Alex" userId="eff6cc8c-37d8-483b-9c6c-6b27e9afa9bc" providerId="ADAL" clId="{BF04C754-5BF4-4E83-9615-DB14FA25AF8A}" dt="2023-10-12T11:38:08.274" v="295"/>
          <ac:spMkLst>
            <pc:docMk/>
            <pc:sldMk cId="2376958513" sldId="260"/>
            <ac:spMk id="7230" creationId="{1A4CB2EE-7EDE-322C-8373-4DB2D0D2D0F0}"/>
          </ac:spMkLst>
        </pc:spChg>
        <pc:spChg chg="mod">
          <ac:chgData name="White, Alex" userId="eff6cc8c-37d8-483b-9c6c-6b27e9afa9bc" providerId="ADAL" clId="{BF04C754-5BF4-4E83-9615-DB14FA25AF8A}" dt="2023-10-12T11:38:08.274" v="295"/>
          <ac:spMkLst>
            <pc:docMk/>
            <pc:sldMk cId="2376958513" sldId="260"/>
            <ac:spMk id="7231" creationId="{F730A27C-5015-B492-6A38-7C787CC60F8B}"/>
          </ac:spMkLst>
        </pc:spChg>
        <pc:spChg chg="mod">
          <ac:chgData name="White, Alex" userId="eff6cc8c-37d8-483b-9c6c-6b27e9afa9bc" providerId="ADAL" clId="{BF04C754-5BF4-4E83-9615-DB14FA25AF8A}" dt="2023-10-12T11:38:08.274" v="295"/>
          <ac:spMkLst>
            <pc:docMk/>
            <pc:sldMk cId="2376958513" sldId="260"/>
            <ac:spMk id="7232" creationId="{1D00260F-67D1-EC11-1A27-4FA07082DEF2}"/>
          </ac:spMkLst>
        </pc:spChg>
        <pc:spChg chg="mod">
          <ac:chgData name="White, Alex" userId="eff6cc8c-37d8-483b-9c6c-6b27e9afa9bc" providerId="ADAL" clId="{BF04C754-5BF4-4E83-9615-DB14FA25AF8A}" dt="2023-10-12T11:38:08.274" v="295"/>
          <ac:spMkLst>
            <pc:docMk/>
            <pc:sldMk cId="2376958513" sldId="260"/>
            <ac:spMk id="7233" creationId="{DE5F1CBB-5EC5-5CCF-A4FD-4D60E63CD0EA}"/>
          </ac:spMkLst>
        </pc:spChg>
        <pc:spChg chg="mod">
          <ac:chgData name="White, Alex" userId="eff6cc8c-37d8-483b-9c6c-6b27e9afa9bc" providerId="ADAL" clId="{BF04C754-5BF4-4E83-9615-DB14FA25AF8A}" dt="2023-10-12T11:38:08.274" v="295"/>
          <ac:spMkLst>
            <pc:docMk/>
            <pc:sldMk cId="2376958513" sldId="260"/>
            <ac:spMk id="7234" creationId="{354F9777-CD3A-8517-AEB8-2852CEF84B62}"/>
          </ac:spMkLst>
        </pc:spChg>
        <pc:spChg chg="mod">
          <ac:chgData name="White, Alex" userId="eff6cc8c-37d8-483b-9c6c-6b27e9afa9bc" providerId="ADAL" clId="{BF04C754-5BF4-4E83-9615-DB14FA25AF8A}" dt="2023-10-12T11:38:08.274" v="295"/>
          <ac:spMkLst>
            <pc:docMk/>
            <pc:sldMk cId="2376958513" sldId="260"/>
            <ac:spMk id="7235" creationId="{40A1A0FC-EF37-146E-5EB5-C4C43D9D3999}"/>
          </ac:spMkLst>
        </pc:spChg>
        <pc:spChg chg="mod">
          <ac:chgData name="White, Alex" userId="eff6cc8c-37d8-483b-9c6c-6b27e9afa9bc" providerId="ADAL" clId="{BF04C754-5BF4-4E83-9615-DB14FA25AF8A}" dt="2023-10-12T11:38:08.274" v="295"/>
          <ac:spMkLst>
            <pc:docMk/>
            <pc:sldMk cId="2376958513" sldId="260"/>
            <ac:spMk id="7236" creationId="{0D665689-57A0-60EF-85ED-E02BA32A8816}"/>
          </ac:spMkLst>
        </pc:spChg>
        <pc:spChg chg="mod">
          <ac:chgData name="White, Alex" userId="eff6cc8c-37d8-483b-9c6c-6b27e9afa9bc" providerId="ADAL" clId="{BF04C754-5BF4-4E83-9615-DB14FA25AF8A}" dt="2023-10-12T11:38:08.274" v="295"/>
          <ac:spMkLst>
            <pc:docMk/>
            <pc:sldMk cId="2376958513" sldId="260"/>
            <ac:spMk id="7237" creationId="{4F328FDA-938F-C8C4-C740-529101EACD4B}"/>
          </ac:spMkLst>
        </pc:spChg>
        <pc:spChg chg="mod">
          <ac:chgData name="White, Alex" userId="eff6cc8c-37d8-483b-9c6c-6b27e9afa9bc" providerId="ADAL" clId="{BF04C754-5BF4-4E83-9615-DB14FA25AF8A}" dt="2023-10-12T11:38:08.274" v="295"/>
          <ac:spMkLst>
            <pc:docMk/>
            <pc:sldMk cId="2376958513" sldId="260"/>
            <ac:spMk id="7238" creationId="{19BCC444-A590-95C1-3BE6-450C03383D13}"/>
          </ac:spMkLst>
        </pc:spChg>
        <pc:spChg chg="mod">
          <ac:chgData name="White, Alex" userId="eff6cc8c-37d8-483b-9c6c-6b27e9afa9bc" providerId="ADAL" clId="{BF04C754-5BF4-4E83-9615-DB14FA25AF8A}" dt="2023-10-12T11:38:08.274" v="295"/>
          <ac:spMkLst>
            <pc:docMk/>
            <pc:sldMk cId="2376958513" sldId="260"/>
            <ac:spMk id="7239" creationId="{3AB62584-EE15-CD5F-74DD-D3E61D194D59}"/>
          </ac:spMkLst>
        </pc:spChg>
        <pc:spChg chg="mod">
          <ac:chgData name="White, Alex" userId="eff6cc8c-37d8-483b-9c6c-6b27e9afa9bc" providerId="ADAL" clId="{BF04C754-5BF4-4E83-9615-DB14FA25AF8A}" dt="2023-10-12T11:38:08.274" v="295"/>
          <ac:spMkLst>
            <pc:docMk/>
            <pc:sldMk cId="2376958513" sldId="260"/>
            <ac:spMk id="7240" creationId="{CF733F0E-B0CA-0EC5-FD1D-B06C2F63E207}"/>
          </ac:spMkLst>
        </pc:spChg>
        <pc:spChg chg="mod">
          <ac:chgData name="White, Alex" userId="eff6cc8c-37d8-483b-9c6c-6b27e9afa9bc" providerId="ADAL" clId="{BF04C754-5BF4-4E83-9615-DB14FA25AF8A}" dt="2023-10-12T11:38:08.274" v="295"/>
          <ac:spMkLst>
            <pc:docMk/>
            <pc:sldMk cId="2376958513" sldId="260"/>
            <ac:spMk id="7241" creationId="{8E70F138-48F1-0EE3-2885-124C5B5AE0B7}"/>
          </ac:spMkLst>
        </pc:spChg>
        <pc:spChg chg="mod">
          <ac:chgData name="White, Alex" userId="eff6cc8c-37d8-483b-9c6c-6b27e9afa9bc" providerId="ADAL" clId="{BF04C754-5BF4-4E83-9615-DB14FA25AF8A}" dt="2023-10-12T11:38:08.274" v="295"/>
          <ac:spMkLst>
            <pc:docMk/>
            <pc:sldMk cId="2376958513" sldId="260"/>
            <ac:spMk id="7242" creationId="{C6F4A989-08CE-B508-D3D1-52F7A0E2D766}"/>
          </ac:spMkLst>
        </pc:spChg>
        <pc:spChg chg="mod">
          <ac:chgData name="White, Alex" userId="eff6cc8c-37d8-483b-9c6c-6b27e9afa9bc" providerId="ADAL" clId="{BF04C754-5BF4-4E83-9615-DB14FA25AF8A}" dt="2023-10-12T11:38:08.274" v="295"/>
          <ac:spMkLst>
            <pc:docMk/>
            <pc:sldMk cId="2376958513" sldId="260"/>
            <ac:spMk id="7243" creationId="{88275958-494C-3FB5-314D-866111EE767E}"/>
          </ac:spMkLst>
        </pc:spChg>
        <pc:spChg chg="mod">
          <ac:chgData name="White, Alex" userId="eff6cc8c-37d8-483b-9c6c-6b27e9afa9bc" providerId="ADAL" clId="{BF04C754-5BF4-4E83-9615-DB14FA25AF8A}" dt="2023-10-12T11:38:08.274" v="295"/>
          <ac:spMkLst>
            <pc:docMk/>
            <pc:sldMk cId="2376958513" sldId="260"/>
            <ac:spMk id="7244" creationId="{D9D5C262-110F-60E2-1A43-7BA5B99D5669}"/>
          </ac:spMkLst>
        </pc:spChg>
        <pc:spChg chg="mod">
          <ac:chgData name="White, Alex" userId="eff6cc8c-37d8-483b-9c6c-6b27e9afa9bc" providerId="ADAL" clId="{BF04C754-5BF4-4E83-9615-DB14FA25AF8A}" dt="2023-10-12T11:38:08.274" v="295"/>
          <ac:spMkLst>
            <pc:docMk/>
            <pc:sldMk cId="2376958513" sldId="260"/>
            <ac:spMk id="7245" creationId="{B82B85F9-C5B7-F822-58BA-B5CB59FD240B}"/>
          </ac:spMkLst>
        </pc:spChg>
        <pc:spChg chg="mod">
          <ac:chgData name="White, Alex" userId="eff6cc8c-37d8-483b-9c6c-6b27e9afa9bc" providerId="ADAL" clId="{BF04C754-5BF4-4E83-9615-DB14FA25AF8A}" dt="2023-10-12T11:38:08.274" v="295"/>
          <ac:spMkLst>
            <pc:docMk/>
            <pc:sldMk cId="2376958513" sldId="260"/>
            <ac:spMk id="7246" creationId="{B1AE6889-371C-6215-4F29-B1263B6E97A2}"/>
          </ac:spMkLst>
        </pc:spChg>
        <pc:spChg chg="mod">
          <ac:chgData name="White, Alex" userId="eff6cc8c-37d8-483b-9c6c-6b27e9afa9bc" providerId="ADAL" clId="{BF04C754-5BF4-4E83-9615-DB14FA25AF8A}" dt="2023-10-12T11:38:08.274" v="295"/>
          <ac:spMkLst>
            <pc:docMk/>
            <pc:sldMk cId="2376958513" sldId="260"/>
            <ac:spMk id="7247" creationId="{4C9FFE6F-8A46-14FE-E9B2-90F4B8E95072}"/>
          </ac:spMkLst>
        </pc:spChg>
        <pc:spChg chg="mod">
          <ac:chgData name="White, Alex" userId="eff6cc8c-37d8-483b-9c6c-6b27e9afa9bc" providerId="ADAL" clId="{BF04C754-5BF4-4E83-9615-DB14FA25AF8A}" dt="2023-10-12T11:38:08.274" v="295"/>
          <ac:spMkLst>
            <pc:docMk/>
            <pc:sldMk cId="2376958513" sldId="260"/>
            <ac:spMk id="7248" creationId="{B27E58A3-7225-D4D6-E218-40BA92C357E9}"/>
          </ac:spMkLst>
        </pc:spChg>
        <pc:spChg chg="mod">
          <ac:chgData name="White, Alex" userId="eff6cc8c-37d8-483b-9c6c-6b27e9afa9bc" providerId="ADAL" clId="{BF04C754-5BF4-4E83-9615-DB14FA25AF8A}" dt="2023-10-12T11:38:08.274" v="295"/>
          <ac:spMkLst>
            <pc:docMk/>
            <pc:sldMk cId="2376958513" sldId="260"/>
            <ac:spMk id="7249" creationId="{35BEE3B6-101C-7D6F-8A04-C7644D56FE81}"/>
          </ac:spMkLst>
        </pc:spChg>
        <pc:spChg chg="mod">
          <ac:chgData name="White, Alex" userId="eff6cc8c-37d8-483b-9c6c-6b27e9afa9bc" providerId="ADAL" clId="{BF04C754-5BF4-4E83-9615-DB14FA25AF8A}" dt="2023-10-12T11:38:08.274" v="295"/>
          <ac:spMkLst>
            <pc:docMk/>
            <pc:sldMk cId="2376958513" sldId="260"/>
            <ac:spMk id="7250" creationId="{6DF357A8-3075-8A9D-37BD-71CE1B355FF6}"/>
          </ac:spMkLst>
        </pc:spChg>
        <pc:spChg chg="mod">
          <ac:chgData name="White, Alex" userId="eff6cc8c-37d8-483b-9c6c-6b27e9afa9bc" providerId="ADAL" clId="{BF04C754-5BF4-4E83-9615-DB14FA25AF8A}" dt="2023-10-12T11:38:08.274" v="295"/>
          <ac:spMkLst>
            <pc:docMk/>
            <pc:sldMk cId="2376958513" sldId="260"/>
            <ac:spMk id="7251" creationId="{21CC90A6-A432-6BD2-C30F-FCF257935D90}"/>
          </ac:spMkLst>
        </pc:spChg>
        <pc:spChg chg="mod">
          <ac:chgData name="White, Alex" userId="eff6cc8c-37d8-483b-9c6c-6b27e9afa9bc" providerId="ADAL" clId="{BF04C754-5BF4-4E83-9615-DB14FA25AF8A}" dt="2023-10-12T11:38:08.274" v="295"/>
          <ac:spMkLst>
            <pc:docMk/>
            <pc:sldMk cId="2376958513" sldId="260"/>
            <ac:spMk id="7252" creationId="{DBE79F99-DC60-0830-B92F-21EDE2CE0A38}"/>
          </ac:spMkLst>
        </pc:spChg>
        <pc:spChg chg="mod">
          <ac:chgData name="White, Alex" userId="eff6cc8c-37d8-483b-9c6c-6b27e9afa9bc" providerId="ADAL" clId="{BF04C754-5BF4-4E83-9615-DB14FA25AF8A}" dt="2023-10-12T11:38:08.274" v="295"/>
          <ac:spMkLst>
            <pc:docMk/>
            <pc:sldMk cId="2376958513" sldId="260"/>
            <ac:spMk id="7253" creationId="{E9F4171E-0CCE-71AC-D015-3E3FBAED5A46}"/>
          </ac:spMkLst>
        </pc:spChg>
        <pc:spChg chg="mod">
          <ac:chgData name="White, Alex" userId="eff6cc8c-37d8-483b-9c6c-6b27e9afa9bc" providerId="ADAL" clId="{BF04C754-5BF4-4E83-9615-DB14FA25AF8A}" dt="2023-10-12T11:38:08.274" v="295"/>
          <ac:spMkLst>
            <pc:docMk/>
            <pc:sldMk cId="2376958513" sldId="260"/>
            <ac:spMk id="7254" creationId="{792BD0CD-3EBA-23E9-15FB-652F49C515BB}"/>
          </ac:spMkLst>
        </pc:spChg>
        <pc:spChg chg="mod">
          <ac:chgData name="White, Alex" userId="eff6cc8c-37d8-483b-9c6c-6b27e9afa9bc" providerId="ADAL" clId="{BF04C754-5BF4-4E83-9615-DB14FA25AF8A}" dt="2023-10-12T11:38:08.274" v="295"/>
          <ac:spMkLst>
            <pc:docMk/>
            <pc:sldMk cId="2376958513" sldId="260"/>
            <ac:spMk id="7255" creationId="{C3C897B4-8B66-4A58-D92E-0DCBA81B9048}"/>
          </ac:spMkLst>
        </pc:spChg>
        <pc:spChg chg="mod">
          <ac:chgData name="White, Alex" userId="eff6cc8c-37d8-483b-9c6c-6b27e9afa9bc" providerId="ADAL" clId="{BF04C754-5BF4-4E83-9615-DB14FA25AF8A}" dt="2023-10-12T11:38:08.274" v="295"/>
          <ac:spMkLst>
            <pc:docMk/>
            <pc:sldMk cId="2376958513" sldId="260"/>
            <ac:spMk id="7256" creationId="{57889ADC-6D77-C60E-9BA6-4A5F1ED192E3}"/>
          </ac:spMkLst>
        </pc:spChg>
        <pc:spChg chg="mod">
          <ac:chgData name="White, Alex" userId="eff6cc8c-37d8-483b-9c6c-6b27e9afa9bc" providerId="ADAL" clId="{BF04C754-5BF4-4E83-9615-DB14FA25AF8A}" dt="2023-10-12T11:38:08.274" v="295"/>
          <ac:spMkLst>
            <pc:docMk/>
            <pc:sldMk cId="2376958513" sldId="260"/>
            <ac:spMk id="7257" creationId="{9713848F-B6A2-E186-CAAC-36CFAB4184F9}"/>
          </ac:spMkLst>
        </pc:spChg>
        <pc:spChg chg="mod">
          <ac:chgData name="White, Alex" userId="eff6cc8c-37d8-483b-9c6c-6b27e9afa9bc" providerId="ADAL" clId="{BF04C754-5BF4-4E83-9615-DB14FA25AF8A}" dt="2023-10-12T11:38:08.274" v="295"/>
          <ac:spMkLst>
            <pc:docMk/>
            <pc:sldMk cId="2376958513" sldId="260"/>
            <ac:spMk id="7258" creationId="{96E14A6F-19ED-285D-BF8F-FF3F3663B8CA}"/>
          </ac:spMkLst>
        </pc:spChg>
        <pc:spChg chg="mod">
          <ac:chgData name="White, Alex" userId="eff6cc8c-37d8-483b-9c6c-6b27e9afa9bc" providerId="ADAL" clId="{BF04C754-5BF4-4E83-9615-DB14FA25AF8A}" dt="2023-10-12T11:38:08.274" v="295"/>
          <ac:spMkLst>
            <pc:docMk/>
            <pc:sldMk cId="2376958513" sldId="260"/>
            <ac:spMk id="7259" creationId="{16A118AC-A35B-159F-A138-D9A7F732F78A}"/>
          </ac:spMkLst>
        </pc:spChg>
        <pc:spChg chg="mod">
          <ac:chgData name="White, Alex" userId="eff6cc8c-37d8-483b-9c6c-6b27e9afa9bc" providerId="ADAL" clId="{BF04C754-5BF4-4E83-9615-DB14FA25AF8A}" dt="2023-10-12T11:38:08.274" v="295"/>
          <ac:spMkLst>
            <pc:docMk/>
            <pc:sldMk cId="2376958513" sldId="260"/>
            <ac:spMk id="7260" creationId="{3DE1CC39-16F2-B372-5B20-611B2BEDB523}"/>
          </ac:spMkLst>
        </pc:spChg>
        <pc:spChg chg="mod">
          <ac:chgData name="White, Alex" userId="eff6cc8c-37d8-483b-9c6c-6b27e9afa9bc" providerId="ADAL" clId="{BF04C754-5BF4-4E83-9615-DB14FA25AF8A}" dt="2023-10-12T11:38:08.274" v="295"/>
          <ac:spMkLst>
            <pc:docMk/>
            <pc:sldMk cId="2376958513" sldId="260"/>
            <ac:spMk id="7261" creationId="{21C5B55B-763B-3769-F5CD-68EC9B28F097}"/>
          </ac:spMkLst>
        </pc:spChg>
        <pc:spChg chg="mod">
          <ac:chgData name="White, Alex" userId="eff6cc8c-37d8-483b-9c6c-6b27e9afa9bc" providerId="ADAL" clId="{BF04C754-5BF4-4E83-9615-DB14FA25AF8A}" dt="2023-10-12T11:38:08.274" v="295"/>
          <ac:spMkLst>
            <pc:docMk/>
            <pc:sldMk cId="2376958513" sldId="260"/>
            <ac:spMk id="7262" creationId="{4AFC1D98-ED8B-8C46-6CDC-25F5824AAA0E}"/>
          </ac:spMkLst>
        </pc:spChg>
        <pc:spChg chg="mod">
          <ac:chgData name="White, Alex" userId="eff6cc8c-37d8-483b-9c6c-6b27e9afa9bc" providerId="ADAL" clId="{BF04C754-5BF4-4E83-9615-DB14FA25AF8A}" dt="2023-10-12T11:38:08.274" v="295"/>
          <ac:spMkLst>
            <pc:docMk/>
            <pc:sldMk cId="2376958513" sldId="260"/>
            <ac:spMk id="7263" creationId="{06844535-B1C0-ADC8-AE2F-05DD284A6760}"/>
          </ac:spMkLst>
        </pc:spChg>
        <pc:spChg chg="mod">
          <ac:chgData name="White, Alex" userId="eff6cc8c-37d8-483b-9c6c-6b27e9afa9bc" providerId="ADAL" clId="{BF04C754-5BF4-4E83-9615-DB14FA25AF8A}" dt="2023-10-12T11:38:08.274" v="295"/>
          <ac:spMkLst>
            <pc:docMk/>
            <pc:sldMk cId="2376958513" sldId="260"/>
            <ac:spMk id="7264" creationId="{550F4C77-F170-4D04-09CC-FFC9409456C2}"/>
          </ac:spMkLst>
        </pc:spChg>
        <pc:spChg chg="mod">
          <ac:chgData name="White, Alex" userId="eff6cc8c-37d8-483b-9c6c-6b27e9afa9bc" providerId="ADAL" clId="{BF04C754-5BF4-4E83-9615-DB14FA25AF8A}" dt="2023-10-12T11:38:08.274" v="295"/>
          <ac:spMkLst>
            <pc:docMk/>
            <pc:sldMk cId="2376958513" sldId="260"/>
            <ac:spMk id="7265" creationId="{1A6A0D6B-3618-6140-E17B-44B70BDA1411}"/>
          </ac:spMkLst>
        </pc:spChg>
        <pc:spChg chg="mod">
          <ac:chgData name="White, Alex" userId="eff6cc8c-37d8-483b-9c6c-6b27e9afa9bc" providerId="ADAL" clId="{BF04C754-5BF4-4E83-9615-DB14FA25AF8A}" dt="2023-10-12T11:38:08.274" v="295"/>
          <ac:spMkLst>
            <pc:docMk/>
            <pc:sldMk cId="2376958513" sldId="260"/>
            <ac:spMk id="7266" creationId="{3772F6A4-D73D-2F7E-830F-FE46BB4A5495}"/>
          </ac:spMkLst>
        </pc:spChg>
        <pc:spChg chg="mod">
          <ac:chgData name="White, Alex" userId="eff6cc8c-37d8-483b-9c6c-6b27e9afa9bc" providerId="ADAL" clId="{BF04C754-5BF4-4E83-9615-DB14FA25AF8A}" dt="2023-10-12T11:38:08.274" v="295"/>
          <ac:spMkLst>
            <pc:docMk/>
            <pc:sldMk cId="2376958513" sldId="260"/>
            <ac:spMk id="7267" creationId="{D4B43063-A935-FF34-09B3-947264CFC681}"/>
          </ac:spMkLst>
        </pc:spChg>
        <pc:spChg chg="mod">
          <ac:chgData name="White, Alex" userId="eff6cc8c-37d8-483b-9c6c-6b27e9afa9bc" providerId="ADAL" clId="{BF04C754-5BF4-4E83-9615-DB14FA25AF8A}" dt="2023-10-12T11:38:08.274" v="295"/>
          <ac:spMkLst>
            <pc:docMk/>
            <pc:sldMk cId="2376958513" sldId="260"/>
            <ac:spMk id="7268" creationId="{3183147E-CB69-5FCF-8E71-CB7783F71FDD}"/>
          </ac:spMkLst>
        </pc:spChg>
        <pc:spChg chg="mod">
          <ac:chgData name="White, Alex" userId="eff6cc8c-37d8-483b-9c6c-6b27e9afa9bc" providerId="ADAL" clId="{BF04C754-5BF4-4E83-9615-DB14FA25AF8A}" dt="2023-10-12T11:38:08.274" v="295"/>
          <ac:spMkLst>
            <pc:docMk/>
            <pc:sldMk cId="2376958513" sldId="260"/>
            <ac:spMk id="7269" creationId="{EC09D691-FAF5-2DB0-87E2-36A9CF206F53}"/>
          </ac:spMkLst>
        </pc:spChg>
        <pc:spChg chg="mod">
          <ac:chgData name="White, Alex" userId="eff6cc8c-37d8-483b-9c6c-6b27e9afa9bc" providerId="ADAL" clId="{BF04C754-5BF4-4E83-9615-DB14FA25AF8A}" dt="2023-10-12T11:38:08.274" v="295"/>
          <ac:spMkLst>
            <pc:docMk/>
            <pc:sldMk cId="2376958513" sldId="260"/>
            <ac:spMk id="7270" creationId="{8E0733FA-39FD-3220-6D10-D1B9AAF00E9D}"/>
          </ac:spMkLst>
        </pc:spChg>
        <pc:spChg chg="mod">
          <ac:chgData name="White, Alex" userId="eff6cc8c-37d8-483b-9c6c-6b27e9afa9bc" providerId="ADAL" clId="{BF04C754-5BF4-4E83-9615-DB14FA25AF8A}" dt="2023-10-12T11:38:08.274" v="295"/>
          <ac:spMkLst>
            <pc:docMk/>
            <pc:sldMk cId="2376958513" sldId="260"/>
            <ac:spMk id="7271" creationId="{298B67BB-005B-631D-9E5B-B0115C69E7DB}"/>
          </ac:spMkLst>
        </pc:spChg>
        <pc:spChg chg="mod">
          <ac:chgData name="White, Alex" userId="eff6cc8c-37d8-483b-9c6c-6b27e9afa9bc" providerId="ADAL" clId="{BF04C754-5BF4-4E83-9615-DB14FA25AF8A}" dt="2023-10-12T11:38:08.274" v="295"/>
          <ac:spMkLst>
            <pc:docMk/>
            <pc:sldMk cId="2376958513" sldId="260"/>
            <ac:spMk id="7272" creationId="{08A5365D-C178-7F12-068D-73C316989596}"/>
          </ac:spMkLst>
        </pc:spChg>
        <pc:spChg chg="mod">
          <ac:chgData name="White, Alex" userId="eff6cc8c-37d8-483b-9c6c-6b27e9afa9bc" providerId="ADAL" clId="{BF04C754-5BF4-4E83-9615-DB14FA25AF8A}" dt="2023-10-12T11:38:08.274" v="295"/>
          <ac:spMkLst>
            <pc:docMk/>
            <pc:sldMk cId="2376958513" sldId="260"/>
            <ac:spMk id="7273" creationId="{F0F0BB76-1997-797F-CB2B-B30009740C10}"/>
          </ac:spMkLst>
        </pc:spChg>
        <pc:spChg chg="mod">
          <ac:chgData name="White, Alex" userId="eff6cc8c-37d8-483b-9c6c-6b27e9afa9bc" providerId="ADAL" clId="{BF04C754-5BF4-4E83-9615-DB14FA25AF8A}" dt="2023-10-12T11:38:08.274" v="295"/>
          <ac:spMkLst>
            <pc:docMk/>
            <pc:sldMk cId="2376958513" sldId="260"/>
            <ac:spMk id="7274" creationId="{DBA3A5B8-3E63-DD98-6CDC-DAB742B981F7}"/>
          </ac:spMkLst>
        </pc:spChg>
        <pc:spChg chg="mod">
          <ac:chgData name="White, Alex" userId="eff6cc8c-37d8-483b-9c6c-6b27e9afa9bc" providerId="ADAL" clId="{BF04C754-5BF4-4E83-9615-DB14FA25AF8A}" dt="2023-10-12T11:38:08.274" v="295"/>
          <ac:spMkLst>
            <pc:docMk/>
            <pc:sldMk cId="2376958513" sldId="260"/>
            <ac:spMk id="7275" creationId="{44519D9D-8C08-5D34-AAB4-C532CA7E280E}"/>
          </ac:spMkLst>
        </pc:spChg>
        <pc:spChg chg="mod">
          <ac:chgData name="White, Alex" userId="eff6cc8c-37d8-483b-9c6c-6b27e9afa9bc" providerId="ADAL" clId="{BF04C754-5BF4-4E83-9615-DB14FA25AF8A}" dt="2023-10-12T11:38:08.274" v="295"/>
          <ac:spMkLst>
            <pc:docMk/>
            <pc:sldMk cId="2376958513" sldId="260"/>
            <ac:spMk id="7276" creationId="{BF0EE215-9103-A048-8656-9AF7D8BEB903}"/>
          </ac:spMkLst>
        </pc:spChg>
        <pc:spChg chg="mod">
          <ac:chgData name="White, Alex" userId="eff6cc8c-37d8-483b-9c6c-6b27e9afa9bc" providerId="ADAL" clId="{BF04C754-5BF4-4E83-9615-DB14FA25AF8A}" dt="2023-10-12T11:38:08.274" v="295"/>
          <ac:spMkLst>
            <pc:docMk/>
            <pc:sldMk cId="2376958513" sldId="260"/>
            <ac:spMk id="7277" creationId="{47225F5D-D8EB-86DD-3E8E-F9DC9F2DFB5F}"/>
          </ac:spMkLst>
        </pc:spChg>
        <pc:spChg chg="mod">
          <ac:chgData name="White, Alex" userId="eff6cc8c-37d8-483b-9c6c-6b27e9afa9bc" providerId="ADAL" clId="{BF04C754-5BF4-4E83-9615-DB14FA25AF8A}" dt="2023-10-12T11:38:08.274" v="295"/>
          <ac:spMkLst>
            <pc:docMk/>
            <pc:sldMk cId="2376958513" sldId="260"/>
            <ac:spMk id="7278" creationId="{1251BCC5-02D5-A09C-F252-45D2BE924E3B}"/>
          </ac:spMkLst>
        </pc:spChg>
        <pc:spChg chg="mod">
          <ac:chgData name="White, Alex" userId="eff6cc8c-37d8-483b-9c6c-6b27e9afa9bc" providerId="ADAL" clId="{BF04C754-5BF4-4E83-9615-DB14FA25AF8A}" dt="2023-10-12T11:38:08.274" v="295"/>
          <ac:spMkLst>
            <pc:docMk/>
            <pc:sldMk cId="2376958513" sldId="260"/>
            <ac:spMk id="7279" creationId="{6E243D47-9372-4B9B-0AEC-910D2F32471E}"/>
          </ac:spMkLst>
        </pc:spChg>
        <pc:spChg chg="mod">
          <ac:chgData name="White, Alex" userId="eff6cc8c-37d8-483b-9c6c-6b27e9afa9bc" providerId="ADAL" clId="{BF04C754-5BF4-4E83-9615-DB14FA25AF8A}" dt="2023-10-12T11:38:08.274" v="295"/>
          <ac:spMkLst>
            <pc:docMk/>
            <pc:sldMk cId="2376958513" sldId="260"/>
            <ac:spMk id="7280" creationId="{BD49E18C-1BA4-C03E-D6B7-F46E5F35DAC7}"/>
          </ac:spMkLst>
        </pc:spChg>
        <pc:spChg chg="mod">
          <ac:chgData name="White, Alex" userId="eff6cc8c-37d8-483b-9c6c-6b27e9afa9bc" providerId="ADAL" clId="{BF04C754-5BF4-4E83-9615-DB14FA25AF8A}" dt="2023-10-12T11:38:08.274" v="295"/>
          <ac:spMkLst>
            <pc:docMk/>
            <pc:sldMk cId="2376958513" sldId="260"/>
            <ac:spMk id="7281" creationId="{5260F72B-DB8C-F04C-0D02-366047DABF8D}"/>
          </ac:spMkLst>
        </pc:spChg>
        <pc:spChg chg="mod">
          <ac:chgData name="White, Alex" userId="eff6cc8c-37d8-483b-9c6c-6b27e9afa9bc" providerId="ADAL" clId="{BF04C754-5BF4-4E83-9615-DB14FA25AF8A}" dt="2023-10-12T11:38:08.274" v="295"/>
          <ac:spMkLst>
            <pc:docMk/>
            <pc:sldMk cId="2376958513" sldId="260"/>
            <ac:spMk id="7282" creationId="{FD9FBDF3-7E02-A0C3-F19E-36CD7A780D49}"/>
          </ac:spMkLst>
        </pc:spChg>
        <pc:spChg chg="mod">
          <ac:chgData name="White, Alex" userId="eff6cc8c-37d8-483b-9c6c-6b27e9afa9bc" providerId="ADAL" clId="{BF04C754-5BF4-4E83-9615-DB14FA25AF8A}" dt="2023-10-12T11:38:08.274" v="295"/>
          <ac:spMkLst>
            <pc:docMk/>
            <pc:sldMk cId="2376958513" sldId="260"/>
            <ac:spMk id="7283" creationId="{546DEB91-DB2B-17EE-3A44-D86509189FA3}"/>
          </ac:spMkLst>
        </pc:spChg>
        <pc:spChg chg="mod">
          <ac:chgData name="White, Alex" userId="eff6cc8c-37d8-483b-9c6c-6b27e9afa9bc" providerId="ADAL" clId="{BF04C754-5BF4-4E83-9615-DB14FA25AF8A}" dt="2023-10-12T11:38:08.274" v="295"/>
          <ac:spMkLst>
            <pc:docMk/>
            <pc:sldMk cId="2376958513" sldId="260"/>
            <ac:spMk id="7284" creationId="{DB293F9B-F12E-ACAC-A407-BE73AFC4F99A}"/>
          </ac:spMkLst>
        </pc:spChg>
        <pc:spChg chg="mod">
          <ac:chgData name="White, Alex" userId="eff6cc8c-37d8-483b-9c6c-6b27e9afa9bc" providerId="ADAL" clId="{BF04C754-5BF4-4E83-9615-DB14FA25AF8A}" dt="2023-10-12T11:38:08.274" v="295"/>
          <ac:spMkLst>
            <pc:docMk/>
            <pc:sldMk cId="2376958513" sldId="260"/>
            <ac:spMk id="7285" creationId="{C8023BEB-95BB-EB21-BF29-0E61B42B4B26}"/>
          </ac:spMkLst>
        </pc:spChg>
        <pc:spChg chg="mod">
          <ac:chgData name="White, Alex" userId="eff6cc8c-37d8-483b-9c6c-6b27e9afa9bc" providerId="ADAL" clId="{BF04C754-5BF4-4E83-9615-DB14FA25AF8A}" dt="2023-10-12T11:38:08.274" v="295"/>
          <ac:spMkLst>
            <pc:docMk/>
            <pc:sldMk cId="2376958513" sldId="260"/>
            <ac:spMk id="7286" creationId="{D379BBD1-6ECB-7326-ADC8-DB51DAAE1E84}"/>
          </ac:spMkLst>
        </pc:spChg>
        <pc:spChg chg="mod">
          <ac:chgData name="White, Alex" userId="eff6cc8c-37d8-483b-9c6c-6b27e9afa9bc" providerId="ADAL" clId="{BF04C754-5BF4-4E83-9615-DB14FA25AF8A}" dt="2023-10-12T11:38:08.274" v="295"/>
          <ac:spMkLst>
            <pc:docMk/>
            <pc:sldMk cId="2376958513" sldId="260"/>
            <ac:spMk id="7287" creationId="{07A7703E-CCAB-39B7-F619-020DCD4996DB}"/>
          </ac:spMkLst>
        </pc:spChg>
        <pc:spChg chg="mod">
          <ac:chgData name="White, Alex" userId="eff6cc8c-37d8-483b-9c6c-6b27e9afa9bc" providerId="ADAL" clId="{BF04C754-5BF4-4E83-9615-DB14FA25AF8A}" dt="2023-10-12T11:38:08.274" v="295"/>
          <ac:spMkLst>
            <pc:docMk/>
            <pc:sldMk cId="2376958513" sldId="260"/>
            <ac:spMk id="7288" creationId="{C0DE5373-BD9B-EC71-B250-D2324CCA60CE}"/>
          </ac:spMkLst>
        </pc:spChg>
        <pc:spChg chg="mod">
          <ac:chgData name="White, Alex" userId="eff6cc8c-37d8-483b-9c6c-6b27e9afa9bc" providerId="ADAL" clId="{BF04C754-5BF4-4E83-9615-DB14FA25AF8A}" dt="2023-10-12T11:38:08.274" v="295"/>
          <ac:spMkLst>
            <pc:docMk/>
            <pc:sldMk cId="2376958513" sldId="260"/>
            <ac:spMk id="7289" creationId="{0901CF12-DC6B-34FF-81F5-1A500D8BD927}"/>
          </ac:spMkLst>
        </pc:spChg>
        <pc:spChg chg="mod">
          <ac:chgData name="White, Alex" userId="eff6cc8c-37d8-483b-9c6c-6b27e9afa9bc" providerId="ADAL" clId="{BF04C754-5BF4-4E83-9615-DB14FA25AF8A}" dt="2023-10-12T11:38:08.274" v="295"/>
          <ac:spMkLst>
            <pc:docMk/>
            <pc:sldMk cId="2376958513" sldId="260"/>
            <ac:spMk id="7290" creationId="{8C0D97CA-3EC3-EA2C-A81F-353414C0D9A1}"/>
          </ac:spMkLst>
        </pc:spChg>
        <pc:spChg chg="mod">
          <ac:chgData name="White, Alex" userId="eff6cc8c-37d8-483b-9c6c-6b27e9afa9bc" providerId="ADAL" clId="{BF04C754-5BF4-4E83-9615-DB14FA25AF8A}" dt="2023-10-12T11:38:08.274" v="295"/>
          <ac:spMkLst>
            <pc:docMk/>
            <pc:sldMk cId="2376958513" sldId="260"/>
            <ac:spMk id="7291" creationId="{B9892038-003A-07BA-D561-9F67AD8739AC}"/>
          </ac:spMkLst>
        </pc:spChg>
        <pc:spChg chg="mod">
          <ac:chgData name="White, Alex" userId="eff6cc8c-37d8-483b-9c6c-6b27e9afa9bc" providerId="ADAL" clId="{BF04C754-5BF4-4E83-9615-DB14FA25AF8A}" dt="2023-10-12T11:38:08.274" v="295"/>
          <ac:spMkLst>
            <pc:docMk/>
            <pc:sldMk cId="2376958513" sldId="260"/>
            <ac:spMk id="7292" creationId="{8F52D033-769D-7065-9B36-E7EDC81FAC26}"/>
          </ac:spMkLst>
        </pc:spChg>
        <pc:spChg chg="mod">
          <ac:chgData name="White, Alex" userId="eff6cc8c-37d8-483b-9c6c-6b27e9afa9bc" providerId="ADAL" clId="{BF04C754-5BF4-4E83-9615-DB14FA25AF8A}" dt="2023-10-12T11:38:08.274" v="295"/>
          <ac:spMkLst>
            <pc:docMk/>
            <pc:sldMk cId="2376958513" sldId="260"/>
            <ac:spMk id="7293" creationId="{7E49B827-84EC-C509-B63A-A5E0DE832929}"/>
          </ac:spMkLst>
        </pc:spChg>
        <pc:spChg chg="mod">
          <ac:chgData name="White, Alex" userId="eff6cc8c-37d8-483b-9c6c-6b27e9afa9bc" providerId="ADAL" clId="{BF04C754-5BF4-4E83-9615-DB14FA25AF8A}" dt="2023-10-12T11:38:08.274" v="295"/>
          <ac:spMkLst>
            <pc:docMk/>
            <pc:sldMk cId="2376958513" sldId="260"/>
            <ac:spMk id="7294" creationId="{D1F1BFBF-D365-AC0C-9B00-E0F42786E5FE}"/>
          </ac:spMkLst>
        </pc:spChg>
        <pc:spChg chg="mod">
          <ac:chgData name="White, Alex" userId="eff6cc8c-37d8-483b-9c6c-6b27e9afa9bc" providerId="ADAL" clId="{BF04C754-5BF4-4E83-9615-DB14FA25AF8A}" dt="2023-10-12T11:38:08.274" v="295"/>
          <ac:spMkLst>
            <pc:docMk/>
            <pc:sldMk cId="2376958513" sldId="260"/>
            <ac:spMk id="7295" creationId="{42576D3C-92FF-12A5-5248-32826785D714}"/>
          </ac:spMkLst>
        </pc:spChg>
        <pc:spChg chg="mod">
          <ac:chgData name="White, Alex" userId="eff6cc8c-37d8-483b-9c6c-6b27e9afa9bc" providerId="ADAL" clId="{BF04C754-5BF4-4E83-9615-DB14FA25AF8A}" dt="2023-10-12T11:38:08.274" v="295"/>
          <ac:spMkLst>
            <pc:docMk/>
            <pc:sldMk cId="2376958513" sldId="260"/>
            <ac:spMk id="7296" creationId="{0194DAE8-3620-FD51-4096-E2AC86D0AC20}"/>
          </ac:spMkLst>
        </pc:spChg>
        <pc:spChg chg="mod">
          <ac:chgData name="White, Alex" userId="eff6cc8c-37d8-483b-9c6c-6b27e9afa9bc" providerId="ADAL" clId="{BF04C754-5BF4-4E83-9615-DB14FA25AF8A}" dt="2023-10-12T11:38:08.274" v="295"/>
          <ac:spMkLst>
            <pc:docMk/>
            <pc:sldMk cId="2376958513" sldId="260"/>
            <ac:spMk id="7297" creationId="{D77B0C3E-4F45-4EF8-9A41-17ED1839897E}"/>
          </ac:spMkLst>
        </pc:spChg>
        <pc:spChg chg="mod">
          <ac:chgData name="White, Alex" userId="eff6cc8c-37d8-483b-9c6c-6b27e9afa9bc" providerId="ADAL" clId="{BF04C754-5BF4-4E83-9615-DB14FA25AF8A}" dt="2023-10-12T11:38:08.274" v="295"/>
          <ac:spMkLst>
            <pc:docMk/>
            <pc:sldMk cId="2376958513" sldId="260"/>
            <ac:spMk id="7298" creationId="{BB417980-C34A-8D81-EE6F-084412F4FB90}"/>
          </ac:spMkLst>
        </pc:spChg>
        <pc:spChg chg="mod">
          <ac:chgData name="White, Alex" userId="eff6cc8c-37d8-483b-9c6c-6b27e9afa9bc" providerId="ADAL" clId="{BF04C754-5BF4-4E83-9615-DB14FA25AF8A}" dt="2023-10-12T11:38:08.274" v="295"/>
          <ac:spMkLst>
            <pc:docMk/>
            <pc:sldMk cId="2376958513" sldId="260"/>
            <ac:spMk id="7299" creationId="{027D9228-10ED-DC06-FC15-357D32B5D5CE}"/>
          </ac:spMkLst>
        </pc:spChg>
        <pc:spChg chg="mod">
          <ac:chgData name="White, Alex" userId="eff6cc8c-37d8-483b-9c6c-6b27e9afa9bc" providerId="ADAL" clId="{BF04C754-5BF4-4E83-9615-DB14FA25AF8A}" dt="2023-10-12T11:38:08.274" v="295"/>
          <ac:spMkLst>
            <pc:docMk/>
            <pc:sldMk cId="2376958513" sldId="260"/>
            <ac:spMk id="7300" creationId="{8EDA8645-5B3E-D43E-76A7-9539D985716D}"/>
          </ac:spMkLst>
        </pc:spChg>
        <pc:spChg chg="mod">
          <ac:chgData name="White, Alex" userId="eff6cc8c-37d8-483b-9c6c-6b27e9afa9bc" providerId="ADAL" clId="{BF04C754-5BF4-4E83-9615-DB14FA25AF8A}" dt="2023-10-12T11:38:08.274" v="295"/>
          <ac:spMkLst>
            <pc:docMk/>
            <pc:sldMk cId="2376958513" sldId="260"/>
            <ac:spMk id="7301" creationId="{034A23B8-E2C5-7E27-1F79-9A9DF5A9762D}"/>
          </ac:spMkLst>
        </pc:spChg>
        <pc:spChg chg="mod">
          <ac:chgData name="White, Alex" userId="eff6cc8c-37d8-483b-9c6c-6b27e9afa9bc" providerId="ADAL" clId="{BF04C754-5BF4-4E83-9615-DB14FA25AF8A}" dt="2023-10-12T11:38:08.274" v="295"/>
          <ac:spMkLst>
            <pc:docMk/>
            <pc:sldMk cId="2376958513" sldId="260"/>
            <ac:spMk id="7302" creationId="{2E5EF03F-0BF9-6F0D-589D-D8A9F2C0C7B5}"/>
          </ac:spMkLst>
        </pc:spChg>
        <pc:spChg chg="mod">
          <ac:chgData name="White, Alex" userId="eff6cc8c-37d8-483b-9c6c-6b27e9afa9bc" providerId="ADAL" clId="{BF04C754-5BF4-4E83-9615-DB14FA25AF8A}" dt="2023-10-12T11:38:08.274" v="295"/>
          <ac:spMkLst>
            <pc:docMk/>
            <pc:sldMk cId="2376958513" sldId="260"/>
            <ac:spMk id="7303" creationId="{C4B52706-6BBC-330D-4473-299900C4561E}"/>
          </ac:spMkLst>
        </pc:spChg>
        <pc:spChg chg="mod">
          <ac:chgData name="White, Alex" userId="eff6cc8c-37d8-483b-9c6c-6b27e9afa9bc" providerId="ADAL" clId="{BF04C754-5BF4-4E83-9615-DB14FA25AF8A}" dt="2023-10-12T11:38:08.274" v="295"/>
          <ac:spMkLst>
            <pc:docMk/>
            <pc:sldMk cId="2376958513" sldId="260"/>
            <ac:spMk id="7304" creationId="{D52C5818-3F5C-28E8-567A-FE313A85F397}"/>
          </ac:spMkLst>
        </pc:spChg>
        <pc:spChg chg="mod">
          <ac:chgData name="White, Alex" userId="eff6cc8c-37d8-483b-9c6c-6b27e9afa9bc" providerId="ADAL" clId="{BF04C754-5BF4-4E83-9615-DB14FA25AF8A}" dt="2023-10-12T11:38:08.274" v="295"/>
          <ac:spMkLst>
            <pc:docMk/>
            <pc:sldMk cId="2376958513" sldId="260"/>
            <ac:spMk id="7305" creationId="{31B796EA-94BF-C951-DB10-340C979D6065}"/>
          </ac:spMkLst>
        </pc:spChg>
        <pc:spChg chg="mod">
          <ac:chgData name="White, Alex" userId="eff6cc8c-37d8-483b-9c6c-6b27e9afa9bc" providerId="ADAL" clId="{BF04C754-5BF4-4E83-9615-DB14FA25AF8A}" dt="2023-10-12T11:38:08.274" v="295"/>
          <ac:spMkLst>
            <pc:docMk/>
            <pc:sldMk cId="2376958513" sldId="260"/>
            <ac:spMk id="7306" creationId="{A63BE35C-8061-7E64-13FF-33B17BFF274D}"/>
          </ac:spMkLst>
        </pc:spChg>
        <pc:spChg chg="mod">
          <ac:chgData name="White, Alex" userId="eff6cc8c-37d8-483b-9c6c-6b27e9afa9bc" providerId="ADAL" clId="{BF04C754-5BF4-4E83-9615-DB14FA25AF8A}" dt="2023-10-12T11:38:08.274" v="295"/>
          <ac:spMkLst>
            <pc:docMk/>
            <pc:sldMk cId="2376958513" sldId="260"/>
            <ac:spMk id="7307" creationId="{A1735FEA-0A93-DD7B-7408-7281C093C851}"/>
          </ac:spMkLst>
        </pc:spChg>
        <pc:spChg chg="mod">
          <ac:chgData name="White, Alex" userId="eff6cc8c-37d8-483b-9c6c-6b27e9afa9bc" providerId="ADAL" clId="{BF04C754-5BF4-4E83-9615-DB14FA25AF8A}" dt="2023-10-12T11:38:08.274" v="295"/>
          <ac:spMkLst>
            <pc:docMk/>
            <pc:sldMk cId="2376958513" sldId="260"/>
            <ac:spMk id="7308" creationId="{A08989E3-5DFE-F412-00AD-7869F9497B10}"/>
          </ac:spMkLst>
        </pc:spChg>
        <pc:spChg chg="mod">
          <ac:chgData name="White, Alex" userId="eff6cc8c-37d8-483b-9c6c-6b27e9afa9bc" providerId="ADAL" clId="{BF04C754-5BF4-4E83-9615-DB14FA25AF8A}" dt="2023-10-12T11:38:08.274" v="295"/>
          <ac:spMkLst>
            <pc:docMk/>
            <pc:sldMk cId="2376958513" sldId="260"/>
            <ac:spMk id="7309" creationId="{3A890F22-FD24-BDE4-3EDA-2D06DFC20220}"/>
          </ac:spMkLst>
        </pc:spChg>
        <pc:spChg chg="mod">
          <ac:chgData name="White, Alex" userId="eff6cc8c-37d8-483b-9c6c-6b27e9afa9bc" providerId="ADAL" clId="{BF04C754-5BF4-4E83-9615-DB14FA25AF8A}" dt="2023-10-12T11:38:08.274" v="295"/>
          <ac:spMkLst>
            <pc:docMk/>
            <pc:sldMk cId="2376958513" sldId="260"/>
            <ac:spMk id="7310" creationId="{EC5EEFD5-4117-1D79-20CB-F282E0639A1A}"/>
          </ac:spMkLst>
        </pc:spChg>
        <pc:spChg chg="mod">
          <ac:chgData name="White, Alex" userId="eff6cc8c-37d8-483b-9c6c-6b27e9afa9bc" providerId="ADAL" clId="{BF04C754-5BF4-4E83-9615-DB14FA25AF8A}" dt="2023-10-12T11:38:08.274" v="295"/>
          <ac:spMkLst>
            <pc:docMk/>
            <pc:sldMk cId="2376958513" sldId="260"/>
            <ac:spMk id="7311" creationId="{8103C4D6-5461-246A-47A2-D24782F608AE}"/>
          </ac:spMkLst>
        </pc:spChg>
        <pc:spChg chg="mod">
          <ac:chgData name="White, Alex" userId="eff6cc8c-37d8-483b-9c6c-6b27e9afa9bc" providerId="ADAL" clId="{BF04C754-5BF4-4E83-9615-DB14FA25AF8A}" dt="2023-10-12T11:38:08.274" v="295"/>
          <ac:spMkLst>
            <pc:docMk/>
            <pc:sldMk cId="2376958513" sldId="260"/>
            <ac:spMk id="7312" creationId="{9F554B28-31C4-48BE-9D9B-BCC22BE7D8A6}"/>
          </ac:spMkLst>
        </pc:spChg>
        <pc:spChg chg="mod">
          <ac:chgData name="White, Alex" userId="eff6cc8c-37d8-483b-9c6c-6b27e9afa9bc" providerId="ADAL" clId="{BF04C754-5BF4-4E83-9615-DB14FA25AF8A}" dt="2023-10-12T11:38:08.274" v="295"/>
          <ac:spMkLst>
            <pc:docMk/>
            <pc:sldMk cId="2376958513" sldId="260"/>
            <ac:spMk id="7313" creationId="{BD5A2574-9AC5-33CB-DA71-60FE462AB95A}"/>
          </ac:spMkLst>
        </pc:spChg>
        <pc:spChg chg="mod">
          <ac:chgData name="White, Alex" userId="eff6cc8c-37d8-483b-9c6c-6b27e9afa9bc" providerId="ADAL" clId="{BF04C754-5BF4-4E83-9615-DB14FA25AF8A}" dt="2023-10-12T11:38:08.274" v="295"/>
          <ac:spMkLst>
            <pc:docMk/>
            <pc:sldMk cId="2376958513" sldId="260"/>
            <ac:spMk id="7314" creationId="{6B91A646-38AA-1FD0-63FA-7995FC766E9E}"/>
          </ac:spMkLst>
        </pc:spChg>
        <pc:spChg chg="mod">
          <ac:chgData name="White, Alex" userId="eff6cc8c-37d8-483b-9c6c-6b27e9afa9bc" providerId="ADAL" clId="{BF04C754-5BF4-4E83-9615-DB14FA25AF8A}" dt="2023-10-12T11:38:08.274" v="295"/>
          <ac:spMkLst>
            <pc:docMk/>
            <pc:sldMk cId="2376958513" sldId="260"/>
            <ac:spMk id="7315" creationId="{0EE17195-4266-CE50-216A-A14E440175C4}"/>
          </ac:spMkLst>
        </pc:spChg>
        <pc:spChg chg="mod">
          <ac:chgData name="White, Alex" userId="eff6cc8c-37d8-483b-9c6c-6b27e9afa9bc" providerId="ADAL" clId="{BF04C754-5BF4-4E83-9615-DB14FA25AF8A}" dt="2023-10-12T11:38:08.274" v="295"/>
          <ac:spMkLst>
            <pc:docMk/>
            <pc:sldMk cId="2376958513" sldId="260"/>
            <ac:spMk id="7316" creationId="{3577484B-3ADA-F6D3-EE63-CBDC820F676F}"/>
          </ac:spMkLst>
        </pc:spChg>
        <pc:spChg chg="mod">
          <ac:chgData name="White, Alex" userId="eff6cc8c-37d8-483b-9c6c-6b27e9afa9bc" providerId="ADAL" clId="{BF04C754-5BF4-4E83-9615-DB14FA25AF8A}" dt="2023-10-12T11:38:08.274" v="295"/>
          <ac:spMkLst>
            <pc:docMk/>
            <pc:sldMk cId="2376958513" sldId="260"/>
            <ac:spMk id="7317" creationId="{5C4F75B3-856E-BFD8-066B-B1DD988E1060}"/>
          </ac:spMkLst>
        </pc:spChg>
        <pc:spChg chg="mod">
          <ac:chgData name="White, Alex" userId="eff6cc8c-37d8-483b-9c6c-6b27e9afa9bc" providerId="ADAL" clId="{BF04C754-5BF4-4E83-9615-DB14FA25AF8A}" dt="2023-10-12T11:38:08.274" v="295"/>
          <ac:spMkLst>
            <pc:docMk/>
            <pc:sldMk cId="2376958513" sldId="260"/>
            <ac:spMk id="7318" creationId="{1AA68388-8389-9FB1-FDDC-01A14BA998F0}"/>
          </ac:spMkLst>
        </pc:spChg>
        <pc:spChg chg="mod">
          <ac:chgData name="White, Alex" userId="eff6cc8c-37d8-483b-9c6c-6b27e9afa9bc" providerId="ADAL" clId="{BF04C754-5BF4-4E83-9615-DB14FA25AF8A}" dt="2023-10-12T11:38:08.274" v="295"/>
          <ac:spMkLst>
            <pc:docMk/>
            <pc:sldMk cId="2376958513" sldId="260"/>
            <ac:spMk id="7319" creationId="{BCB21A80-4D70-1234-7A49-C08E989AE23A}"/>
          </ac:spMkLst>
        </pc:spChg>
        <pc:spChg chg="mod">
          <ac:chgData name="White, Alex" userId="eff6cc8c-37d8-483b-9c6c-6b27e9afa9bc" providerId="ADAL" clId="{BF04C754-5BF4-4E83-9615-DB14FA25AF8A}" dt="2023-10-12T11:38:08.274" v="295"/>
          <ac:spMkLst>
            <pc:docMk/>
            <pc:sldMk cId="2376958513" sldId="260"/>
            <ac:spMk id="7320" creationId="{12C2112A-763D-9E39-52BC-9FE1B6E704F1}"/>
          </ac:spMkLst>
        </pc:spChg>
        <pc:spChg chg="mod">
          <ac:chgData name="White, Alex" userId="eff6cc8c-37d8-483b-9c6c-6b27e9afa9bc" providerId="ADAL" clId="{BF04C754-5BF4-4E83-9615-DB14FA25AF8A}" dt="2023-10-12T11:38:08.274" v="295"/>
          <ac:spMkLst>
            <pc:docMk/>
            <pc:sldMk cId="2376958513" sldId="260"/>
            <ac:spMk id="7321" creationId="{39AB06AC-B68B-2884-613A-EF604A43C9E9}"/>
          </ac:spMkLst>
        </pc:spChg>
        <pc:spChg chg="mod">
          <ac:chgData name="White, Alex" userId="eff6cc8c-37d8-483b-9c6c-6b27e9afa9bc" providerId="ADAL" clId="{BF04C754-5BF4-4E83-9615-DB14FA25AF8A}" dt="2023-10-12T11:38:08.274" v="295"/>
          <ac:spMkLst>
            <pc:docMk/>
            <pc:sldMk cId="2376958513" sldId="260"/>
            <ac:spMk id="7322" creationId="{3775C838-A1ED-FE99-2247-364ECEAEFB59}"/>
          </ac:spMkLst>
        </pc:spChg>
        <pc:spChg chg="mod">
          <ac:chgData name="White, Alex" userId="eff6cc8c-37d8-483b-9c6c-6b27e9afa9bc" providerId="ADAL" clId="{BF04C754-5BF4-4E83-9615-DB14FA25AF8A}" dt="2023-10-12T11:38:08.274" v="295"/>
          <ac:spMkLst>
            <pc:docMk/>
            <pc:sldMk cId="2376958513" sldId="260"/>
            <ac:spMk id="7323" creationId="{2CD09588-AFCF-CB6C-97FE-35B380BDF7B8}"/>
          </ac:spMkLst>
        </pc:spChg>
        <pc:spChg chg="mod">
          <ac:chgData name="White, Alex" userId="eff6cc8c-37d8-483b-9c6c-6b27e9afa9bc" providerId="ADAL" clId="{BF04C754-5BF4-4E83-9615-DB14FA25AF8A}" dt="2023-10-12T11:38:08.274" v="295"/>
          <ac:spMkLst>
            <pc:docMk/>
            <pc:sldMk cId="2376958513" sldId="260"/>
            <ac:spMk id="7324" creationId="{0C6746A9-1113-D4A4-C29B-B090249909EC}"/>
          </ac:spMkLst>
        </pc:spChg>
        <pc:spChg chg="mod">
          <ac:chgData name="White, Alex" userId="eff6cc8c-37d8-483b-9c6c-6b27e9afa9bc" providerId="ADAL" clId="{BF04C754-5BF4-4E83-9615-DB14FA25AF8A}" dt="2023-10-12T11:38:08.274" v="295"/>
          <ac:spMkLst>
            <pc:docMk/>
            <pc:sldMk cId="2376958513" sldId="260"/>
            <ac:spMk id="7325" creationId="{807E13FC-9D62-6103-AAB0-F797377C085D}"/>
          </ac:spMkLst>
        </pc:spChg>
        <pc:spChg chg="mod">
          <ac:chgData name="White, Alex" userId="eff6cc8c-37d8-483b-9c6c-6b27e9afa9bc" providerId="ADAL" clId="{BF04C754-5BF4-4E83-9615-DB14FA25AF8A}" dt="2023-10-12T11:38:08.274" v="295"/>
          <ac:spMkLst>
            <pc:docMk/>
            <pc:sldMk cId="2376958513" sldId="260"/>
            <ac:spMk id="7326" creationId="{5938FFAC-9B8D-5D24-F450-CACF8275D20D}"/>
          </ac:spMkLst>
        </pc:spChg>
        <pc:spChg chg="mod">
          <ac:chgData name="White, Alex" userId="eff6cc8c-37d8-483b-9c6c-6b27e9afa9bc" providerId="ADAL" clId="{BF04C754-5BF4-4E83-9615-DB14FA25AF8A}" dt="2023-10-12T11:38:08.274" v="295"/>
          <ac:spMkLst>
            <pc:docMk/>
            <pc:sldMk cId="2376958513" sldId="260"/>
            <ac:spMk id="7327" creationId="{FED76372-263E-1552-C69A-717E68F1B20F}"/>
          </ac:spMkLst>
        </pc:spChg>
        <pc:spChg chg="mod">
          <ac:chgData name="White, Alex" userId="eff6cc8c-37d8-483b-9c6c-6b27e9afa9bc" providerId="ADAL" clId="{BF04C754-5BF4-4E83-9615-DB14FA25AF8A}" dt="2023-10-12T11:38:08.274" v="295"/>
          <ac:spMkLst>
            <pc:docMk/>
            <pc:sldMk cId="2376958513" sldId="260"/>
            <ac:spMk id="7328" creationId="{9A9721D3-D2FD-557A-E713-86E7B315576C}"/>
          </ac:spMkLst>
        </pc:spChg>
        <pc:spChg chg="mod">
          <ac:chgData name="White, Alex" userId="eff6cc8c-37d8-483b-9c6c-6b27e9afa9bc" providerId="ADAL" clId="{BF04C754-5BF4-4E83-9615-DB14FA25AF8A}" dt="2023-10-12T11:38:08.274" v="295"/>
          <ac:spMkLst>
            <pc:docMk/>
            <pc:sldMk cId="2376958513" sldId="260"/>
            <ac:spMk id="7329" creationId="{737326AE-2C8C-4E8B-52B7-A39504FCE310}"/>
          </ac:spMkLst>
        </pc:spChg>
        <pc:spChg chg="mod">
          <ac:chgData name="White, Alex" userId="eff6cc8c-37d8-483b-9c6c-6b27e9afa9bc" providerId="ADAL" clId="{BF04C754-5BF4-4E83-9615-DB14FA25AF8A}" dt="2023-10-12T11:38:08.274" v="295"/>
          <ac:spMkLst>
            <pc:docMk/>
            <pc:sldMk cId="2376958513" sldId="260"/>
            <ac:spMk id="7330" creationId="{49F3A0C6-C9FC-D6D1-54C4-1BE921BFBE92}"/>
          </ac:spMkLst>
        </pc:spChg>
        <pc:spChg chg="mod">
          <ac:chgData name="White, Alex" userId="eff6cc8c-37d8-483b-9c6c-6b27e9afa9bc" providerId="ADAL" clId="{BF04C754-5BF4-4E83-9615-DB14FA25AF8A}" dt="2023-10-12T11:38:08.274" v="295"/>
          <ac:spMkLst>
            <pc:docMk/>
            <pc:sldMk cId="2376958513" sldId="260"/>
            <ac:spMk id="7331" creationId="{08AF8FD6-64B3-B3E3-C2EE-51F70B46A295}"/>
          </ac:spMkLst>
        </pc:spChg>
        <pc:spChg chg="mod">
          <ac:chgData name="White, Alex" userId="eff6cc8c-37d8-483b-9c6c-6b27e9afa9bc" providerId="ADAL" clId="{BF04C754-5BF4-4E83-9615-DB14FA25AF8A}" dt="2023-10-12T11:38:08.274" v="295"/>
          <ac:spMkLst>
            <pc:docMk/>
            <pc:sldMk cId="2376958513" sldId="260"/>
            <ac:spMk id="7332" creationId="{71AF86F9-0C2A-D223-744B-B20F3A7387C3}"/>
          </ac:spMkLst>
        </pc:spChg>
        <pc:spChg chg="mod">
          <ac:chgData name="White, Alex" userId="eff6cc8c-37d8-483b-9c6c-6b27e9afa9bc" providerId="ADAL" clId="{BF04C754-5BF4-4E83-9615-DB14FA25AF8A}" dt="2023-10-12T11:38:08.274" v="295"/>
          <ac:spMkLst>
            <pc:docMk/>
            <pc:sldMk cId="2376958513" sldId="260"/>
            <ac:spMk id="7333" creationId="{AFAFB449-E942-6397-E9B5-4AE01D0EB992}"/>
          </ac:spMkLst>
        </pc:spChg>
        <pc:spChg chg="mod">
          <ac:chgData name="White, Alex" userId="eff6cc8c-37d8-483b-9c6c-6b27e9afa9bc" providerId="ADAL" clId="{BF04C754-5BF4-4E83-9615-DB14FA25AF8A}" dt="2023-10-12T11:38:08.274" v="295"/>
          <ac:spMkLst>
            <pc:docMk/>
            <pc:sldMk cId="2376958513" sldId="260"/>
            <ac:spMk id="7334" creationId="{FAFB99FF-4AF1-BE1A-DA5A-BA724B3546ED}"/>
          </ac:spMkLst>
        </pc:spChg>
        <pc:spChg chg="mod">
          <ac:chgData name="White, Alex" userId="eff6cc8c-37d8-483b-9c6c-6b27e9afa9bc" providerId="ADAL" clId="{BF04C754-5BF4-4E83-9615-DB14FA25AF8A}" dt="2023-10-12T11:38:08.274" v="295"/>
          <ac:spMkLst>
            <pc:docMk/>
            <pc:sldMk cId="2376958513" sldId="260"/>
            <ac:spMk id="7335" creationId="{80DFB605-B6EA-48C7-5E86-EC21246CB4F0}"/>
          </ac:spMkLst>
        </pc:spChg>
        <pc:spChg chg="mod">
          <ac:chgData name="White, Alex" userId="eff6cc8c-37d8-483b-9c6c-6b27e9afa9bc" providerId="ADAL" clId="{BF04C754-5BF4-4E83-9615-DB14FA25AF8A}" dt="2023-10-12T11:38:08.274" v="295"/>
          <ac:spMkLst>
            <pc:docMk/>
            <pc:sldMk cId="2376958513" sldId="260"/>
            <ac:spMk id="7336" creationId="{1133E7B9-35FC-F442-78D7-7CFA3A466A6A}"/>
          </ac:spMkLst>
        </pc:spChg>
        <pc:spChg chg="mod">
          <ac:chgData name="White, Alex" userId="eff6cc8c-37d8-483b-9c6c-6b27e9afa9bc" providerId="ADAL" clId="{BF04C754-5BF4-4E83-9615-DB14FA25AF8A}" dt="2023-10-12T11:38:08.274" v="295"/>
          <ac:spMkLst>
            <pc:docMk/>
            <pc:sldMk cId="2376958513" sldId="260"/>
            <ac:spMk id="7337" creationId="{B1975197-835A-C46A-0737-788EF3BE0596}"/>
          </ac:spMkLst>
        </pc:spChg>
        <pc:spChg chg="mod">
          <ac:chgData name="White, Alex" userId="eff6cc8c-37d8-483b-9c6c-6b27e9afa9bc" providerId="ADAL" clId="{BF04C754-5BF4-4E83-9615-DB14FA25AF8A}" dt="2023-10-12T11:38:08.274" v="295"/>
          <ac:spMkLst>
            <pc:docMk/>
            <pc:sldMk cId="2376958513" sldId="260"/>
            <ac:spMk id="7338" creationId="{E96716B9-5040-4EED-3F8A-5DECF228EFE3}"/>
          </ac:spMkLst>
        </pc:spChg>
        <pc:spChg chg="mod">
          <ac:chgData name="White, Alex" userId="eff6cc8c-37d8-483b-9c6c-6b27e9afa9bc" providerId="ADAL" clId="{BF04C754-5BF4-4E83-9615-DB14FA25AF8A}" dt="2023-10-12T11:38:08.274" v="295"/>
          <ac:spMkLst>
            <pc:docMk/>
            <pc:sldMk cId="2376958513" sldId="260"/>
            <ac:spMk id="7339" creationId="{9C7180E5-A06E-AAFD-9E26-294C17553872}"/>
          </ac:spMkLst>
        </pc:spChg>
        <pc:spChg chg="mod">
          <ac:chgData name="White, Alex" userId="eff6cc8c-37d8-483b-9c6c-6b27e9afa9bc" providerId="ADAL" clId="{BF04C754-5BF4-4E83-9615-DB14FA25AF8A}" dt="2023-10-12T11:38:08.274" v="295"/>
          <ac:spMkLst>
            <pc:docMk/>
            <pc:sldMk cId="2376958513" sldId="260"/>
            <ac:spMk id="7340" creationId="{5399669C-8292-FC00-7604-CE0F36C749E6}"/>
          </ac:spMkLst>
        </pc:spChg>
        <pc:spChg chg="mod">
          <ac:chgData name="White, Alex" userId="eff6cc8c-37d8-483b-9c6c-6b27e9afa9bc" providerId="ADAL" clId="{BF04C754-5BF4-4E83-9615-DB14FA25AF8A}" dt="2023-10-12T11:38:08.274" v="295"/>
          <ac:spMkLst>
            <pc:docMk/>
            <pc:sldMk cId="2376958513" sldId="260"/>
            <ac:spMk id="7341" creationId="{9B9D7987-46EA-9523-F79E-833EA42C2F96}"/>
          </ac:spMkLst>
        </pc:spChg>
        <pc:spChg chg="mod">
          <ac:chgData name="White, Alex" userId="eff6cc8c-37d8-483b-9c6c-6b27e9afa9bc" providerId="ADAL" clId="{BF04C754-5BF4-4E83-9615-DB14FA25AF8A}" dt="2023-10-12T11:38:08.274" v="295"/>
          <ac:spMkLst>
            <pc:docMk/>
            <pc:sldMk cId="2376958513" sldId="260"/>
            <ac:spMk id="7342" creationId="{0A010EBB-9C8C-0231-BA34-78D80B2E8CB8}"/>
          </ac:spMkLst>
        </pc:spChg>
        <pc:spChg chg="mod">
          <ac:chgData name="White, Alex" userId="eff6cc8c-37d8-483b-9c6c-6b27e9afa9bc" providerId="ADAL" clId="{BF04C754-5BF4-4E83-9615-DB14FA25AF8A}" dt="2023-10-12T11:38:08.274" v="295"/>
          <ac:spMkLst>
            <pc:docMk/>
            <pc:sldMk cId="2376958513" sldId="260"/>
            <ac:spMk id="7343" creationId="{A7553F18-0AF6-9723-8CB4-0336DF129487}"/>
          </ac:spMkLst>
        </pc:spChg>
        <pc:spChg chg="mod">
          <ac:chgData name="White, Alex" userId="eff6cc8c-37d8-483b-9c6c-6b27e9afa9bc" providerId="ADAL" clId="{BF04C754-5BF4-4E83-9615-DB14FA25AF8A}" dt="2023-10-12T11:38:08.274" v="295"/>
          <ac:spMkLst>
            <pc:docMk/>
            <pc:sldMk cId="2376958513" sldId="260"/>
            <ac:spMk id="7344" creationId="{EE55AFB3-32DC-7737-37C5-0AFA3163CF8F}"/>
          </ac:spMkLst>
        </pc:spChg>
        <pc:spChg chg="mod">
          <ac:chgData name="White, Alex" userId="eff6cc8c-37d8-483b-9c6c-6b27e9afa9bc" providerId="ADAL" clId="{BF04C754-5BF4-4E83-9615-DB14FA25AF8A}" dt="2023-10-12T11:38:08.274" v="295"/>
          <ac:spMkLst>
            <pc:docMk/>
            <pc:sldMk cId="2376958513" sldId="260"/>
            <ac:spMk id="7345" creationId="{E75512D1-AC25-F3C5-9F54-C278175BC0A2}"/>
          </ac:spMkLst>
        </pc:spChg>
        <pc:spChg chg="mod">
          <ac:chgData name="White, Alex" userId="eff6cc8c-37d8-483b-9c6c-6b27e9afa9bc" providerId="ADAL" clId="{BF04C754-5BF4-4E83-9615-DB14FA25AF8A}" dt="2023-10-12T11:38:08.274" v="295"/>
          <ac:spMkLst>
            <pc:docMk/>
            <pc:sldMk cId="2376958513" sldId="260"/>
            <ac:spMk id="7346" creationId="{14231C2B-3A37-E9D5-57E9-24505303FE90}"/>
          </ac:spMkLst>
        </pc:spChg>
        <pc:spChg chg="mod">
          <ac:chgData name="White, Alex" userId="eff6cc8c-37d8-483b-9c6c-6b27e9afa9bc" providerId="ADAL" clId="{BF04C754-5BF4-4E83-9615-DB14FA25AF8A}" dt="2023-10-12T11:38:08.274" v="295"/>
          <ac:spMkLst>
            <pc:docMk/>
            <pc:sldMk cId="2376958513" sldId="260"/>
            <ac:spMk id="7347" creationId="{A12C4F15-65CE-0ABE-A8CA-88348A300166}"/>
          </ac:spMkLst>
        </pc:spChg>
        <pc:spChg chg="mod">
          <ac:chgData name="White, Alex" userId="eff6cc8c-37d8-483b-9c6c-6b27e9afa9bc" providerId="ADAL" clId="{BF04C754-5BF4-4E83-9615-DB14FA25AF8A}" dt="2023-10-12T11:38:08.274" v="295"/>
          <ac:spMkLst>
            <pc:docMk/>
            <pc:sldMk cId="2376958513" sldId="260"/>
            <ac:spMk id="7348" creationId="{390B27E9-7D63-2970-EB6F-EA30086D47F3}"/>
          </ac:spMkLst>
        </pc:spChg>
        <pc:spChg chg="mod">
          <ac:chgData name="White, Alex" userId="eff6cc8c-37d8-483b-9c6c-6b27e9afa9bc" providerId="ADAL" clId="{BF04C754-5BF4-4E83-9615-DB14FA25AF8A}" dt="2023-10-12T11:38:08.274" v="295"/>
          <ac:spMkLst>
            <pc:docMk/>
            <pc:sldMk cId="2376958513" sldId="260"/>
            <ac:spMk id="7349" creationId="{557C38DB-F343-A2A4-9CEA-7BDF65AA284C}"/>
          </ac:spMkLst>
        </pc:spChg>
        <pc:spChg chg="mod">
          <ac:chgData name="White, Alex" userId="eff6cc8c-37d8-483b-9c6c-6b27e9afa9bc" providerId="ADAL" clId="{BF04C754-5BF4-4E83-9615-DB14FA25AF8A}" dt="2023-10-12T11:38:08.274" v="295"/>
          <ac:spMkLst>
            <pc:docMk/>
            <pc:sldMk cId="2376958513" sldId="260"/>
            <ac:spMk id="7350" creationId="{0D7E3E56-43A8-A2C2-C7BB-05A3E1B8E156}"/>
          </ac:spMkLst>
        </pc:spChg>
        <pc:spChg chg="mod">
          <ac:chgData name="White, Alex" userId="eff6cc8c-37d8-483b-9c6c-6b27e9afa9bc" providerId="ADAL" clId="{BF04C754-5BF4-4E83-9615-DB14FA25AF8A}" dt="2023-10-12T11:38:08.274" v="295"/>
          <ac:spMkLst>
            <pc:docMk/>
            <pc:sldMk cId="2376958513" sldId="260"/>
            <ac:spMk id="7351" creationId="{5C225C55-2575-3A43-97A1-9E2F3B619AF5}"/>
          </ac:spMkLst>
        </pc:spChg>
        <pc:spChg chg="mod">
          <ac:chgData name="White, Alex" userId="eff6cc8c-37d8-483b-9c6c-6b27e9afa9bc" providerId="ADAL" clId="{BF04C754-5BF4-4E83-9615-DB14FA25AF8A}" dt="2023-10-12T11:38:08.274" v="295"/>
          <ac:spMkLst>
            <pc:docMk/>
            <pc:sldMk cId="2376958513" sldId="260"/>
            <ac:spMk id="7352" creationId="{4C06A0E3-0E2D-6F44-DAA2-C73647A84D99}"/>
          </ac:spMkLst>
        </pc:spChg>
        <pc:spChg chg="mod">
          <ac:chgData name="White, Alex" userId="eff6cc8c-37d8-483b-9c6c-6b27e9afa9bc" providerId="ADAL" clId="{BF04C754-5BF4-4E83-9615-DB14FA25AF8A}" dt="2023-10-12T11:38:08.274" v="295"/>
          <ac:spMkLst>
            <pc:docMk/>
            <pc:sldMk cId="2376958513" sldId="260"/>
            <ac:spMk id="7353" creationId="{E4AD1763-2185-5956-D33F-9CC17784A209}"/>
          </ac:spMkLst>
        </pc:spChg>
        <pc:spChg chg="mod">
          <ac:chgData name="White, Alex" userId="eff6cc8c-37d8-483b-9c6c-6b27e9afa9bc" providerId="ADAL" clId="{BF04C754-5BF4-4E83-9615-DB14FA25AF8A}" dt="2023-10-12T11:38:08.274" v="295"/>
          <ac:spMkLst>
            <pc:docMk/>
            <pc:sldMk cId="2376958513" sldId="260"/>
            <ac:spMk id="7354" creationId="{357622FD-25CB-41CB-A774-EE86673E5939}"/>
          </ac:spMkLst>
        </pc:spChg>
        <pc:spChg chg="mod">
          <ac:chgData name="White, Alex" userId="eff6cc8c-37d8-483b-9c6c-6b27e9afa9bc" providerId="ADAL" clId="{BF04C754-5BF4-4E83-9615-DB14FA25AF8A}" dt="2023-10-12T11:38:08.274" v="295"/>
          <ac:spMkLst>
            <pc:docMk/>
            <pc:sldMk cId="2376958513" sldId="260"/>
            <ac:spMk id="7355" creationId="{FF3756C8-343C-EA85-B6EF-FE7E6ACCEEDD}"/>
          </ac:spMkLst>
        </pc:spChg>
        <pc:spChg chg="mod">
          <ac:chgData name="White, Alex" userId="eff6cc8c-37d8-483b-9c6c-6b27e9afa9bc" providerId="ADAL" clId="{BF04C754-5BF4-4E83-9615-DB14FA25AF8A}" dt="2023-10-12T11:38:08.274" v="295"/>
          <ac:spMkLst>
            <pc:docMk/>
            <pc:sldMk cId="2376958513" sldId="260"/>
            <ac:spMk id="7356" creationId="{B3589737-96B3-1BE1-D6D3-50D3B8C2E2D5}"/>
          </ac:spMkLst>
        </pc:spChg>
        <pc:spChg chg="mod">
          <ac:chgData name="White, Alex" userId="eff6cc8c-37d8-483b-9c6c-6b27e9afa9bc" providerId="ADAL" clId="{BF04C754-5BF4-4E83-9615-DB14FA25AF8A}" dt="2023-10-12T11:38:08.274" v="295"/>
          <ac:spMkLst>
            <pc:docMk/>
            <pc:sldMk cId="2376958513" sldId="260"/>
            <ac:spMk id="7357" creationId="{5A00E7C8-50DA-3A53-C6CB-833DB9E796C5}"/>
          </ac:spMkLst>
        </pc:spChg>
        <pc:spChg chg="mod">
          <ac:chgData name="White, Alex" userId="eff6cc8c-37d8-483b-9c6c-6b27e9afa9bc" providerId="ADAL" clId="{BF04C754-5BF4-4E83-9615-DB14FA25AF8A}" dt="2023-10-12T11:38:08.274" v="295"/>
          <ac:spMkLst>
            <pc:docMk/>
            <pc:sldMk cId="2376958513" sldId="260"/>
            <ac:spMk id="7358" creationId="{97B3B46E-9B83-B897-7B34-C2832DC817C1}"/>
          </ac:spMkLst>
        </pc:spChg>
        <pc:spChg chg="mod">
          <ac:chgData name="White, Alex" userId="eff6cc8c-37d8-483b-9c6c-6b27e9afa9bc" providerId="ADAL" clId="{BF04C754-5BF4-4E83-9615-DB14FA25AF8A}" dt="2023-10-12T11:38:08.274" v="295"/>
          <ac:spMkLst>
            <pc:docMk/>
            <pc:sldMk cId="2376958513" sldId="260"/>
            <ac:spMk id="7359" creationId="{617ED052-D27D-06F8-891A-EEA90812A8C2}"/>
          </ac:spMkLst>
        </pc:spChg>
        <pc:spChg chg="mod">
          <ac:chgData name="White, Alex" userId="eff6cc8c-37d8-483b-9c6c-6b27e9afa9bc" providerId="ADAL" clId="{BF04C754-5BF4-4E83-9615-DB14FA25AF8A}" dt="2023-10-12T11:38:08.274" v="295"/>
          <ac:spMkLst>
            <pc:docMk/>
            <pc:sldMk cId="2376958513" sldId="260"/>
            <ac:spMk id="7360" creationId="{7A6994C5-EE41-6FB3-AD50-7838818107E8}"/>
          </ac:spMkLst>
        </pc:spChg>
        <pc:spChg chg="mod">
          <ac:chgData name="White, Alex" userId="eff6cc8c-37d8-483b-9c6c-6b27e9afa9bc" providerId="ADAL" clId="{BF04C754-5BF4-4E83-9615-DB14FA25AF8A}" dt="2023-10-12T11:38:08.274" v="295"/>
          <ac:spMkLst>
            <pc:docMk/>
            <pc:sldMk cId="2376958513" sldId="260"/>
            <ac:spMk id="7361" creationId="{2C433362-8299-6F4D-46CB-9A8E16F532EF}"/>
          </ac:spMkLst>
        </pc:spChg>
        <pc:spChg chg="mod">
          <ac:chgData name="White, Alex" userId="eff6cc8c-37d8-483b-9c6c-6b27e9afa9bc" providerId="ADAL" clId="{BF04C754-5BF4-4E83-9615-DB14FA25AF8A}" dt="2023-10-12T11:38:08.274" v="295"/>
          <ac:spMkLst>
            <pc:docMk/>
            <pc:sldMk cId="2376958513" sldId="260"/>
            <ac:spMk id="7362" creationId="{D762A147-0F6F-6869-BF56-2515015E630B}"/>
          </ac:spMkLst>
        </pc:spChg>
        <pc:spChg chg="mod">
          <ac:chgData name="White, Alex" userId="eff6cc8c-37d8-483b-9c6c-6b27e9afa9bc" providerId="ADAL" clId="{BF04C754-5BF4-4E83-9615-DB14FA25AF8A}" dt="2023-10-12T11:38:08.274" v="295"/>
          <ac:spMkLst>
            <pc:docMk/>
            <pc:sldMk cId="2376958513" sldId="260"/>
            <ac:spMk id="7363" creationId="{2855AD10-2504-ED89-D990-E7FCB849884C}"/>
          </ac:spMkLst>
        </pc:spChg>
        <pc:spChg chg="mod">
          <ac:chgData name="White, Alex" userId="eff6cc8c-37d8-483b-9c6c-6b27e9afa9bc" providerId="ADAL" clId="{BF04C754-5BF4-4E83-9615-DB14FA25AF8A}" dt="2023-10-12T11:38:08.274" v="295"/>
          <ac:spMkLst>
            <pc:docMk/>
            <pc:sldMk cId="2376958513" sldId="260"/>
            <ac:spMk id="7364" creationId="{886BF18A-E6F4-5C56-69F7-C0F5B445096B}"/>
          </ac:spMkLst>
        </pc:spChg>
        <pc:spChg chg="mod">
          <ac:chgData name="White, Alex" userId="eff6cc8c-37d8-483b-9c6c-6b27e9afa9bc" providerId="ADAL" clId="{BF04C754-5BF4-4E83-9615-DB14FA25AF8A}" dt="2023-10-12T11:38:08.274" v="295"/>
          <ac:spMkLst>
            <pc:docMk/>
            <pc:sldMk cId="2376958513" sldId="260"/>
            <ac:spMk id="7365" creationId="{A5F178E3-392A-57DD-0D3F-92D349B58345}"/>
          </ac:spMkLst>
        </pc:spChg>
        <pc:spChg chg="mod">
          <ac:chgData name="White, Alex" userId="eff6cc8c-37d8-483b-9c6c-6b27e9afa9bc" providerId="ADAL" clId="{BF04C754-5BF4-4E83-9615-DB14FA25AF8A}" dt="2023-10-12T11:38:08.274" v="295"/>
          <ac:spMkLst>
            <pc:docMk/>
            <pc:sldMk cId="2376958513" sldId="260"/>
            <ac:spMk id="7366" creationId="{ED74CBB2-F78C-D89A-4483-AF7DD976A3BF}"/>
          </ac:spMkLst>
        </pc:spChg>
        <pc:spChg chg="mod">
          <ac:chgData name="White, Alex" userId="eff6cc8c-37d8-483b-9c6c-6b27e9afa9bc" providerId="ADAL" clId="{BF04C754-5BF4-4E83-9615-DB14FA25AF8A}" dt="2023-10-12T11:38:08.274" v="295"/>
          <ac:spMkLst>
            <pc:docMk/>
            <pc:sldMk cId="2376958513" sldId="260"/>
            <ac:spMk id="7367" creationId="{CE1AD7AA-5D89-A969-EB09-3FEB9CF58A86}"/>
          </ac:spMkLst>
        </pc:spChg>
        <pc:spChg chg="mod">
          <ac:chgData name="White, Alex" userId="eff6cc8c-37d8-483b-9c6c-6b27e9afa9bc" providerId="ADAL" clId="{BF04C754-5BF4-4E83-9615-DB14FA25AF8A}" dt="2023-10-12T11:38:08.274" v="295"/>
          <ac:spMkLst>
            <pc:docMk/>
            <pc:sldMk cId="2376958513" sldId="260"/>
            <ac:spMk id="7368" creationId="{6E7869C8-3A3C-6B4B-8523-3BE035CB0737}"/>
          </ac:spMkLst>
        </pc:spChg>
        <pc:spChg chg="mod">
          <ac:chgData name="White, Alex" userId="eff6cc8c-37d8-483b-9c6c-6b27e9afa9bc" providerId="ADAL" clId="{BF04C754-5BF4-4E83-9615-DB14FA25AF8A}" dt="2023-10-12T11:38:08.274" v="295"/>
          <ac:spMkLst>
            <pc:docMk/>
            <pc:sldMk cId="2376958513" sldId="260"/>
            <ac:spMk id="7369" creationId="{37697F45-DAF5-8FF7-2C48-D065941FF2DA}"/>
          </ac:spMkLst>
        </pc:spChg>
        <pc:spChg chg="mod">
          <ac:chgData name="White, Alex" userId="eff6cc8c-37d8-483b-9c6c-6b27e9afa9bc" providerId="ADAL" clId="{BF04C754-5BF4-4E83-9615-DB14FA25AF8A}" dt="2023-10-12T11:38:08.274" v="295"/>
          <ac:spMkLst>
            <pc:docMk/>
            <pc:sldMk cId="2376958513" sldId="260"/>
            <ac:spMk id="7370" creationId="{8597F438-1E96-D440-3749-E49CC5EC8823}"/>
          </ac:spMkLst>
        </pc:spChg>
        <pc:spChg chg="mod">
          <ac:chgData name="White, Alex" userId="eff6cc8c-37d8-483b-9c6c-6b27e9afa9bc" providerId="ADAL" clId="{BF04C754-5BF4-4E83-9615-DB14FA25AF8A}" dt="2023-10-12T11:38:08.274" v="295"/>
          <ac:spMkLst>
            <pc:docMk/>
            <pc:sldMk cId="2376958513" sldId="260"/>
            <ac:spMk id="7371" creationId="{17225B15-CEB0-B224-1DE5-4843669BCE0C}"/>
          </ac:spMkLst>
        </pc:spChg>
        <pc:spChg chg="mod">
          <ac:chgData name="White, Alex" userId="eff6cc8c-37d8-483b-9c6c-6b27e9afa9bc" providerId="ADAL" clId="{BF04C754-5BF4-4E83-9615-DB14FA25AF8A}" dt="2023-10-12T11:38:08.274" v="295"/>
          <ac:spMkLst>
            <pc:docMk/>
            <pc:sldMk cId="2376958513" sldId="260"/>
            <ac:spMk id="7372" creationId="{F4D04095-106E-9763-EF8D-17C615388173}"/>
          </ac:spMkLst>
        </pc:spChg>
        <pc:spChg chg="mod">
          <ac:chgData name="White, Alex" userId="eff6cc8c-37d8-483b-9c6c-6b27e9afa9bc" providerId="ADAL" clId="{BF04C754-5BF4-4E83-9615-DB14FA25AF8A}" dt="2023-10-12T11:38:08.274" v="295"/>
          <ac:spMkLst>
            <pc:docMk/>
            <pc:sldMk cId="2376958513" sldId="260"/>
            <ac:spMk id="7373" creationId="{9A05A531-9082-0D26-F80C-8E0B56CA22A4}"/>
          </ac:spMkLst>
        </pc:spChg>
        <pc:spChg chg="mod">
          <ac:chgData name="White, Alex" userId="eff6cc8c-37d8-483b-9c6c-6b27e9afa9bc" providerId="ADAL" clId="{BF04C754-5BF4-4E83-9615-DB14FA25AF8A}" dt="2023-10-12T11:38:08.274" v="295"/>
          <ac:spMkLst>
            <pc:docMk/>
            <pc:sldMk cId="2376958513" sldId="260"/>
            <ac:spMk id="7374" creationId="{F5B57115-267A-92C7-376F-C453AB5DA913}"/>
          </ac:spMkLst>
        </pc:spChg>
        <pc:spChg chg="mod">
          <ac:chgData name="White, Alex" userId="eff6cc8c-37d8-483b-9c6c-6b27e9afa9bc" providerId="ADAL" clId="{BF04C754-5BF4-4E83-9615-DB14FA25AF8A}" dt="2023-10-12T11:38:08.274" v="295"/>
          <ac:spMkLst>
            <pc:docMk/>
            <pc:sldMk cId="2376958513" sldId="260"/>
            <ac:spMk id="7375" creationId="{5ADBFAB1-5616-0688-A8B3-C098D2D8ABD2}"/>
          </ac:spMkLst>
        </pc:spChg>
        <pc:spChg chg="mod">
          <ac:chgData name="White, Alex" userId="eff6cc8c-37d8-483b-9c6c-6b27e9afa9bc" providerId="ADAL" clId="{BF04C754-5BF4-4E83-9615-DB14FA25AF8A}" dt="2023-10-12T11:38:08.274" v="295"/>
          <ac:spMkLst>
            <pc:docMk/>
            <pc:sldMk cId="2376958513" sldId="260"/>
            <ac:spMk id="7376" creationId="{31D6A683-F1CF-D7F0-0DA5-8806F3BED7F8}"/>
          </ac:spMkLst>
        </pc:spChg>
        <pc:spChg chg="mod">
          <ac:chgData name="White, Alex" userId="eff6cc8c-37d8-483b-9c6c-6b27e9afa9bc" providerId="ADAL" clId="{BF04C754-5BF4-4E83-9615-DB14FA25AF8A}" dt="2023-10-12T11:38:08.274" v="295"/>
          <ac:spMkLst>
            <pc:docMk/>
            <pc:sldMk cId="2376958513" sldId="260"/>
            <ac:spMk id="7377" creationId="{428EDC79-D63B-7BF4-8C64-A6B0C87CF15A}"/>
          </ac:spMkLst>
        </pc:spChg>
        <pc:spChg chg="mod">
          <ac:chgData name="White, Alex" userId="eff6cc8c-37d8-483b-9c6c-6b27e9afa9bc" providerId="ADAL" clId="{BF04C754-5BF4-4E83-9615-DB14FA25AF8A}" dt="2023-10-12T11:38:08.274" v="295"/>
          <ac:spMkLst>
            <pc:docMk/>
            <pc:sldMk cId="2376958513" sldId="260"/>
            <ac:spMk id="7378" creationId="{DA8615E6-FA26-0283-2E4D-318D3FF13D97}"/>
          </ac:spMkLst>
        </pc:spChg>
        <pc:spChg chg="mod">
          <ac:chgData name="White, Alex" userId="eff6cc8c-37d8-483b-9c6c-6b27e9afa9bc" providerId="ADAL" clId="{BF04C754-5BF4-4E83-9615-DB14FA25AF8A}" dt="2023-10-12T11:38:08.274" v="295"/>
          <ac:spMkLst>
            <pc:docMk/>
            <pc:sldMk cId="2376958513" sldId="260"/>
            <ac:spMk id="7379" creationId="{1E59008F-E480-E1C6-FBDA-2506A6BD583A}"/>
          </ac:spMkLst>
        </pc:spChg>
        <pc:spChg chg="mod">
          <ac:chgData name="White, Alex" userId="eff6cc8c-37d8-483b-9c6c-6b27e9afa9bc" providerId="ADAL" clId="{BF04C754-5BF4-4E83-9615-DB14FA25AF8A}" dt="2023-10-12T11:38:08.274" v="295"/>
          <ac:spMkLst>
            <pc:docMk/>
            <pc:sldMk cId="2376958513" sldId="260"/>
            <ac:spMk id="7380" creationId="{B45F2AF7-F7B0-3EE1-CF55-5A927A49B6D2}"/>
          </ac:spMkLst>
        </pc:spChg>
        <pc:spChg chg="mod">
          <ac:chgData name="White, Alex" userId="eff6cc8c-37d8-483b-9c6c-6b27e9afa9bc" providerId="ADAL" clId="{BF04C754-5BF4-4E83-9615-DB14FA25AF8A}" dt="2023-10-12T11:38:08.274" v="295"/>
          <ac:spMkLst>
            <pc:docMk/>
            <pc:sldMk cId="2376958513" sldId="260"/>
            <ac:spMk id="7381" creationId="{125C64C2-7FAA-97CA-5725-BE26A6B7890A}"/>
          </ac:spMkLst>
        </pc:spChg>
        <pc:spChg chg="mod">
          <ac:chgData name="White, Alex" userId="eff6cc8c-37d8-483b-9c6c-6b27e9afa9bc" providerId="ADAL" clId="{BF04C754-5BF4-4E83-9615-DB14FA25AF8A}" dt="2023-10-12T11:38:08.274" v="295"/>
          <ac:spMkLst>
            <pc:docMk/>
            <pc:sldMk cId="2376958513" sldId="260"/>
            <ac:spMk id="7382" creationId="{548C0BC7-6BFA-897F-FE35-7F7E3E6B6A29}"/>
          </ac:spMkLst>
        </pc:spChg>
        <pc:spChg chg="mod">
          <ac:chgData name="White, Alex" userId="eff6cc8c-37d8-483b-9c6c-6b27e9afa9bc" providerId="ADAL" clId="{BF04C754-5BF4-4E83-9615-DB14FA25AF8A}" dt="2023-10-12T11:38:08.274" v="295"/>
          <ac:spMkLst>
            <pc:docMk/>
            <pc:sldMk cId="2376958513" sldId="260"/>
            <ac:spMk id="7383" creationId="{94CAEB0C-B2E0-B141-B884-EC9DE854F47F}"/>
          </ac:spMkLst>
        </pc:spChg>
        <pc:spChg chg="mod">
          <ac:chgData name="White, Alex" userId="eff6cc8c-37d8-483b-9c6c-6b27e9afa9bc" providerId="ADAL" clId="{BF04C754-5BF4-4E83-9615-DB14FA25AF8A}" dt="2023-10-12T11:38:08.274" v="295"/>
          <ac:spMkLst>
            <pc:docMk/>
            <pc:sldMk cId="2376958513" sldId="260"/>
            <ac:spMk id="7384" creationId="{092D9012-98CE-54FD-64F9-0CF9D41C9AFB}"/>
          </ac:spMkLst>
        </pc:spChg>
        <pc:spChg chg="mod">
          <ac:chgData name="White, Alex" userId="eff6cc8c-37d8-483b-9c6c-6b27e9afa9bc" providerId="ADAL" clId="{BF04C754-5BF4-4E83-9615-DB14FA25AF8A}" dt="2023-10-12T11:38:08.274" v="295"/>
          <ac:spMkLst>
            <pc:docMk/>
            <pc:sldMk cId="2376958513" sldId="260"/>
            <ac:spMk id="7385" creationId="{E60B42D6-218A-C565-0997-A9AF7F8F683F}"/>
          </ac:spMkLst>
        </pc:spChg>
        <pc:spChg chg="mod">
          <ac:chgData name="White, Alex" userId="eff6cc8c-37d8-483b-9c6c-6b27e9afa9bc" providerId="ADAL" clId="{BF04C754-5BF4-4E83-9615-DB14FA25AF8A}" dt="2023-10-12T11:38:08.274" v="295"/>
          <ac:spMkLst>
            <pc:docMk/>
            <pc:sldMk cId="2376958513" sldId="260"/>
            <ac:spMk id="7386" creationId="{92D787FB-49A2-9E67-E726-245B578B7920}"/>
          </ac:spMkLst>
        </pc:spChg>
        <pc:spChg chg="mod">
          <ac:chgData name="White, Alex" userId="eff6cc8c-37d8-483b-9c6c-6b27e9afa9bc" providerId="ADAL" clId="{BF04C754-5BF4-4E83-9615-DB14FA25AF8A}" dt="2023-10-12T11:38:08.274" v="295"/>
          <ac:spMkLst>
            <pc:docMk/>
            <pc:sldMk cId="2376958513" sldId="260"/>
            <ac:spMk id="7387" creationId="{108E070C-5ED2-0315-D4A9-DC398FC03DEF}"/>
          </ac:spMkLst>
        </pc:spChg>
        <pc:spChg chg="mod">
          <ac:chgData name="White, Alex" userId="eff6cc8c-37d8-483b-9c6c-6b27e9afa9bc" providerId="ADAL" clId="{BF04C754-5BF4-4E83-9615-DB14FA25AF8A}" dt="2023-10-12T11:38:08.274" v="295"/>
          <ac:spMkLst>
            <pc:docMk/>
            <pc:sldMk cId="2376958513" sldId="260"/>
            <ac:spMk id="7388" creationId="{8556EC82-A979-B3FA-0E44-D8747D8C98EC}"/>
          </ac:spMkLst>
        </pc:spChg>
        <pc:spChg chg="mod">
          <ac:chgData name="White, Alex" userId="eff6cc8c-37d8-483b-9c6c-6b27e9afa9bc" providerId="ADAL" clId="{BF04C754-5BF4-4E83-9615-DB14FA25AF8A}" dt="2023-10-12T11:38:08.274" v="295"/>
          <ac:spMkLst>
            <pc:docMk/>
            <pc:sldMk cId="2376958513" sldId="260"/>
            <ac:spMk id="7389" creationId="{B2A0BCFF-37E4-E638-0D14-9FC2D76C3091}"/>
          </ac:spMkLst>
        </pc:spChg>
        <pc:spChg chg="mod">
          <ac:chgData name="White, Alex" userId="eff6cc8c-37d8-483b-9c6c-6b27e9afa9bc" providerId="ADAL" clId="{BF04C754-5BF4-4E83-9615-DB14FA25AF8A}" dt="2023-10-12T11:38:08.274" v="295"/>
          <ac:spMkLst>
            <pc:docMk/>
            <pc:sldMk cId="2376958513" sldId="260"/>
            <ac:spMk id="7390" creationId="{A0EBCB82-6C37-BDD7-6897-8CEBDEA0310D}"/>
          </ac:spMkLst>
        </pc:spChg>
        <pc:spChg chg="mod">
          <ac:chgData name="White, Alex" userId="eff6cc8c-37d8-483b-9c6c-6b27e9afa9bc" providerId="ADAL" clId="{BF04C754-5BF4-4E83-9615-DB14FA25AF8A}" dt="2023-10-12T11:38:08.274" v="295"/>
          <ac:spMkLst>
            <pc:docMk/>
            <pc:sldMk cId="2376958513" sldId="260"/>
            <ac:spMk id="7391" creationId="{F2A19EEA-6FA5-9D35-25B4-6533B057117F}"/>
          </ac:spMkLst>
        </pc:spChg>
        <pc:spChg chg="mod">
          <ac:chgData name="White, Alex" userId="eff6cc8c-37d8-483b-9c6c-6b27e9afa9bc" providerId="ADAL" clId="{BF04C754-5BF4-4E83-9615-DB14FA25AF8A}" dt="2023-10-12T11:38:08.274" v="295"/>
          <ac:spMkLst>
            <pc:docMk/>
            <pc:sldMk cId="2376958513" sldId="260"/>
            <ac:spMk id="7392" creationId="{58261A86-EB48-68EA-9D3E-B457499F4987}"/>
          </ac:spMkLst>
        </pc:spChg>
        <pc:spChg chg="mod">
          <ac:chgData name="White, Alex" userId="eff6cc8c-37d8-483b-9c6c-6b27e9afa9bc" providerId="ADAL" clId="{BF04C754-5BF4-4E83-9615-DB14FA25AF8A}" dt="2023-10-12T11:38:08.274" v="295"/>
          <ac:spMkLst>
            <pc:docMk/>
            <pc:sldMk cId="2376958513" sldId="260"/>
            <ac:spMk id="7393" creationId="{CD87419F-A49D-6CFA-2FA4-7F113A1A1D8A}"/>
          </ac:spMkLst>
        </pc:spChg>
        <pc:spChg chg="mod">
          <ac:chgData name="White, Alex" userId="eff6cc8c-37d8-483b-9c6c-6b27e9afa9bc" providerId="ADAL" clId="{BF04C754-5BF4-4E83-9615-DB14FA25AF8A}" dt="2023-10-12T11:38:08.274" v="295"/>
          <ac:spMkLst>
            <pc:docMk/>
            <pc:sldMk cId="2376958513" sldId="260"/>
            <ac:spMk id="7394" creationId="{D928059B-AB27-0E96-86A3-EAECC0DC22B3}"/>
          </ac:spMkLst>
        </pc:spChg>
        <pc:spChg chg="mod">
          <ac:chgData name="White, Alex" userId="eff6cc8c-37d8-483b-9c6c-6b27e9afa9bc" providerId="ADAL" clId="{BF04C754-5BF4-4E83-9615-DB14FA25AF8A}" dt="2023-10-12T11:38:08.274" v="295"/>
          <ac:spMkLst>
            <pc:docMk/>
            <pc:sldMk cId="2376958513" sldId="260"/>
            <ac:spMk id="7395" creationId="{7D53641F-8C57-9C9E-DF04-5113C3D204E0}"/>
          </ac:spMkLst>
        </pc:spChg>
        <pc:spChg chg="mod">
          <ac:chgData name="White, Alex" userId="eff6cc8c-37d8-483b-9c6c-6b27e9afa9bc" providerId="ADAL" clId="{BF04C754-5BF4-4E83-9615-DB14FA25AF8A}" dt="2023-10-12T11:38:08.274" v="295"/>
          <ac:spMkLst>
            <pc:docMk/>
            <pc:sldMk cId="2376958513" sldId="260"/>
            <ac:spMk id="7396" creationId="{BEAD6EA8-7584-75FF-18AC-1AECC86AF478}"/>
          </ac:spMkLst>
        </pc:spChg>
        <pc:spChg chg="mod">
          <ac:chgData name="White, Alex" userId="eff6cc8c-37d8-483b-9c6c-6b27e9afa9bc" providerId="ADAL" clId="{BF04C754-5BF4-4E83-9615-DB14FA25AF8A}" dt="2023-10-12T11:38:08.274" v="295"/>
          <ac:spMkLst>
            <pc:docMk/>
            <pc:sldMk cId="2376958513" sldId="260"/>
            <ac:spMk id="7397" creationId="{44FC1D36-541F-5149-0A73-D403A0D436CC}"/>
          </ac:spMkLst>
        </pc:spChg>
        <pc:spChg chg="mod">
          <ac:chgData name="White, Alex" userId="eff6cc8c-37d8-483b-9c6c-6b27e9afa9bc" providerId="ADAL" clId="{BF04C754-5BF4-4E83-9615-DB14FA25AF8A}" dt="2023-10-12T11:38:08.274" v="295"/>
          <ac:spMkLst>
            <pc:docMk/>
            <pc:sldMk cId="2376958513" sldId="260"/>
            <ac:spMk id="7398" creationId="{61ABA9CB-6239-3029-C84F-0A862CAF4981}"/>
          </ac:spMkLst>
        </pc:spChg>
        <pc:spChg chg="mod">
          <ac:chgData name="White, Alex" userId="eff6cc8c-37d8-483b-9c6c-6b27e9afa9bc" providerId="ADAL" clId="{BF04C754-5BF4-4E83-9615-DB14FA25AF8A}" dt="2023-10-12T11:38:08.274" v="295"/>
          <ac:spMkLst>
            <pc:docMk/>
            <pc:sldMk cId="2376958513" sldId="260"/>
            <ac:spMk id="7399" creationId="{FA4F7C3C-1D9B-2696-906F-68662AB4E458}"/>
          </ac:spMkLst>
        </pc:spChg>
        <pc:spChg chg="mod">
          <ac:chgData name="White, Alex" userId="eff6cc8c-37d8-483b-9c6c-6b27e9afa9bc" providerId="ADAL" clId="{BF04C754-5BF4-4E83-9615-DB14FA25AF8A}" dt="2023-10-12T11:38:08.274" v="295"/>
          <ac:spMkLst>
            <pc:docMk/>
            <pc:sldMk cId="2376958513" sldId="260"/>
            <ac:spMk id="7400" creationId="{4B584888-A591-1814-82A9-E40915A7BD1E}"/>
          </ac:spMkLst>
        </pc:spChg>
        <pc:spChg chg="mod">
          <ac:chgData name="White, Alex" userId="eff6cc8c-37d8-483b-9c6c-6b27e9afa9bc" providerId="ADAL" clId="{BF04C754-5BF4-4E83-9615-DB14FA25AF8A}" dt="2023-10-12T11:38:08.274" v="295"/>
          <ac:spMkLst>
            <pc:docMk/>
            <pc:sldMk cId="2376958513" sldId="260"/>
            <ac:spMk id="7401" creationId="{FF142D75-3E70-93B9-A9B4-9B36B6971416}"/>
          </ac:spMkLst>
        </pc:spChg>
        <pc:spChg chg="mod">
          <ac:chgData name="White, Alex" userId="eff6cc8c-37d8-483b-9c6c-6b27e9afa9bc" providerId="ADAL" clId="{BF04C754-5BF4-4E83-9615-DB14FA25AF8A}" dt="2023-10-12T11:38:08.274" v="295"/>
          <ac:spMkLst>
            <pc:docMk/>
            <pc:sldMk cId="2376958513" sldId="260"/>
            <ac:spMk id="7402" creationId="{F2020EB8-B493-4594-5CDC-F3403B7A278C}"/>
          </ac:spMkLst>
        </pc:spChg>
        <pc:spChg chg="mod">
          <ac:chgData name="White, Alex" userId="eff6cc8c-37d8-483b-9c6c-6b27e9afa9bc" providerId="ADAL" clId="{BF04C754-5BF4-4E83-9615-DB14FA25AF8A}" dt="2023-10-12T11:38:08.274" v="295"/>
          <ac:spMkLst>
            <pc:docMk/>
            <pc:sldMk cId="2376958513" sldId="260"/>
            <ac:spMk id="7403" creationId="{40D4D4B1-0CCE-5FF5-8F7E-CD67C91E6B34}"/>
          </ac:spMkLst>
        </pc:spChg>
        <pc:spChg chg="mod">
          <ac:chgData name="White, Alex" userId="eff6cc8c-37d8-483b-9c6c-6b27e9afa9bc" providerId="ADAL" clId="{BF04C754-5BF4-4E83-9615-DB14FA25AF8A}" dt="2023-10-12T11:38:08.274" v="295"/>
          <ac:spMkLst>
            <pc:docMk/>
            <pc:sldMk cId="2376958513" sldId="260"/>
            <ac:spMk id="7404" creationId="{3EBC486E-F906-F68F-F7C5-49BCA49F8426}"/>
          </ac:spMkLst>
        </pc:spChg>
        <pc:spChg chg="mod">
          <ac:chgData name="White, Alex" userId="eff6cc8c-37d8-483b-9c6c-6b27e9afa9bc" providerId="ADAL" clId="{BF04C754-5BF4-4E83-9615-DB14FA25AF8A}" dt="2023-10-12T11:38:08.274" v="295"/>
          <ac:spMkLst>
            <pc:docMk/>
            <pc:sldMk cId="2376958513" sldId="260"/>
            <ac:spMk id="7405" creationId="{748D23B1-037F-27C6-D420-636B2EE0B162}"/>
          </ac:spMkLst>
        </pc:spChg>
        <pc:spChg chg="mod">
          <ac:chgData name="White, Alex" userId="eff6cc8c-37d8-483b-9c6c-6b27e9afa9bc" providerId="ADAL" clId="{BF04C754-5BF4-4E83-9615-DB14FA25AF8A}" dt="2023-10-12T11:38:08.274" v="295"/>
          <ac:spMkLst>
            <pc:docMk/>
            <pc:sldMk cId="2376958513" sldId="260"/>
            <ac:spMk id="7406" creationId="{F26DE12E-561A-413D-0222-AD833CB58F5D}"/>
          </ac:spMkLst>
        </pc:spChg>
        <pc:spChg chg="mod">
          <ac:chgData name="White, Alex" userId="eff6cc8c-37d8-483b-9c6c-6b27e9afa9bc" providerId="ADAL" clId="{BF04C754-5BF4-4E83-9615-DB14FA25AF8A}" dt="2023-10-12T11:38:08.274" v="295"/>
          <ac:spMkLst>
            <pc:docMk/>
            <pc:sldMk cId="2376958513" sldId="260"/>
            <ac:spMk id="7407" creationId="{957606D3-5336-5785-595F-11EEF68BC014}"/>
          </ac:spMkLst>
        </pc:spChg>
        <pc:spChg chg="mod">
          <ac:chgData name="White, Alex" userId="eff6cc8c-37d8-483b-9c6c-6b27e9afa9bc" providerId="ADAL" clId="{BF04C754-5BF4-4E83-9615-DB14FA25AF8A}" dt="2023-10-12T11:38:08.274" v="295"/>
          <ac:spMkLst>
            <pc:docMk/>
            <pc:sldMk cId="2376958513" sldId="260"/>
            <ac:spMk id="7408" creationId="{5447D2C7-A354-0650-F40A-FD77C0CFE134}"/>
          </ac:spMkLst>
        </pc:spChg>
        <pc:spChg chg="mod">
          <ac:chgData name="White, Alex" userId="eff6cc8c-37d8-483b-9c6c-6b27e9afa9bc" providerId="ADAL" clId="{BF04C754-5BF4-4E83-9615-DB14FA25AF8A}" dt="2023-10-12T11:38:08.274" v="295"/>
          <ac:spMkLst>
            <pc:docMk/>
            <pc:sldMk cId="2376958513" sldId="260"/>
            <ac:spMk id="7409" creationId="{56B34045-6E58-F752-8ADD-3985E5DF4EE8}"/>
          </ac:spMkLst>
        </pc:spChg>
        <pc:spChg chg="mod">
          <ac:chgData name="White, Alex" userId="eff6cc8c-37d8-483b-9c6c-6b27e9afa9bc" providerId="ADAL" clId="{BF04C754-5BF4-4E83-9615-DB14FA25AF8A}" dt="2023-10-12T11:38:08.274" v="295"/>
          <ac:spMkLst>
            <pc:docMk/>
            <pc:sldMk cId="2376958513" sldId="260"/>
            <ac:spMk id="7410" creationId="{D4159F5D-9925-50F6-21FA-6C32820B987C}"/>
          </ac:spMkLst>
        </pc:spChg>
        <pc:spChg chg="mod">
          <ac:chgData name="White, Alex" userId="eff6cc8c-37d8-483b-9c6c-6b27e9afa9bc" providerId="ADAL" clId="{BF04C754-5BF4-4E83-9615-DB14FA25AF8A}" dt="2023-10-12T11:38:08.274" v="295"/>
          <ac:spMkLst>
            <pc:docMk/>
            <pc:sldMk cId="2376958513" sldId="260"/>
            <ac:spMk id="7411" creationId="{371E6B9E-0F23-0627-39B8-401B1DDF76A8}"/>
          </ac:spMkLst>
        </pc:spChg>
        <pc:spChg chg="mod">
          <ac:chgData name="White, Alex" userId="eff6cc8c-37d8-483b-9c6c-6b27e9afa9bc" providerId="ADAL" clId="{BF04C754-5BF4-4E83-9615-DB14FA25AF8A}" dt="2023-10-12T11:38:08.274" v="295"/>
          <ac:spMkLst>
            <pc:docMk/>
            <pc:sldMk cId="2376958513" sldId="260"/>
            <ac:spMk id="7412" creationId="{D3E0882E-B5E8-8124-C737-4ABA97DDEAAF}"/>
          </ac:spMkLst>
        </pc:spChg>
        <pc:spChg chg="mod">
          <ac:chgData name="White, Alex" userId="eff6cc8c-37d8-483b-9c6c-6b27e9afa9bc" providerId="ADAL" clId="{BF04C754-5BF4-4E83-9615-DB14FA25AF8A}" dt="2023-10-12T11:38:08.274" v="295"/>
          <ac:spMkLst>
            <pc:docMk/>
            <pc:sldMk cId="2376958513" sldId="260"/>
            <ac:spMk id="7413" creationId="{EE297F56-E78A-AEF3-AB9C-60C30284BD71}"/>
          </ac:spMkLst>
        </pc:spChg>
        <pc:spChg chg="mod">
          <ac:chgData name="White, Alex" userId="eff6cc8c-37d8-483b-9c6c-6b27e9afa9bc" providerId="ADAL" clId="{BF04C754-5BF4-4E83-9615-DB14FA25AF8A}" dt="2023-10-12T11:38:08.274" v="295"/>
          <ac:spMkLst>
            <pc:docMk/>
            <pc:sldMk cId="2376958513" sldId="260"/>
            <ac:spMk id="7414" creationId="{BAA8C4BC-7A6C-E887-F4D1-3FB3F48F2907}"/>
          </ac:spMkLst>
        </pc:spChg>
        <pc:spChg chg="mod">
          <ac:chgData name="White, Alex" userId="eff6cc8c-37d8-483b-9c6c-6b27e9afa9bc" providerId="ADAL" clId="{BF04C754-5BF4-4E83-9615-DB14FA25AF8A}" dt="2023-10-12T11:38:08.274" v="295"/>
          <ac:spMkLst>
            <pc:docMk/>
            <pc:sldMk cId="2376958513" sldId="260"/>
            <ac:spMk id="7415" creationId="{ED6C4A21-4788-4A27-B719-B28CB0E93D49}"/>
          </ac:spMkLst>
        </pc:spChg>
        <pc:spChg chg="mod">
          <ac:chgData name="White, Alex" userId="eff6cc8c-37d8-483b-9c6c-6b27e9afa9bc" providerId="ADAL" clId="{BF04C754-5BF4-4E83-9615-DB14FA25AF8A}" dt="2023-10-12T11:38:08.274" v="295"/>
          <ac:spMkLst>
            <pc:docMk/>
            <pc:sldMk cId="2376958513" sldId="260"/>
            <ac:spMk id="7416" creationId="{1351B2DB-449A-AA39-6609-B9576F913DD7}"/>
          </ac:spMkLst>
        </pc:spChg>
        <pc:spChg chg="mod">
          <ac:chgData name="White, Alex" userId="eff6cc8c-37d8-483b-9c6c-6b27e9afa9bc" providerId="ADAL" clId="{BF04C754-5BF4-4E83-9615-DB14FA25AF8A}" dt="2023-10-12T11:38:08.274" v="295"/>
          <ac:spMkLst>
            <pc:docMk/>
            <pc:sldMk cId="2376958513" sldId="260"/>
            <ac:spMk id="7417" creationId="{58C60D37-961B-5CA6-6261-BC1F9FA5805D}"/>
          </ac:spMkLst>
        </pc:spChg>
        <pc:spChg chg="mod">
          <ac:chgData name="White, Alex" userId="eff6cc8c-37d8-483b-9c6c-6b27e9afa9bc" providerId="ADAL" clId="{BF04C754-5BF4-4E83-9615-DB14FA25AF8A}" dt="2023-10-12T11:38:08.274" v="295"/>
          <ac:spMkLst>
            <pc:docMk/>
            <pc:sldMk cId="2376958513" sldId="260"/>
            <ac:spMk id="7418" creationId="{7105E26B-CDD5-5D28-B62B-C2AB3CB10ACB}"/>
          </ac:spMkLst>
        </pc:spChg>
        <pc:spChg chg="mod">
          <ac:chgData name="White, Alex" userId="eff6cc8c-37d8-483b-9c6c-6b27e9afa9bc" providerId="ADAL" clId="{BF04C754-5BF4-4E83-9615-DB14FA25AF8A}" dt="2023-10-12T11:38:08.274" v="295"/>
          <ac:spMkLst>
            <pc:docMk/>
            <pc:sldMk cId="2376958513" sldId="260"/>
            <ac:spMk id="7419" creationId="{4B1C3FA2-50A6-D3FB-8705-1587451EFC72}"/>
          </ac:spMkLst>
        </pc:spChg>
        <pc:spChg chg="mod">
          <ac:chgData name="White, Alex" userId="eff6cc8c-37d8-483b-9c6c-6b27e9afa9bc" providerId="ADAL" clId="{BF04C754-5BF4-4E83-9615-DB14FA25AF8A}" dt="2023-10-12T11:38:08.274" v="295"/>
          <ac:spMkLst>
            <pc:docMk/>
            <pc:sldMk cId="2376958513" sldId="260"/>
            <ac:spMk id="7420" creationId="{64947A18-830C-2402-5681-A59262176B14}"/>
          </ac:spMkLst>
        </pc:spChg>
        <pc:spChg chg="mod">
          <ac:chgData name="White, Alex" userId="eff6cc8c-37d8-483b-9c6c-6b27e9afa9bc" providerId="ADAL" clId="{BF04C754-5BF4-4E83-9615-DB14FA25AF8A}" dt="2023-10-12T11:38:08.274" v="295"/>
          <ac:spMkLst>
            <pc:docMk/>
            <pc:sldMk cId="2376958513" sldId="260"/>
            <ac:spMk id="7421" creationId="{39F4F09C-1DD5-8A6E-D188-75D9F724255E}"/>
          </ac:spMkLst>
        </pc:spChg>
        <pc:spChg chg="mod">
          <ac:chgData name="White, Alex" userId="eff6cc8c-37d8-483b-9c6c-6b27e9afa9bc" providerId="ADAL" clId="{BF04C754-5BF4-4E83-9615-DB14FA25AF8A}" dt="2023-10-12T11:38:08.274" v="295"/>
          <ac:spMkLst>
            <pc:docMk/>
            <pc:sldMk cId="2376958513" sldId="260"/>
            <ac:spMk id="7422" creationId="{E1C497E5-4232-FC54-EB0B-9646F61AFC5B}"/>
          </ac:spMkLst>
        </pc:spChg>
        <pc:spChg chg="mod">
          <ac:chgData name="White, Alex" userId="eff6cc8c-37d8-483b-9c6c-6b27e9afa9bc" providerId="ADAL" clId="{BF04C754-5BF4-4E83-9615-DB14FA25AF8A}" dt="2023-10-12T11:38:08.274" v="295"/>
          <ac:spMkLst>
            <pc:docMk/>
            <pc:sldMk cId="2376958513" sldId="260"/>
            <ac:spMk id="7423" creationId="{B8426F7A-C8B3-6EEE-CEE6-E6EA67D91041}"/>
          </ac:spMkLst>
        </pc:spChg>
        <pc:spChg chg="mod">
          <ac:chgData name="White, Alex" userId="eff6cc8c-37d8-483b-9c6c-6b27e9afa9bc" providerId="ADAL" clId="{BF04C754-5BF4-4E83-9615-DB14FA25AF8A}" dt="2023-10-12T11:38:08.274" v="295"/>
          <ac:spMkLst>
            <pc:docMk/>
            <pc:sldMk cId="2376958513" sldId="260"/>
            <ac:spMk id="7424" creationId="{452EDEF0-4B4C-649B-4075-D3D8F54C9D23}"/>
          </ac:spMkLst>
        </pc:spChg>
        <pc:spChg chg="mod">
          <ac:chgData name="White, Alex" userId="eff6cc8c-37d8-483b-9c6c-6b27e9afa9bc" providerId="ADAL" clId="{BF04C754-5BF4-4E83-9615-DB14FA25AF8A}" dt="2023-10-12T11:38:08.274" v="295"/>
          <ac:spMkLst>
            <pc:docMk/>
            <pc:sldMk cId="2376958513" sldId="260"/>
            <ac:spMk id="7425" creationId="{5EE27529-DCD8-CE10-4F5D-98213971C923}"/>
          </ac:spMkLst>
        </pc:spChg>
        <pc:spChg chg="mod">
          <ac:chgData name="White, Alex" userId="eff6cc8c-37d8-483b-9c6c-6b27e9afa9bc" providerId="ADAL" clId="{BF04C754-5BF4-4E83-9615-DB14FA25AF8A}" dt="2023-10-12T11:38:08.274" v="295"/>
          <ac:spMkLst>
            <pc:docMk/>
            <pc:sldMk cId="2376958513" sldId="260"/>
            <ac:spMk id="7426" creationId="{4BB9DF62-33D5-BC71-0BAC-A46944FDD7D6}"/>
          </ac:spMkLst>
        </pc:spChg>
        <pc:spChg chg="mod">
          <ac:chgData name="White, Alex" userId="eff6cc8c-37d8-483b-9c6c-6b27e9afa9bc" providerId="ADAL" clId="{BF04C754-5BF4-4E83-9615-DB14FA25AF8A}" dt="2023-10-12T11:38:08.274" v="295"/>
          <ac:spMkLst>
            <pc:docMk/>
            <pc:sldMk cId="2376958513" sldId="260"/>
            <ac:spMk id="7427" creationId="{D7C390F5-4EAF-0F53-FFB0-300DE4284185}"/>
          </ac:spMkLst>
        </pc:spChg>
        <pc:spChg chg="mod">
          <ac:chgData name="White, Alex" userId="eff6cc8c-37d8-483b-9c6c-6b27e9afa9bc" providerId="ADAL" clId="{BF04C754-5BF4-4E83-9615-DB14FA25AF8A}" dt="2023-10-12T11:38:08.274" v="295"/>
          <ac:spMkLst>
            <pc:docMk/>
            <pc:sldMk cId="2376958513" sldId="260"/>
            <ac:spMk id="7428" creationId="{526D53EE-8F2F-5AE8-089C-C2F05436102C}"/>
          </ac:spMkLst>
        </pc:spChg>
        <pc:spChg chg="mod">
          <ac:chgData name="White, Alex" userId="eff6cc8c-37d8-483b-9c6c-6b27e9afa9bc" providerId="ADAL" clId="{BF04C754-5BF4-4E83-9615-DB14FA25AF8A}" dt="2023-10-12T11:38:08.274" v="295"/>
          <ac:spMkLst>
            <pc:docMk/>
            <pc:sldMk cId="2376958513" sldId="260"/>
            <ac:spMk id="7429" creationId="{5426637B-98D6-A057-7B07-8835B04F3D34}"/>
          </ac:spMkLst>
        </pc:spChg>
        <pc:spChg chg="mod">
          <ac:chgData name="White, Alex" userId="eff6cc8c-37d8-483b-9c6c-6b27e9afa9bc" providerId="ADAL" clId="{BF04C754-5BF4-4E83-9615-DB14FA25AF8A}" dt="2023-10-12T11:38:08.274" v="295"/>
          <ac:spMkLst>
            <pc:docMk/>
            <pc:sldMk cId="2376958513" sldId="260"/>
            <ac:spMk id="7430" creationId="{93C1CC79-9090-647B-3D82-71994D0F4989}"/>
          </ac:spMkLst>
        </pc:spChg>
        <pc:spChg chg="mod">
          <ac:chgData name="White, Alex" userId="eff6cc8c-37d8-483b-9c6c-6b27e9afa9bc" providerId="ADAL" clId="{BF04C754-5BF4-4E83-9615-DB14FA25AF8A}" dt="2023-10-12T11:38:08.274" v="295"/>
          <ac:spMkLst>
            <pc:docMk/>
            <pc:sldMk cId="2376958513" sldId="260"/>
            <ac:spMk id="7431" creationId="{925BC378-266A-F0D0-EC07-737F08E7089D}"/>
          </ac:spMkLst>
        </pc:spChg>
        <pc:spChg chg="mod">
          <ac:chgData name="White, Alex" userId="eff6cc8c-37d8-483b-9c6c-6b27e9afa9bc" providerId="ADAL" clId="{BF04C754-5BF4-4E83-9615-DB14FA25AF8A}" dt="2023-10-12T11:38:08.274" v="295"/>
          <ac:spMkLst>
            <pc:docMk/>
            <pc:sldMk cId="2376958513" sldId="260"/>
            <ac:spMk id="7432" creationId="{9A9DB423-0511-14C2-1506-66DF607CFFFD}"/>
          </ac:spMkLst>
        </pc:spChg>
        <pc:spChg chg="mod">
          <ac:chgData name="White, Alex" userId="eff6cc8c-37d8-483b-9c6c-6b27e9afa9bc" providerId="ADAL" clId="{BF04C754-5BF4-4E83-9615-DB14FA25AF8A}" dt="2023-10-12T11:38:08.274" v="295"/>
          <ac:spMkLst>
            <pc:docMk/>
            <pc:sldMk cId="2376958513" sldId="260"/>
            <ac:spMk id="7433" creationId="{85A6071A-1388-3F06-C2BD-CB3543EAAE65}"/>
          </ac:spMkLst>
        </pc:spChg>
        <pc:spChg chg="mod">
          <ac:chgData name="White, Alex" userId="eff6cc8c-37d8-483b-9c6c-6b27e9afa9bc" providerId="ADAL" clId="{BF04C754-5BF4-4E83-9615-DB14FA25AF8A}" dt="2023-10-12T11:38:08.274" v="295"/>
          <ac:spMkLst>
            <pc:docMk/>
            <pc:sldMk cId="2376958513" sldId="260"/>
            <ac:spMk id="7434" creationId="{CA5B3EB0-3D6A-6DF6-836C-3D051E5E7698}"/>
          </ac:spMkLst>
        </pc:spChg>
        <pc:spChg chg="mod">
          <ac:chgData name="White, Alex" userId="eff6cc8c-37d8-483b-9c6c-6b27e9afa9bc" providerId="ADAL" clId="{BF04C754-5BF4-4E83-9615-DB14FA25AF8A}" dt="2023-10-12T11:38:08.274" v="295"/>
          <ac:spMkLst>
            <pc:docMk/>
            <pc:sldMk cId="2376958513" sldId="260"/>
            <ac:spMk id="7435" creationId="{79E1755B-0789-8B19-7087-34525379AFD7}"/>
          </ac:spMkLst>
        </pc:spChg>
        <pc:spChg chg="mod">
          <ac:chgData name="White, Alex" userId="eff6cc8c-37d8-483b-9c6c-6b27e9afa9bc" providerId="ADAL" clId="{BF04C754-5BF4-4E83-9615-DB14FA25AF8A}" dt="2023-10-12T11:38:08.274" v="295"/>
          <ac:spMkLst>
            <pc:docMk/>
            <pc:sldMk cId="2376958513" sldId="260"/>
            <ac:spMk id="7436" creationId="{A1356902-DA3A-8DA1-C7BC-84127EADD0C1}"/>
          </ac:spMkLst>
        </pc:spChg>
        <pc:spChg chg="mod">
          <ac:chgData name="White, Alex" userId="eff6cc8c-37d8-483b-9c6c-6b27e9afa9bc" providerId="ADAL" clId="{BF04C754-5BF4-4E83-9615-DB14FA25AF8A}" dt="2023-10-12T11:38:08.274" v="295"/>
          <ac:spMkLst>
            <pc:docMk/>
            <pc:sldMk cId="2376958513" sldId="260"/>
            <ac:spMk id="7437" creationId="{A66577A4-9655-C24E-FC7B-6E43E3C73BA9}"/>
          </ac:spMkLst>
        </pc:spChg>
        <pc:spChg chg="mod">
          <ac:chgData name="White, Alex" userId="eff6cc8c-37d8-483b-9c6c-6b27e9afa9bc" providerId="ADAL" clId="{BF04C754-5BF4-4E83-9615-DB14FA25AF8A}" dt="2023-10-12T11:38:08.274" v="295"/>
          <ac:spMkLst>
            <pc:docMk/>
            <pc:sldMk cId="2376958513" sldId="260"/>
            <ac:spMk id="7438" creationId="{3B48A4B5-8BB9-6D3D-5375-4064E83B5CC2}"/>
          </ac:spMkLst>
        </pc:spChg>
        <pc:spChg chg="mod">
          <ac:chgData name="White, Alex" userId="eff6cc8c-37d8-483b-9c6c-6b27e9afa9bc" providerId="ADAL" clId="{BF04C754-5BF4-4E83-9615-DB14FA25AF8A}" dt="2023-10-12T11:38:08.274" v="295"/>
          <ac:spMkLst>
            <pc:docMk/>
            <pc:sldMk cId="2376958513" sldId="260"/>
            <ac:spMk id="7439" creationId="{4EAADE87-C953-0370-9479-AE2BB1266B5D}"/>
          </ac:spMkLst>
        </pc:spChg>
        <pc:spChg chg="mod">
          <ac:chgData name="White, Alex" userId="eff6cc8c-37d8-483b-9c6c-6b27e9afa9bc" providerId="ADAL" clId="{BF04C754-5BF4-4E83-9615-DB14FA25AF8A}" dt="2023-10-12T11:38:08.274" v="295"/>
          <ac:spMkLst>
            <pc:docMk/>
            <pc:sldMk cId="2376958513" sldId="260"/>
            <ac:spMk id="7440" creationId="{F623400A-6129-7D6B-F559-B96C4A08E9FF}"/>
          </ac:spMkLst>
        </pc:spChg>
        <pc:spChg chg="mod">
          <ac:chgData name="White, Alex" userId="eff6cc8c-37d8-483b-9c6c-6b27e9afa9bc" providerId="ADAL" clId="{BF04C754-5BF4-4E83-9615-DB14FA25AF8A}" dt="2023-10-12T11:38:08.274" v="295"/>
          <ac:spMkLst>
            <pc:docMk/>
            <pc:sldMk cId="2376958513" sldId="260"/>
            <ac:spMk id="7441" creationId="{9C07E4BD-B434-8C23-CCB3-FC13D0EE56FA}"/>
          </ac:spMkLst>
        </pc:spChg>
        <pc:spChg chg="mod">
          <ac:chgData name="White, Alex" userId="eff6cc8c-37d8-483b-9c6c-6b27e9afa9bc" providerId="ADAL" clId="{BF04C754-5BF4-4E83-9615-DB14FA25AF8A}" dt="2023-10-12T11:38:08.274" v="295"/>
          <ac:spMkLst>
            <pc:docMk/>
            <pc:sldMk cId="2376958513" sldId="260"/>
            <ac:spMk id="7442" creationId="{CF256AB0-75BC-DB34-2E88-1F7212E50F81}"/>
          </ac:spMkLst>
        </pc:spChg>
        <pc:spChg chg="mod">
          <ac:chgData name="White, Alex" userId="eff6cc8c-37d8-483b-9c6c-6b27e9afa9bc" providerId="ADAL" clId="{BF04C754-5BF4-4E83-9615-DB14FA25AF8A}" dt="2023-10-12T11:38:08.274" v="295"/>
          <ac:spMkLst>
            <pc:docMk/>
            <pc:sldMk cId="2376958513" sldId="260"/>
            <ac:spMk id="7443" creationId="{CC945365-3066-99A1-F466-757B244B31E4}"/>
          </ac:spMkLst>
        </pc:spChg>
        <pc:spChg chg="mod">
          <ac:chgData name="White, Alex" userId="eff6cc8c-37d8-483b-9c6c-6b27e9afa9bc" providerId="ADAL" clId="{BF04C754-5BF4-4E83-9615-DB14FA25AF8A}" dt="2023-10-12T11:38:08.274" v="295"/>
          <ac:spMkLst>
            <pc:docMk/>
            <pc:sldMk cId="2376958513" sldId="260"/>
            <ac:spMk id="7444" creationId="{D501149A-B67E-E20D-09A1-94F2A74668CA}"/>
          </ac:spMkLst>
        </pc:spChg>
        <pc:spChg chg="mod">
          <ac:chgData name="White, Alex" userId="eff6cc8c-37d8-483b-9c6c-6b27e9afa9bc" providerId="ADAL" clId="{BF04C754-5BF4-4E83-9615-DB14FA25AF8A}" dt="2023-10-12T11:38:08.274" v="295"/>
          <ac:spMkLst>
            <pc:docMk/>
            <pc:sldMk cId="2376958513" sldId="260"/>
            <ac:spMk id="7445" creationId="{510DC746-305D-542B-734F-4DE78A298CFF}"/>
          </ac:spMkLst>
        </pc:spChg>
        <pc:spChg chg="mod">
          <ac:chgData name="White, Alex" userId="eff6cc8c-37d8-483b-9c6c-6b27e9afa9bc" providerId="ADAL" clId="{BF04C754-5BF4-4E83-9615-DB14FA25AF8A}" dt="2023-10-12T11:38:08.274" v="295"/>
          <ac:spMkLst>
            <pc:docMk/>
            <pc:sldMk cId="2376958513" sldId="260"/>
            <ac:spMk id="7446" creationId="{59BEB734-B101-877B-D7F9-7BCC2BC19EF6}"/>
          </ac:spMkLst>
        </pc:spChg>
        <pc:spChg chg="mod">
          <ac:chgData name="White, Alex" userId="eff6cc8c-37d8-483b-9c6c-6b27e9afa9bc" providerId="ADAL" clId="{BF04C754-5BF4-4E83-9615-DB14FA25AF8A}" dt="2023-10-12T11:38:08.274" v="295"/>
          <ac:spMkLst>
            <pc:docMk/>
            <pc:sldMk cId="2376958513" sldId="260"/>
            <ac:spMk id="7447" creationId="{F1F79941-AEBF-E69A-81F1-18B34532C5DD}"/>
          </ac:spMkLst>
        </pc:spChg>
        <pc:spChg chg="mod">
          <ac:chgData name="White, Alex" userId="eff6cc8c-37d8-483b-9c6c-6b27e9afa9bc" providerId="ADAL" clId="{BF04C754-5BF4-4E83-9615-DB14FA25AF8A}" dt="2023-10-12T11:38:08.274" v="295"/>
          <ac:spMkLst>
            <pc:docMk/>
            <pc:sldMk cId="2376958513" sldId="260"/>
            <ac:spMk id="7448" creationId="{D8C7DF05-FC2C-DA0F-8FD6-E05AD361F5FB}"/>
          </ac:spMkLst>
        </pc:spChg>
        <pc:spChg chg="mod">
          <ac:chgData name="White, Alex" userId="eff6cc8c-37d8-483b-9c6c-6b27e9afa9bc" providerId="ADAL" clId="{BF04C754-5BF4-4E83-9615-DB14FA25AF8A}" dt="2023-10-12T11:38:08.274" v="295"/>
          <ac:spMkLst>
            <pc:docMk/>
            <pc:sldMk cId="2376958513" sldId="260"/>
            <ac:spMk id="7449" creationId="{00FAFCD1-108E-D331-9C30-CF0B166B1928}"/>
          </ac:spMkLst>
        </pc:spChg>
        <pc:spChg chg="mod">
          <ac:chgData name="White, Alex" userId="eff6cc8c-37d8-483b-9c6c-6b27e9afa9bc" providerId="ADAL" clId="{BF04C754-5BF4-4E83-9615-DB14FA25AF8A}" dt="2023-10-12T11:38:08.274" v="295"/>
          <ac:spMkLst>
            <pc:docMk/>
            <pc:sldMk cId="2376958513" sldId="260"/>
            <ac:spMk id="7450" creationId="{1244F412-E826-7791-7C8B-8D66E50D9910}"/>
          </ac:spMkLst>
        </pc:spChg>
        <pc:spChg chg="mod">
          <ac:chgData name="White, Alex" userId="eff6cc8c-37d8-483b-9c6c-6b27e9afa9bc" providerId="ADAL" clId="{BF04C754-5BF4-4E83-9615-DB14FA25AF8A}" dt="2023-10-12T11:38:08.274" v="295"/>
          <ac:spMkLst>
            <pc:docMk/>
            <pc:sldMk cId="2376958513" sldId="260"/>
            <ac:spMk id="7451" creationId="{133A8FB3-3861-5427-1B57-B1D475971FD8}"/>
          </ac:spMkLst>
        </pc:spChg>
        <pc:spChg chg="mod">
          <ac:chgData name="White, Alex" userId="eff6cc8c-37d8-483b-9c6c-6b27e9afa9bc" providerId="ADAL" clId="{BF04C754-5BF4-4E83-9615-DB14FA25AF8A}" dt="2023-10-12T11:38:08.274" v="295"/>
          <ac:spMkLst>
            <pc:docMk/>
            <pc:sldMk cId="2376958513" sldId="260"/>
            <ac:spMk id="7452" creationId="{06B243DB-E36F-969D-2F3C-AAD8FB77F6BE}"/>
          </ac:spMkLst>
        </pc:spChg>
        <pc:spChg chg="mod">
          <ac:chgData name="White, Alex" userId="eff6cc8c-37d8-483b-9c6c-6b27e9afa9bc" providerId="ADAL" clId="{BF04C754-5BF4-4E83-9615-DB14FA25AF8A}" dt="2023-10-12T11:38:08.274" v="295"/>
          <ac:spMkLst>
            <pc:docMk/>
            <pc:sldMk cId="2376958513" sldId="260"/>
            <ac:spMk id="7453" creationId="{04ABBE7B-07EF-EF45-8399-8C0282189A06}"/>
          </ac:spMkLst>
        </pc:spChg>
        <pc:spChg chg="mod">
          <ac:chgData name="White, Alex" userId="eff6cc8c-37d8-483b-9c6c-6b27e9afa9bc" providerId="ADAL" clId="{BF04C754-5BF4-4E83-9615-DB14FA25AF8A}" dt="2023-10-12T11:38:08.274" v="295"/>
          <ac:spMkLst>
            <pc:docMk/>
            <pc:sldMk cId="2376958513" sldId="260"/>
            <ac:spMk id="7454" creationId="{8666681E-382E-FA38-7679-DEED74538231}"/>
          </ac:spMkLst>
        </pc:spChg>
        <pc:spChg chg="mod">
          <ac:chgData name="White, Alex" userId="eff6cc8c-37d8-483b-9c6c-6b27e9afa9bc" providerId="ADAL" clId="{BF04C754-5BF4-4E83-9615-DB14FA25AF8A}" dt="2023-10-12T11:38:08.274" v="295"/>
          <ac:spMkLst>
            <pc:docMk/>
            <pc:sldMk cId="2376958513" sldId="260"/>
            <ac:spMk id="7455" creationId="{BD82C2D0-57B9-8B5C-9CD7-70B71CA94302}"/>
          </ac:spMkLst>
        </pc:spChg>
        <pc:spChg chg="mod">
          <ac:chgData name="White, Alex" userId="eff6cc8c-37d8-483b-9c6c-6b27e9afa9bc" providerId="ADAL" clId="{BF04C754-5BF4-4E83-9615-DB14FA25AF8A}" dt="2023-10-12T11:38:08.274" v="295"/>
          <ac:spMkLst>
            <pc:docMk/>
            <pc:sldMk cId="2376958513" sldId="260"/>
            <ac:spMk id="7456" creationId="{500B8351-841D-D2D3-1A46-4D6C0E59FB98}"/>
          </ac:spMkLst>
        </pc:spChg>
        <pc:spChg chg="mod">
          <ac:chgData name="White, Alex" userId="eff6cc8c-37d8-483b-9c6c-6b27e9afa9bc" providerId="ADAL" clId="{BF04C754-5BF4-4E83-9615-DB14FA25AF8A}" dt="2023-10-12T11:38:08.274" v="295"/>
          <ac:spMkLst>
            <pc:docMk/>
            <pc:sldMk cId="2376958513" sldId="260"/>
            <ac:spMk id="7457" creationId="{0004DEE8-5927-B6D1-9D23-2083BA3C378E}"/>
          </ac:spMkLst>
        </pc:spChg>
        <pc:spChg chg="mod">
          <ac:chgData name="White, Alex" userId="eff6cc8c-37d8-483b-9c6c-6b27e9afa9bc" providerId="ADAL" clId="{BF04C754-5BF4-4E83-9615-DB14FA25AF8A}" dt="2023-10-12T11:38:08.274" v="295"/>
          <ac:spMkLst>
            <pc:docMk/>
            <pc:sldMk cId="2376958513" sldId="260"/>
            <ac:spMk id="7458" creationId="{879018D1-84FB-7CBF-FA89-E94F5D564EE3}"/>
          </ac:spMkLst>
        </pc:spChg>
        <pc:spChg chg="mod">
          <ac:chgData name="White, Alex" userId="eff6cc8c-37d8-483b-9c6c-6b27e9afa9bc" providerId="ADAL" clId="{BF04C754-5BF4-4E83-9615-DB14FA25AF8A}" dt="2023-10-12T11:38:08.274" v="295"/>
          <ac:spMkLst>
            <pc:docMk/>
            <pc:sldMk cId="2376958513" sldId="260"/>
            <ac:spMk id="7459" creationId="{A3E8BCD4-DC85-EFF8-9658-F499EFF821C4}"/>
          </ac:spMkLst>
        </pc:spChg>
        <pc:spChg chg="mod">
          <ac:chgData name="White, Alex" userId="eff6cc8c-37d8-483b-9c6c-6b27e9afa9bc" providerId="ADAL" clId="{BF04C754-5BF4-4E83-9615-DB14FA25AF8A}" dt="2023-10-12T11:38:08.274" v="295"/>
          <ac:spMkLst>
            <pc:docMk/>
            <pc:sldMk cId="2376958513" sldId="260"/>
            <ac:spMk id="7460" creationId="{72E8F54C-30A3-A577-9114-A54D7DB5C539}"/>
          </ac:spMkLst>
        </pc:spChg>
        <pc:spChg chg="mod">
          <ac:chgData name="White, Alex" userId="eff6cc8c-37d8-483b-9c6c-6b27e9afa9bc" providerId="ADAL" clId="{BF04C754-5BF4-4E83-9615-DB14FA25AF8A}" dt="2023-10-12T11:38:08.274" v="295"/>
          <ac:spMkLst>
            <pc:docMk/>
            <pc:sldMk cId="2376958513" sldId="260"/>
            <ac:spMk id="7461" creationId="{B970D47A-FEAF-C1AA-F962-C303B91966C8}"/>
          </ac:spMkLst>
        </pc:spChg>
        <pc:spChg chg="mod">
          <ac:chgData name="White, Alex" userId="eff6cc8c-37d8-483b-9c6c-6b27e9afa9bc" providerId="ADAL" clId="{BF04C754-5BF4-4E83-9615-DB14FA25AF8A}" dt="2023-10-12T11:38:08.274" v="295"/>
          <ac:spMkLst>
            <pc:docMk/>
            <pc:sldMk cId="2376958513" sldId="260"/>
            <ac:spMk id="7462" creationId="{B1BE0D59-DF33-F3F6-E82D-100522F0967B}"/>
          </ac:spMkLst>
        </pc:spChg>
        <pc:spChg chg="mod">
          <ac:chgData name="White, Alex" userId="eff6cc8c-37d8-483b-9c6c-6b27e9afa9bc" providerId="ADAL" clId="{BF04C754-5BF4-4E83-9615-DB14FA25AF8A}" dt="2023-10-12T11:38:08.274" v="295"/>
          <ac:spMkLst>
            <pc:docMk/>
            <pc:sldMk cId="2376958513" sldId="260"/>
            <ac:spMk id="7463" creationId="{CEED88B3-0E0C-59CF-5E11-0E3E549C31AE}"/>
          </ac:spMkLst>
        </pc:spChg>
        <pc:spChg chg="mod">
          <ac:chgData name="White, Alex" userId="eff6cc8c-37d8-483b-9c6c-6b27e9afa9bc" providerId="ADAL" clId="{BF04C754-5BF4-4E83-9615-DB14FA25AF8A}" dt="2023-10-12T11:38:08.274" v="295"/>
          <ac:spMkLst>
            <pc:docMk/>
            <pc:sldMk cId="2376958513" sldId="260"/>
            <ac:spMk id="7464" creationId="{F0541EFE-C704-F3AE-E221-8164AABA128D}"/>
          </ac:spMkLst>
        </pc:spChg>
        <pc:spChg chg="mod">
          <ac:chgData name="White, Alex" userId="eff6cc8c-37d8-483b-9c6c-6b27e9afa9bc" providerId="ADAL" clId="{BF04C754-5BF4-4E83-9615-DB14FA25AF8A}" dt="2023-10-12T11:38:08.274" v="295"/>
          <ac:spMkLst>
            <pc:docMk/>
            <pc:sldMk cId="2376958513" sldId="260"/>
            <ac:spMk id="7465" creationId="{506B6472-5AA2-FD55-E56A-A2FCF59D1E79}"/>
          </ac:spMkLst>
        </pc:spChg>
        <pc:spChg chg="mod">
          <ac:chgData name="White, Alex" userId="eff6cc8c-37d8-483b-9c6c-6b27e9afa9bc" providerId="ADAL" clId="{BF04C754-5BF4-4E83-9615-DB14FA25AF8A}" dt="2023-10-12T11:38:08.274" v="295"/>
          <ac:spMkLst>
            <pc:docMk/>
            <pc:sldMk cId="2376958513" sldId="260"/>
            <ac:spMk id="7466" creationId="{64C650EE-6481-4442-1ED4-44A89CD2BFF0}"/>
          </ac:spMkLst>
        </pc:spChg>
        <pc:spChg chg="mod">
          <ac:chgData name="White, Alex" userId="eff6cc8c-37d8-483b-9c6c-6b27e9afa9bc" providerId="ADAL" clId="{BF04C754-5BF4-4E83-9615-DB14FA25AF8A}" dt="2023-10-12T11:38:08.274" v="295"/>
          <ac:spMkLst>
            <pc:docMk/>
            <pc:sldMk cId="2376958513" sldId="260"/>
            <ac:spMk id="7467" creationId="{481950C0-2D44-D87B-3D40-D6A0ED6212C2}"/>
          </ac:spMkLst>
        </pc:spChg>
        <pc:spChg chg="mod">
          <ac:chgData name="White, Alex" userId="eff6cc8c-37d8-483b-9c6c-6b27e9afa9bc" providerId="ADAL" clId="{BF04C754-5BF4-4E83-9615-DB14FA25AF8A}" dt="2023-10-12T11:38:08.274" v="295"/>
          <ac:spMkLst>
            <pc:docMk/>
            <pc:sldMk cId="2376958513" sldId="260"/>
            <ac:spMk id="7468" creationId="{4BFAE36B-DE5E-451D-5A34-8867543AD415}"/>
          </ac:spMkLst>
        </pc:spChg>
        <pc:spChg chg="mod">
          <ac:chgData name="White, Alex" userId="eff6cc8c-37d8-483b-9c6c-6b27e9afa9bc" providerId="ADAL" clId="{BF04C754-5BF4-4E83-9615-DB14FA25AF8A}" dt="2023-10-12T11:38:08.274" v="295"/>
          <ac:spMkLst>
            <pc:docMk/>
            <pc:sldMk cId="2376958513" sldId="260"/>
            <ac:spMk id="7469" creationId="{4E7B88E4-FF7C-1F50-5659-7C902DF7C3E0}"/>
          </ac:spMkLst>
        </pc:spChg>
        <pc:spChg chg="mod">
          <ac:chgData name="White, Alex" userId="eff6cc8c-37d8-483b-9c6c-6b27e9afa9bc" providerId="ADAL" clId="{BF04C754-5BF4-4E83-9615-DB14FA25AF8A}" dt="2023-10-12T11:38:08.274" v="295"/>
          <ac:spMkLst>
            <pc:docMk/>
            <pc:sldMk cId="2376958513" sldId="260"/>
            <ac:spMk id="7470" creationId="{863F05CF-AF48-74FE-4C33-B9514A7D47CE}"/>
          </ac:spMkLst>
        </pc:spChg>
        <pc:spChg chg="mod">
          <ac:chgData name="White, Alex" userId="eff6cc8c-37d8-483b-9c6c-6b27e9afa9bc" providerId="ADAL" clId="{BF04C754-5BF4-4E83-9615-DB14FA25AF8A}" dt="2023-10-12T11:38:08.274" v="295"/>
          <ac:spMkLst>
            <pc:docMk/>
            <pc:sldMk cId="2376958513" sldId="260"/>
            <ac:spMk id="7471" creationId="{FFC28596-22C0-8FAB-359D-9193BDB0B954}"/>
          </ac:spMkLst>
        </pc:spChg>
        <pc:spChg chg="mod">
          <ac:chgData name="White, Alex" userId="eff6cc8c-37d8-483b-9c6c-6b27e9afa9bc" providerId="ADAL" clId="{BF04C754-5BF4-4E83-9615-DB14FA25AF8A}" dt="2023-10-12T11:38:08.274" v="295"/>
          <ac:spMkLst>
            <pc:docMk/>
            <pc:sldMk cId="2376958513" sldId="260"/>
            <ac:spMk id="7472" creationId="{F2B21338-58FD-9258-FFD9-5A89565FE7E0}"/>
          </ac:spMkLst>
        </pc:spChg>
        <pc:spChg chg="mod">
          <ac:chgData name="White, Alex" userId="eff6cc8c-37d8-483b-9c6c-6b27e9afa9bc" providerId="ADAL" clId="{BF04C754-5BF4-4E83-9615-DB14FA25AF8A}" dt="2023-10-12T11:38:08.274" v="295"/>
          <ac:spMkLst>
            <pc:docMk/>
            <pc:sldMk cId="2376958513" sldId="260"/>
            <ac:spMk id="7473" creationId="{D9FDE196-F3C4-360F-6A4F-89571C759809}"/>
          </ac:spMkLst>
        </pc:spChg>
        <pc:spChg chg="mod">
          <ac:chgData name="White, Alex" userId="eff6cc8c-37d8-483b-9c6c-6b27e9afa9bc" providerId="ADAL" clId="{BF04C754-5BF4-4E83-9615-DB14FA25AF8A}" dt="2023-10-12T11:38:08.274" v="295"/>
          <ac:spMkLst>
            <pc:docMk/>
            <pc:sldMk cId="2376958513" sldId="260"/>
            <ac:spMk id="7474" creationId="{ADC0CFE6-62D8-83CA-64B2-E896D1FCFAB9}"/>
          </ac:spMkLst>
        </pc:spChg>
        <pc:spChg chg="mod">
          <ac:chgData name="White, Alex" userId="eff6cc8c-37d8-483b-9c6c-6b27e9afa9bc" providerId="ADAL" clId="{BF04C754-5BF4-4E83-9615-DB14FA25AF8A}" dt="2023-10-12T11:38:08.274" v="295"/>
          <ac:spMkLst>
            <pc:docMk/>
            <pc:sldMk cId="2376958513" sldId="260"/>
            <ac:spMk id="7475" creationId="{EB1451BF-1A7B-BC40-7596-E0776363F5E2}"/>
          </ac:spMkLst>
        </pc:spChg>
        <pc:spChg chg="mod">
          <ac:chgData name="White, Alex" userId="eff6cc8c-37d8-483b-9c6c-6b27e9afa9bc" providerId="ADAL" clId="{BF04C754-5BF4-4E83-9615-DB14FA25AF8A}" dt="2023-10-12T11:38:08.274" v="295"/>
          <ac:spMkLst>
            <pc:docMk/>
            <pc:sldMk cId="2376958513" sldId="260"/>
            <ac:spMk id="7476" creationId="{C98030CF-57FF-B3DA-D5AC-7ABD633962FB}"/>
          </ac:spMkLst>
        </pc:spChg>
        <pc:spChg chg="mod">
          <ac:chgData name="White, Alex" userId="eff6cc8c-37d8-483b-9c6c-6b27e9afa9bc" providerId="ADAL" clId="{BF04C754-5BF4-4E83-9615-DB14FA25AF8A}" dt="2023-10-12T11:38:08.274" v="295"/>
          <ac:spMkLst>
            <pc:docMk/>
            <pc:sldMk cId="2376958513" sldId="260"/>
            <ac:spMk id="7477" creationId="{9245E2ED-4395-30D8-4E9C-9F1E9A06DB82}"/>
          </ac:spMkLst>
        </pc:spChg>
        <pc:spChg chg="mod">
          <ac:chgData name="White, Alex" userId="eff6cc8c-37d8-483b-9c6c-6b27e9afa9bc" providerId="ADAL" clId="{BF04C754-5BF4-4E83-9615-DB14FA25AF8A}" dt="2023-10-12T11:38:08.274" v="295"/>
          <ac:spMkLst>
            <pc:docMk/>
            <pc:sldMk cId="2376958513" sldId="260"/>
            <ac:spMk id="7478" creationId="{A6A1D576-A2F3-B8F3-6322-86C9EE068C21}"/>
          </ac:spMkLst>
        </pc:spChg>
        <pc:spChg chg="mod">
          <ac:chgData name="White, Alex" userId="eff6cc8c-37d8-483b-9c6c-6b27e9afa9bc" providerId="ADAL" clId="{BF04C754-5BF4-4E83-9615-DB14FA25AF8A}" dt="2023-10-12T11:38:08.274" v="295"/>
          <ac:spMkLst>
            <pc:docMk/>
            <pc:sldMk cId="2376958513" sldId="260"/>
            <ac:spMk id="7479" creationId="{263AF4DF-4D6F-8FA0-DF02-9B07A7F8BCE6}"/>
          </ac:spMkLst>
        </pc:spChg>
        <pc:spChg chg="mod">
          <ac:chgData name="White, Alex" userId="eff6cc8c-37d8-483b-9c6c-6b27e9afa9bc" providerId="ADAL" clId="{BF04C754-5BF4-4E83-9615-DB14FA25AF8A}" dt="2023-10-12T11:38:08.274" v="295"/>
          <ac:spMkLst>
            <pc:docMk/>
            <pc:sldMk cId="2376958513" sldId="260"/>
            <ac:spMk id="7480" creationId="{CED223DD-EE37-49A1-3E1B-E3B03D4EFB76}"/>
          </ac:spMkLst>
        </pc:spChg>
        <pc:spChg chg="mod">
          <ac:chgData name="White, Alex" userId="eff6cc8c-37d8-483b-9c6c-6b27e9afa9bc" providerId="ADAL" clId="{BF04C754-5BF4-4E83-9615-DB14FA25AF8A}" dt="2023-10-12T11:38:08.274" v="295"/>
          <ac:spMkLst>
            <pc:docMk/>
            <pc:sldMk cId="2376958513" sldId="260"/>
            <ac:spMk id="7481" creationId="{CA86178D-9673-563A-2B0C-AB575318C289}"/>
          </ac:spMkLst>
        </pc:spChg>
        <pc:spChg chg="mod">
          <ac:chgData name="White, Alex" userId="eff6cc8c-37d8-483b-9c6c-6b27e9afa9bc" providerId="ADAL" clId="{BF04C754-5BF4-4E83-9615-DB14FA25AF8A}" dt="2023-10-12T11:38:08.274" v="295"/>
          <ac:spMkLst>
            <pc:docMk/>
            <pc:sldMk cId="2376958513" sldId="260"/>
            <ac:spMk id="7482" creationId="{0465653B-AFA5-5CD6-574C-1408E54351D3}"/>
          </ac:spMkLst>
        </pc:spChg>
        <pc:spChg chg="mod">
          <ac:chgData name="White, Alex" userId="eff6cc8c-37d8-483b-9c6c-6b27e9afa9bc" providerId="ADAL" clId="{BF04C754-5BF4-4E83-9615-DB14FA25AF8A}" dt="2023-10-12T11:38:08.274" v="295"/>
          <ac:spMkLst>
            <pc:docMk/>
            <pc:sldMk cId="2376958513" sldId="260"/>
            <ac:spMk id="7483" creationId="{18709BA1-2D16-0A4C-8DB9-75FE88EFDE33}"/>
          </ac:spMkLst>
        </pc:spChg>
        <pc:spChg chg="mod">
          <ac:chgData name="White, Alex" userId="eff6cc8c-37d8-483b-9c6c-6b27e9afa9bc" providerId="ADAL" clId="{BF04C754-5BF4-4E83-9615-DB14FA25AF8A}" dt="2023-10-12T11:38:08.274" v="295"/>
          <ac:spMkLst>
            <pc:docMk/>
            <pc:sldMk cId="2376958513" sldId="260"/>
            <ac:spMk id="7484" creationId="{0B1E0D47-FC43-FC2C-1759-834A9C173D2C}"/>
          </ac:spMkLst>
        </pc:spChg>
        <pc:spChg chg="mod">
          <ac:chgData name="White, Alex" userId="eff6cc8c-37d8-483b-9c6c-6b27e9afa9bc" providerId="ADAL" clId="{BF04C754-5BF4-4E83-9615-DB14FA25AF8A}" dt="2023-10-12T11:38:08.274" v="295"/>
          <ac:spMkLst>
            <pc:docMk/>
            <pc:sldMk cId="2376958513" sldId="260"/>
            <ac:spMk id="7485" creationId="{D5D0C18E-4EB5-D1A4-6B7E-3BE50998EA1B}"/>
          </ac:spMkLst>
        </pc:spChg>
        <pc:spChg chg="mod">
          <ac:chgData name="White, Alex" userId="eff6cc8c-37d8-483b-9c6c-6b27e9afa9bc" providerId="ADAL" clId="{BF04C754-5BF4-4E83-9615-DB14FA25AF8A}" dt="2023-10-12T11:38:08.274" v="295"/>
          <ac:spMkLst>
            <pc:docMk/>
            <pc:sldMk cId="2376958513" sldId="260"/>
            <ac:spMk id="7486" creationId="{230C2E73-1C84-2ABD-13F6-CE48EA209998}"/>
          </ac:spMkLst>
        </pc:spChg>
        <pc:spChg chg="mod">
          <ac:chgData name="White, Alex" userId="eff6cc8c-37d8-483b-9c6c-6b27e9afa9bc" providerId="ADAL" clId="{BF04C754-5BF4-4E83-9615-DB14FA25AF8A}" dt="2023-10-12T11:38:08.274" v="295"/>
          <ac:spMkLst>
            <pc:docMk/>
            <pc:sldMk cId="2376958513" sldId="260"/>
            <ac:spMk id="7487" creationId="{FF23E74E-1CDD-AFA9-FA47-8188CCB67DA8}"/>
          </ac:spMkLst>
        </pc:spChg>
        <pc:spChg chg="mod">
          <ac:chgData name="White, Alex" userId="eff6cc8c-37d8-483b-9c6c-6b27e9afa9bc" providerId="ADAL" clId="{BF04C754-5BF4-4E83-9615-DB14FA25AF8A}" dt="2023-10-12T11:38:08.274" v="295"/>
          <ac:spMkLst>
            <pc:docMk/>
            <pc:sldMk cId="2376958513" sldId="260"/>
            <ac:spMk id="7488" creationId="{AF125DB6-5B1F-8409-A4DF-AC74C565D276}"/>
          </ac:spMkLst>
        </pc:spChg>
        <pc:spChg chg="mod">
          <ac:chgData name="White, Alex" userId="eff6cc8c-37d8-483b-9c6c-6b27e9afa9bc" providerId="ADAL" clId="{BF04C754-5BF4-4E83-9615-DB14FA25AF8A}" dt="2023-10-12T11:38:08.274" v="295"/>
          <ac:spMkLst>
            <pc:docMk/>
            <pc:sldMk cId="2376958513" sldId="260"/>
            <ac:spMk id="7489" creationId="{1A0B8AAB-9F2B-A500-6FDC-3C74370FC110}"/>
          </ac:spMkLst>
        </pc:spChg>
        <pc:spChg chg="mod">
          <ac:chgData name="White, Alex" userId="eff6cc8c-37d8-483b-9c6c-6b27e9afa9bc" providerId="ADAL" clId="{BF04C754-5BF4-4E83-9615-DB14FA25AF8A}" dt="2023-10-12T11:38:08.274" v="295"/>
          <ac:spMkLst>
            <pc:docMk/>
            <pc:sldMk cId="2376958513" sldId="260"/>
            <ac:spMk id="7490" creationId="{EE42828F-9AAC-3B2B-AE99-F9F02FB04F9D}"/>
          </ac:spMkLst>
        </pc:spChg>
        <pc:spChg chg="mod">
          <ac:chgData name="White, Alex" userId="eff6cc8c-37d8-483b-9c6c-6b27e9afa9bc" providerId="ADAL" clId="{BF04C754-5BF4-4E83-9615-DB14FA25AF8A}" dt="2023-10-12T11:38:08.274" v="295"/>
          <ac:spMkLst>
            <pc:docMk/>
            <pc:sldMk cId="2376958513" sldId="260"/>
            <ac:spMk id="7491" creationId="{89C0EDD2-2F85-02CC-BD91-699AC0B84061}"/>
          </ac:spMkLst>
        </pc:spChg>
        <pc:spChg chg="mod">
          <ac:chgData name="White, Alex" userId="eff6cc8c-37d8-483b-9c6c-6b27e9afa9bc" providerId="ADAL" clId="{BF04C754-5BF4-4E83-9615-DB14FA25AF8A}" dt="2023-10-12T11:38:08.274" v="295"/>
          <ac:spMkLst>
            <pc:docMk/>
            <pc:sldMk cId="2376958513" sldId="260"/>
            <ac:spMk id="7492" creationId="{2F9C551A-B07E-04DF-7FCA-C67D1682D349}"/>
          </ac:spMkLst>
        </pc:spChg>
        <pc:spChg chg="mod">
          <ac:chgData name="White, Alex" userId="eff6cc8c-37d8-483b-9c6c-6b27e9afa9bc" providerId="ADAL" clId="{BF04C754-5BF4-4E83-9615-DB14FA25AF8A}" dt="2023-10-12T11:38:08.274" v="295"/>
          <ac:spMkLst>
            <pc:docMk/>
            <pc:sldMk cId="2376958513" sldId="260"/>
            <ac:spMk id="7493" creationId="{DFC7BE2D-FE82-8B7E-0360-4B3A4E1FF26F}"/>
          </ac:spMkLst>
        </pc:spChg>
        <pc:spChg chg="mod">
          <ac:chgData name="White, Alex" userId="eff6cc8c-37d8-483b-9c6c-6b27e9afa9bc" providerId="ADAL" clId="{BF04C754-5BF4-4E83-9615-DB14FA25AF8A}" dt="2023-10-12T11:38:08.274" v="295"/>
          <ac:spMkLst>
            <pc:docMk/>
            <pc:sldMk cId="2376958513" sldId="260"/>
            <ac:spMk id="7494" creationId="{5C56FC4E-26DF-47EA-E172-89538949DD75}"/>
          </ac:spMkLst>
        </pc:spChg>
        <pc:spChg chg="mod">
          <ac:chgData name="White, Alex" userId="eff6cc8c-37d8-483b-9c6c-6b27e9afa9bc" providerId="ADAL" clId="{BF04C754-5BF4-4E83-9615-DB14FA25AF8A}" dt="2023-10-12T11:38:08.274" v="295"/>
          <ac:spMkLst>
            <pc:docMk/>
            <pc:sldMk cId="2376958513" sldId="260"/>
            <ac:spMk id="7495" creationId="{371ECCB7-BF66-76B2-45C6-8889AF332F57}"/>
          </ac:spMkLst>
        </pc:spChg>
        <pc:spChg chg="mod">
          <ac:chgData name="White, Alex" userId="eff6cc8c-37d8-483b-9c6c-6b27e9afa9bc" providerId="ADAL" clId="{BF04C754-5BF4-4E83-9615-DB14FA25AF8A}" dt="2023-10-12T11:38:08.274" v="295"/>
          <ac:spMkLst>
            <pc:docMk/>
            <pc:sldMk cId="2376958513" sldId="260"/>
            <ac:spMk id="7496" creationId="{9639299F-EEC6-5329-EADD-C345E10C149D}"/>
          </ac:spMkLst>
        </pc:spChg>
        <pc:spChg chg="mod">
          <ac:chgData name="White, Alex" userId="eff6cc8c-37d8-483b-9c6c-6b27e9afa9bc" providerId="ADAL" clId="{BF04C754-5BF4-4E83-9615-DB14FA25AF8A}" dt="2023-10-12T11:38:08.274" v="295"/>
          <ac:spMkLst>
            <pc:docMk/>
            <pc:sldMk cId="2376958513" sldId="260"/>
            <ac:spMk id="7497" creationId="{08A2C1D5-27CE-7032-BC23-A75C41AE0F02}"/>
          </ac:spMkLst>
        </pc:spChg>
        <pc:spChg chg="mod">
          <ac:chgData name="White, Alex" userId="eff6cc8c-37d8-483b-9c6c-6b27e9afa9bc" providerId="ADAL" clId="{BF04C754-5BF4-4E83-9615-DB14FA25AF8A}" dt="2023-10-12T11:38:08.274" v="295"/>
          <ac:spMkLst>
            <pc:docMk/>
            <pc:sldMk cId="2376958513" sldId="260"/>
            <ac:spMk id="7498" creationId="{54D04948-5CBC-1120-C15B-107DDD88DD90}"/>
          </ac:spMkLst>
        </pc:spChg>
        <pc:spChg chg="mod">
          <ac:chgData name="White, Alex" userId="eff6cc8c-37d8-483b-9c6c-6b27e9afa9bc" providerId="ADAL" clId="{BF04C754-5BF4-4E83-9615-DB14FA25AF8A}" dt="2023-10-12T11:38:08.274" v="295"/>
          <ac:spMkLst>
            <pc:docMk/>
            <pc:sldMk cId="2376958513" sldId="260"/>
            <ac:spMk id="7499" creationId="{067C4395-97C4-2DB7-0ACC-CEDCFC7CC7B0}"/>
          </ac:spMkLst>
        </pc:spChg>
        <pc:spChg chg="mod">
          <ac:chgData name="White, Alex" userId="eff6cc8c-37d8-483b-9c6c-6b27e9afa9bc" providerId="ADAL" clId="{BF04C754-5BF4-4E83-9615-DB14FA25AF8A}" dt="2023-10-12T11:38:08.274" v="295"/>
          <ac:spMkLst>
            <pc:docMk/>
            <pc:sldMk cId="2376958513" sldId="260"/>
            <ac:spMk id="7500" creationId="{30BF562B-C7D8-437C-B70D-76F6A95299C9}"/>
          </ac:spMkLst>
        </pc:spChg>
        <pc:spChg chg="mod">
          <ac:chgData name="White, Alex" userId="eff6cc8c-37d8-483b-9c6c-6b27e9afa9bc" providerId="ADAL" clId="{BF04C754-5BF4-4E83-9615-DB14FA25AF8A}" dt="2023-10-12T11:38:08.274" v="295"/>
          <ac:spMkLst>
            <pc:docMk/>
            <pc:sldMk cId="2376958513" sldId="260"/>
            <ac:spMk id="7501" creationId="{7AB34FA2-2DDE-EA6C-BBE2-CB1C669F8533}"/>
          </ac:spMkLst>
        </pc:spChg>
        <pc:spChg chg="mod">
          <ac:chgData name="White, Alex" userId="eff6cc8c-37d8-483b-9c6c-6b27e9afa9bc" providerId="ADAL" clId="{BF04C754-5BF4-4E83-9615-DB14FA25AF8A}" dt="2023-10-12T11:38:08.274" v="295"/>
          <ac:spMkLst>
            <pc:docMk/>
            <pc:sldMk cId="2376958513" sldId="260"/>
            <ac:spMk id="7502" creationId="{FDC6AA85-9C83-372C-D0C6-F9FDAC64C7FE}"/>
          </ac:spMkLst>
        </pc:spChg>
        <pc:spChg chg="mod">
          <ac:chgData name="White, Alex" userId="eff6cc8c-37d8-483b-9c6c-6b27e9afa9bc" providerId="ADAL" clId="{BF04C754-5BF4-4E83-9615-DB14FA25AF8A}" dt="2023-10-12T11:38:08.274" v="295"/>
          <ac:spMkLst>
            <pc:docMk/>
            <pc:sldMk cId="2376958513" sldId="260"/>
            <ac:spMk id="7503" creationId="{9E34BC62-C696-46D1-815D-04AC040F268E}"/>
          </ac:spMkLst>
        </pc:spChg>
        <pc:spChg chg="mod">
          <ac:chgData name="White, Alex" userId="eff6cc8c-37d8-483b-9c6c-6b27e9afa9bc" providerId="ADAL" clId="{BF04C754-5BF4-4E83-9615-DB14FA25AF8A}" dt="2023-10-12T11:38:08.274" v="295"/>
          <ac:spMkLst>
            <pc:docMk/>
            <pc:sldMk cId="2376958513" sldId="260"/>
            <ac:spMk id="7504" creationId="{703A3D99-EB2B-B950-93EF-0047DA926E26}"/>
          </ac:spMkLst>
        </pc:spChg>
        <pc:spChg chg="mod">
          <ac:chgData name="White, Alex" userId="eff6cc8c-37d8-483b-9c6c-6b27e9afa9bc" providerId="ADAL" clId="{BF04C754-5BF4-4E83-9615-DB14FA25AF8A}" dt="2023-10-12T11:38:08.274" v="295"/>
          <ac:spMkLst>
            <pc:docMk/>
            <pc:sldMk cId="2376958513" sldId="260"/>
            <ac:spMk id="7505" creationId="{79EB139B-FA4C-DE76-3EFF-636A86A6FA8A}"/>
          </ac:spMkLst>
        </pc:spChg>
        <pc:spChg chg="mod">
          <ac:chgData name="White, Alex" userId="eff6cc8c-37d8-483b-9c6c-6b27e9afa9bc" providerId="ADAL" clId="{BF04C754-5BF4-4E83-9615-DB14FA25AF8A}" dt="2023-10-12T11:38:08.274" v="295"/>
          <ac:spMkLst>
            <pc:docMk/>
            <pc:sldMk cId="2376958513" sldId="260"/>
            <ac:spMk id="7506" creationId="{2AFC58BF-545D-8419-C3E9-929A0EFAB0A4}"/>
          </ac:spMkLst>
        </pc:spChg>
        <pc:spChg chg="mod">
          <ac:chgData name="White, Alex" userId="eff6cc8c-37d8-483b-9c6c-6b27e9afa9bc" providerId="ADAL" clId="{BF04C754-5BF4-4E83-9615-DB14FA25AF8A}" dt="2023-10-12T11:38:08.274" v="295"/>
          <ac:spMkLst>
            <pc:docMk/>
            <pc:sldMk cId="2376958513" sldId="260"/>
            <ac:spMk id="7507" creationId="{A69DD86E-3FA1-D607-F4B7-3367702BF3E3}"/>
          </ac:spMkLst>
        </pc:spChg>
        <pc:spChg chg="mod">
          <ac:chgData name="White, Alex" userId="eff6cc8c-37d8-483b-9c6c-6b27e9afa9bc" providerId="ADAL" clId="{BF04C754-5BF4-4E83-9615-DB14FA25AF8A}" dt="2023-10-12T11:38:08.274" v="295"/>
          <ac:spMkLst>
            <pc:docMk/>
            <pc:sldMk cId="2376958513" sldId="260"/>
            <ac:spMk id="7508" creationId="{13C6C49E-50EC-C20E-CB65-953C17F8B3E8}"/>
          </ac:spMkLst>
        </pc:spChg>
        <pc:spChg chg="mod">
          <ac:chgData name="White, Alex" userId="eff6cc8c-37d8-483b-9c6c-6b27e9afa9bc" providerId="ADAL" clId="{BF04C754-5BF4-4E83-9615-DB14FA25AF8A}" dt="2023-10-12T11:38:08.274" v="295"/>
          <ac:spMkLst>
            <pc:docMk/>
            <pc:sldMk cId="2376958513" sldId="260"/>
            <ac:spMk id="7509" creationId="{4CF9CF82-9D33-16E4-84F1-86B4A418F67E}"/>
          </ac:spMkLst>
        </pc:spChg>
        <pc:spChg chg="mod">
          <ac:chgData name="White, Alex" userId="eff6cc8c-37d8-483b-9c6c-6b27e9afa9bc" providerId="ADAL" clId="{BF04C754-5BF4-4E83-9615-DB14FA25AF8A}" dt="2023-10-12T11:38:08.274" v="295"/>
          <ac:spMkLst>
            <pc:docMk/>
            <pc:sldMk cId="2376958513" sldId="260"/>
            <ac:spMk id="7510" creationId="{D531F116-2A5B-760F-5883-F3343659F91D}"/>
          </ac:spMkLst>
        </pc:spChg>
        <pc:spChg chg="mod">
          <ac:chgData name="White, Alex" userId="eff6cc8c-37d8-483b-9c6c-6b27e9afa9bc" providerId="ADAL" clId="{BF04C754-5BF4-4E83-9615-DB14FA25AF8A}" dt="2023-10-12T11:38:08.274" v="295"/>
          <ac:spMkLst>
            <pc:docMk/>
            <pc:sldMk cId="2376958513" sldId="260"/>
            <ac:spMk id="7511" creationId="{B7408F58-C99D-5381-C8D1-5D184454EDBF}"/>
          </ac:spMkLst>
        </pc:spChg>
        <pc:spChg chg="mod">
          <ac:chgData name="White, Alex" userId="eff6cc8c-37d8-483b-9c6c-6b27e9afa9bc" providerId="ADAL" clId="{BF04C754-5BF4-4E83-9615-DB14FA25AF8A}" dt="2023-10-12T11:38:08.274" v="295"/>
          <ac:spMkLst>
            <pc:docMk/>
            <pc:sldMk cId="2376958513" sldId="260"/>
            <ac:spMk id="7512" creationId="{F7F9F34A-5D25-4B34-38F1-F4A794E6039E}"/>
          </ac:spMkLst>
        </pc:spChg>
        <pc:spChg chg="mod">
          <ac:chgData name="White, Alex" userId="eff6cc8c-37d8-483b-9c6c-6b27e9afa9bc" providerId="ADAL" clId="{BF04C754-5BF4-4E83-9615-DB14FA25AF8A}" dt="2023-10-12T11:38:08.274" v="295"/>
          <ac:spMkLst>
            <pc:docMk/>
            <pc:sldMk cId="2376958513" sldId="260"/>
            <ac:spMk id="7513" creationId="{D865FDD3-D755-BA38-2300-7DEC8EB111D1}"/>
          </ac:spMkLst>
        </pc:spChg>
        <pc:spChg chg="mod">
          <ac:chgData name="White, Alex" userId="eff6cc8c-37d8-483b-9c6c-6b27e9afa9bc" providerId="ADAL" clId="{BF04C754-5BF4-4E83-9615-DB14FA25AF8A}" dt="2023-10-12T11:38:08.274" v="295"/>
          <ac:spMkLst>
            <pc:docMk/>
            <pc:sldMk cId="2376958513" sldId="260"/>
            <ac:spMk id="7514" creationId="{E19C158C-465B-07A2-2175-E79DE519E625}"/>
          </ac:spMkLst>
        </pc:spChg>
        <pc:spChg chg="mod">
          <ac:chgData name="White, Alex" userId="eff6cc8c-37d8-483b-9c6c-6b27e9afa9bc" providerId="ADAL" clId="{BF04C754-5BF4-4E83-9615-DB14FA25AF8A}" dt="2023-10-12T11:38:08.274" v="295"/>
          <ac:spMkLst>
            <pc:docMk/>
            <pc:sldMk cId="2376958513" sldId="260"/>
            <ac:spMk id="7515" creationId="{A102991F-EB59-2DCE-66C0-CD2F2F1E9B7C}"/>
          </ac:spMkLst>
        </pc:spChg>
        <pc:spChg chg="mod">
          <ac:chgData name="White, Alex" userId="eff6cc8c-37d8-483b-9c6c-6b27e9afa9bc" providerId="ADAL" clId="{BF04C754-5BF4-4E83-9615-DB14FA25AF8A}" dt="2023-10-12T11:38:08.274" v="295"/>
          <ac:spMkLst>
            <pc:docMk/>
            <pc:sldMk cId="2376958513" sldId="260"/>
            <ac:spMk id="7516" creationId="{DD4054B4-53F9-B7AC-ABD5-C070F17436E8}"/>
          </ac:spMkLst>
        </pc:spChg>
        <pc:spChg chg="mod">
          <ac:chgData name="White, Alex" userId="eff6cc8c-37d8-483b-9c6c-6b27e9afa9bc" providerId="ADAL" clId="{BF04C754-5BF4-4E83-9615-DB14FA25AF8A}" dt="2023-10-12T11:38:08.274" v="295"/>
          <ac:spMkLst>
            <pc:docMk/>
            <pc:sldMk cId="2376958513" sldId="260"/>
            <ac:spMk id="7517" creationId="{D927AEDE-EFAC-6F79-210B-C7E784BDDCC4}"/>
          </ac:spMkLst>
        </pc:spChg>
        <pc:spChg chg="mod">
          <ac:chgData name="White, Alex" userId="eff6cc8c-37d8-483b-9c6c-6b27e9afa9bc" providerId="ADAL" clId="{BF04C754-5BF4-4E83-9615-DB14FA25AF8A}" dt="2023-10-12T11:38:08.274" v="295"/>
          <ac:spMkLst>
            <pc:docMk/>
            <pc:sldMk cId="2376958513" sldId="260"/>
            <ac:spMk id="7518" creationId="{E17142C4-2665-8841-E2E5-7A23754BD950}"/>
          </ac:spMkLst>
        </pc:spChg>
        <pc:spChg chg="mod">
          <ac:chgData name="White, Alex" userId="eff6cc8c-37d8-483b-9c6c-6b27e9afa9bc" providerId="ADAL" clId="{BF04C754-5BF4-4E83-9615-DB14FA25AF8A}" dt="2023-10-12T11:38:08.274" v="295"/>
          <ac:spMkLst>
            <pc:docMk/>
            <pc:sldMk cId="2376958513" sldId="260"/>
            <ac:spMk id="7519" creationId="{89DED9D4-B84E-AFA8-AEB0-5A85DC9E12AC}"/>
          </ac:spMkLst>
        </pc:spChg>
        <pc:spChg chg="mod">
          <ac:chgData name="White, Alex" userId="eff6cc8c-37d8-483b-9c6c-6b27e9afa9bc" providerId="ADAL" clId="{BF04C754-5BF4-4E83-9615-DB14FA25AF8A}" dt="2023-10-12T11:38:08.274" v="295"/>
          <ac:spMkLst>
            <pc:docMk/>
            <pc:sldMk cId="2376958513" sldId="260"/>
            <ac:spMk id="7520" creationId="{CFA7DF90-5A30-69A3-B410-FB4054F020B0}"/>
          </ac:spMkLst>
        </pc:spChg>
        <pc:spChg chg="mod">
          <ac:chgData name="White, Alex" userId="eff6cc8c-37d8-483b-9c6c-6b27e9afa9bc" providerId="ADAL" clId="{BF04C754-5BF4-4E83-9615-DB14FA25AF8A}" dt="2023-10-12T11:38:08.274" v="295"/>
          <ac:spMkLst>
            <pc:docMk/>
            <pc:sldMk cId="2376958513" sldId="260"/>
            <ac:spMk id="7521" creationId="{A71F206A-04FA-CF38-ADB7-DDF5EF91AE51}"/>
          </ac:spMkLst>
        </pc:spChg>
        <pc:spChg chg="mod">
          <ac:chgData name="White, Alex" userId="eff6cc8c-37d8-483b-9c6c-6b27e9afa9bc" providerId="ADAL" clId="{BF04C754-5BF4-4E83-9615-DB14FA25AF8A}" dt="2023-10-12T11:38:08.274" v="295"/>
          <ac:spMkLst>
            <pc:docMk/>
            <pc:sldMk cId="2376958513" sldId="260"/>
            <ac:spMk id="7522" creationId="{0973DBA9-A09B-F321-6C77-7BB38E2B2FF2}"/>
          </ac:spMkLst>
        </pc:spChg>
        <pc:spChg chg="mod">
          <ac:chgData name="White, Alex" userId="eff6cc8c-37d8-483b-9c6c-6b27e9afa9bc" providerId="ADAL" clId="{BF04C754-5BF4-4E83-9615-DB14FA25AF8A}" dt="2023-10-12T11:38:08.274" v="295"/>
          <ac:spMkLst>
            <pc:docMk/>
            <pc:sldMk cId="2376958513" sldId="260"/>
            <ac:spMk id="7523" creationId="{49D3E46D-8A30-5652-CB8A-39CBAB0441AA}"/>
          </ac:spMkLst>
        </pc:spChg>
        <pc:spChg chg="mod">
          <ac:chgData name="White, Alex" userId="eff6cc8c-37d8-483b-9c6c-6b27e9afa9bc" providerId="ADAL" clId="{BF04C754-5BF4-4E83-9615-DB14FA25AF8A}" dt="2023-10-12T11:38:08.274" v="295"/>
          <ac:spMkLst>
            <pc:docMk/>
            <pc:sldMk cId="2376958513" sldId="260"/>
            <ac:spMk id="7524" creationId="{5A5D7083-277A-A63D-D08E-F8A80215A052}"/>
          </ac:spMkLst>
        </pc:spChg>
        <pc:spChg chg="mod">
          <ac:chgData name="White, Alex" userId="eff6cc8c-37d8-483b-9c6c-6b27e9afa9bc" providerId="ADAL" clId="{BF04C754-5BF4-4E83-9615-DB14FA25AF8A}" dt="2023-10-12T11:38:08.274" v="295"/>
          <ac:spMkLst>
            <pc:docMk/>
            <pc:sldMk cId="2376958513" sldId="260"/>
            <ac:spMk id="7525" creationId="{9946214A-501A-672F-F0FE-74EFBA6AB4A9}"/>
          </ac:spMkLst>
        </pc:spChg>
        <pc:spChg chg="mod">
          <ac:chgData name="White, Alex" userId="eff6cc8c-37d8-483b-9c6c-6b27e9afa9bc" providerId="ADAL" clId="{BF04C754-5BF4-4E83-9615-DB14FA25AF8A}" dt="2023-10-12T11:38:08.274" v="295"/>
          <ac:spMkLst>
            <pc:docMk/>
            <pc:sldMk cId="2376958513" sldId="260"/>
            <ac:spMk id="7526" creationId="{E7244095-90E3-A391-EF0B-05A2F5A07668}"/>
          </ac:spMkLst>
        </pc:spChg>
        <pc:spChg chg="mod">
          <ac:chgData name="White, Alex" userId="eff6cc8c-37d8-483b-9c6c-6b27e9afa9bc" providerId="ADAL" clId="{BF04C754-5BF4-4E83-9615-DB14FA25AF8A}" dt="2023-10-12T11:38:08.274" v="295"/>
          <ac:spMkLst>
            <pc:docMk/>
            <pc:sldMk cId="2376958513" sldId="260"/>
            <ac:spMk id="7527" creationId="{CEA380AB-A16D-5EB0-A171-9F112F3394BC}"/>
          </ac:spMkLst>
        </pc:spChg>
        <pc:spChg chg="mod">
          <ac:chgData name="White, Alex" userId="eff6cc8c-37d8-483b-9c6c-6b27e9afa9bc" providerId="ADAL" clId="{BF04C754-5BF4-4E83-9615-DB14FA25AF8A}" dt="2023-10-12T11:38:08.274" v="295"/>
          <ac:spMkLst>
            <pc:docMk/>
            <pc:sldMk cId="2376958513" sldId="260"/>
            <ac:spMk id="7528" creationId="{DE7210E9-4A5D-8643-2109-40C959438D34}"/>
          </ac:spMkLst>
        </pc:spChg>
        <pc:spChg chg="mod">
          <ac:chgData name="White, Alex" userId="eff6cc8c-37d8-483b-9c6c-6b27e9afa9bc" providerId="ADAL" clId="{BF04C754-5BF4-4E83-9615-DB14FA25AF8A}" dt="2023-10-12T11:38:08.274" v="295"/>
          <ac:spMkLst>
            <pc:docMk/>
            <pc:sldMk cId="2376958513" sldId="260"/>
            <ac:spMk id="7529" creationId="{0E667ABA-5152-8C8E-FF71-87D82C454334}"/>
          </ac:spMkLst>
        </pc:spChg>
        <pc:spChg chg="mod">
          <ac:chgData name="White, Alex" userId="eff6cc8c-37d8-483b-9c6c-6b27e9afa9bc" providerId="ADAL" clId="{BF04C754-5BF4-4E83-9615-DB14FA25AF8A}" dt="2023-10-12T11:38:08.274" v="295"/>
          <ac:spMkLst>
            <pc:docMk/>
            <pc:sldMk cId="2376958513" sldId="260"/>
            <ac:spMk id="7530" creationId="{2E1905A5-235B-D2D8-704E-F930FB07C21B}"/>
          </ac:spMkLst>
        </pc:spChg>
        <pc:spChg chg="mod">
          <ac:chgData name="White, Alex" userId="eff6cc8c-37d8-483b-9c6c-6b27e9afa9bc" providerId="ADAL" clId="{BF04C754-5BF4-4E83-9615-DB14FA25AF8A}" dt="2023-10-12T11:38:08.274" v="295"/>
          <ac:spMkLst>
            <pc:docMk/>
            <pc:sldMk cId="2376958513" sldId="260"/>
            <ac:spMk id="7531" creationId="{D8F0A112-10B7-D0A6-A004-A1D195871495}"/>
          </ac:spMkLst>
        </pc:spChg>
        <pc:spChg chg="mod">
          <ac:chgData name="White, Alex" userId="eff6cc8c-37d8-483b-9c6c-6b27e9afa9bc" providerId="ADAL" clId="{BF04C754-5BF4-4E83-9615-DB14FA25AF8A}" dt="2023-10-12T11:38:08.274" v="295"/>
          <ac:spMkLst>
            <pc:docMk/>
            <pc:sldMk cId="2376958513" sldId="260"/>
            <ac:spMk id="7532" creationId="{55B31C3C-32CC-766E-AB86-D231A0EBFE08}"/>
          </ac:spMkLst>
        </pc:spChg>
        <pc:spChg chg="mod">
          <ac:chgData name="White, Alex" userId="eff6cc8c-37d8-483b-9c6c-6b27e9afa9bc" providerId="ADAL" clId="{BF04C754-5BF4-4E83-9615-DB14FA25AF8A}" dt="2023-10-12T11:38:08.274" v="295"/>
          <ac:spMkLst>
            <pc:docMk/>
            <pc:sldMk cId="2376958513" sldId="260"/>
            <ac:spMk id="7533" creationId="{313B5C70-EC6F-ABDF-FE81-CC5683D8A84C}"/>
          </ac:spMkLst>
        </pc:spChg>
        <pc:spChg chg="mod">
          <ac:chgData name="White, Alex" userId="eff6cc8c-37d8-483b-9c6c-6b27e9afa9bc" providerId="ADAL" clId="{BF04C754-5BF4-4E83-9615-DB14FA25AF8A}" dt="2023-10-12T11:38:08.274" v="295"/>
          <ac:spMkLst>
            <pc:docMk/>
            <pc:sldMk cId="2376958513" sldId="260"/>
            <ac:spMk id="7534" creationId="{00C0D76A-1D03-64A1-2E09-C932B304D043}"/>
          </ac:spMkLst>
        </pc:spChg>
        <pc:spChg chg="mod">
          <ac:chgData name="White, Alex" userId="eff6cc8c-37d8-483b-9c6c-6b27e9afa9bc" providerId="ADAL" clId="{BF04C754-5BF4-4E83-9615-DB14FA25AF8A}" dt="2023-10-12T11:38:08.274" v="295"/>
          <ac:spMkLst>
            <pc:docMk/>
            <pc:sldMk cId="2376958513" sldId="260"/>
            <ac:spMk id="7535" creationId="{9B79C012-92BA-6E0F-91F8-E3AFEB806CE1}"/>
          </ac:spMkLst>
        </pc:spChg>
        <pc:spChg chg="mod">
          <ac:chgData name="White, Alex" userId="eff6cc8c-37d8-483b-9c6c-6b27e9afa9bc" providerId="ADAL" clId="{BF04C754-5BF4-4E83-9615-DB14FA25AF8A}" dt="2023-10-12T11:38:08.274" v="295"/>
          <ac:spMkLst>
            <pc:docMk/>
            <pc:sldMk cId="2376958513" sldId="260"/>
            <ac:spMk id="7536" creationId="{EB1DE76B-CD2A-0E06-7797-B80FB329BDAD}"/>
          </ac:spMkLst>
        </pc:spChg>
        <pc:spChg chg="mod">
          <ac:chgData name="White, Alex" userId="eff6cc8c-37d8-483b-9c6c-6b27e9afa9bc" providerId="ADAL" clId="{BF04C754-5BF4-4E83-9615-DB14FA25AF8A}" dt="2023-10-12T11:38:08.274" v="295"/>
          <ac:spMkLst>
            <pc:docMk/>
            <pc:sldMk cId="2376958513" sldId="260"/>
            <ac:spMk id="7537" creationId="{77410755-21F6-59D1-ED22-8381B4C64D75}"/>
          </ac:spMkLst>
        </pc:spChg>
        <pc:spChg chg="mod">
          <ac:chgData name="White, Alex" userId="eff6cc8c-37d8-483b-9c6c-6b27e9afa9bc" providerId="ADAL" clId="{BF04C754-5BF4-4E83-9615-DB14FA25AF8A}" dt="2023-10-12T11:38:08.274" v="295"/>
          <ac:spMkLst>
            <pc:docMk/>
            <pc:sldMk cId="2376958513" sldId="260"/>
            <ac:spMk id="7538" creationId="{67329119-E164-54F6-AB7B-10FDF08D769C}"/>
          </ac:spMkLst>
        </pc:spChg>
        <pc:spChg chg="mod">
          <ac:chgData name="White, Alex" userId="eff6cc8c-37d8-483b-9c6c-6b27e9afa9bc" providerId="ADAL" clId="{BF04C754-5BF4-4E83-9615-DB14FA25AF8A}" dt="2023-10-12T11:38:08.274" v="295"/>
          <ac:spMkLst>
            <pc:docMk/>
            <pc:sldMk cId="2376958513" sldId="260"/>
            <ac:spMk id="7539" creationId="{31D81B74-7F1C-33BC-FED2-CAC61BAEE43B}"/>
          </ac:spMkLst>
        </pc:spChg>
        <pc:spChg chg="mod">
          <ac:chgData name="White, Alex" userId="eff6cc8c-37d8-483b-9c6c-6b27e9afa9bc" providerId="ADAL" clId="{BF04C754-5BF4-4E83-9615-DB14FA25AF8A}" dt="2023-10-12T11:38:08.274" v="295"/>
          <ac:spMkLst>
            <pc:docMk/>
            <pc:sldMk cId="2376958513" sldId="260"/>
            <ac:spMk id="7540" creationId="{EDC89D7F-986E-88AF-0CCE-5484334D48B8}"/>
          </ac:spMkLst>
        </pc:spChg>
        <pc:spChg chg="mod">
          <ac:chgData name="White, Alex" userId="eff6cc8c-37d8-483b-9c6c-6b27e9afa9bc" providerId="ADAL" clId="{BF04C754-5BF4-4E83-9615-DB14FA25AF8A}" dt="2023-10-12T11:38:08.274" v="295"/>
          <ac:spMkLst>
            <pc:docMk/>
            <pc:sldMk cId="2376958513" sldId="260"/>
            <ac:spMk id="7541" creationId="{BDEED1AC-4606-030A-43BC-83E591B30A51}"/>
          </ac:spMkLst>
        </pc:spChg>
        <pc:spChg chg="mod">
          <ac:chgData name="White, Alex" userId="eff6cc8c-37d8-483b-9c6c-6b27e9afa9bc" providerId="ADAL" clId="{BF04C754-5BF4-4E83-9615-DB14FA25AF8A}" dt="2023-10-12T11:38:08.274" v="295"/>
          <ac:spMkLst>
            <pc:docMk/>
            <pc:sldMk cId="2376958513" sldId="260"/>
            <ac:spMk id="7542" creationId="{7789F07C-834B-9456-5CAF-C95B9E3A5843}"/>
          </ac:spMkLst>
        </pc:spChg>
        <pc:spChg chg="mod">
          <ac:chgData name="White, Alex" userId="eff6cc8c-37d8-483b-9c6c-6b27e9afa9bc" providerId="ADAL" clId="{BF04C754-5BF4-4E83-9615-DB14FA25AF8A}" dt="2023-10-12T11:38:08.274" v="295"/>
          <ac:spMkLst>
            <pc:docMk/>
            <pc:sldMk cId="2376958513" sldId="260"/>
            <ac:spMk id="7543" creationId="{D5DC84EC-37BC-0E60-22B5-B39347ABFF75}"/>
          </ac:spMkLst>
        </pc:spChg>
        <pc:spChg chg="mod">
          <ac:chgData name="White, Alex" userId="eff6cc8c-37d8-483b-9c6c-6b27e9afa9bc" providerId="ADAL" clId="{BF04C754-5BF4-4E83-9615-DB14FA25AF8A}" dt="2023-10-12T11:38:08.274" v="295"/>
          <ac:spMkLst>
            <pc:docMk/>
            <pc:sldMk cId="2376958513" sldId="260"/>
            <ac:spMk id="7544" creationId="{6EBD2FA9-841B-08B8-CD65-75B4A05EEE7B}"/>
          </ac:spMkLst>
        </pc:spChg>
        <pc:spChg chg="mod">
          <ac:chgData name="White, Alex" userId="eff6cc8c-37d8-483b-9c6c-6b27e9afa9bc" providerId="ADAL" clId="{BF04C754-5BF4-4E83-9615-DB14FA25AF8A}" dt="2023-10-12T11:38:08.274" v="295"/>
          <ac:spMkLst>
            <pc:docMk/>
            <pc:sldMk cId="2376958513" sldId="260"/>
            <ac:spMk id="7545" creationId="{D567B016-668A-714C-50D1-60F4D5B87233}"/>
          </ac:spMkLst>
        </pc:spChg>
        <pc:spChg chg="mod">
          <ac:chgData name="White, Alex" userId="eff6cc8c-37d8-483b-9c6c-6b27e9afa9bc" providerId="ADAL" clId="{BF04C754-5BF4-4E83-9615-DB14FA25AF8A}" dt="2023-10-12T11:38:08.274" v="295"/>
          <ac:spMkLst>
            <pc:docMk/>
            <pc:sldMk cId="2376958513" sldId="260"/>
            <ac:spMk id="7546" creationId="{CBB6FD06-AA16-E2E2-1DBA-82027BE14700}"/>
          </ac:spMkLst>
        </pc:spChg>
        <pc:spChg chg="mod">
          <ac:chgData name="White, Alex" userId="eff6cc8c-37d8-483b-9c6c-6b27e9afa9bc" providerId="ADAL" clId="{BF04C754-5BF4-4E83-9615-DB14FA25AF8A}" dt="2023-10-12T11:38:08.274" v="295"/>
          <ac:spMkLst>
            <pc:docMk/>
            <pc:sldMk cId="2376958513" sldId="260"/>
            <ac:spMk id="7547" creationId="{8FEC666B-D4A5-6A82-4038-507AED7188CB}"/>
          </ac:spMkLst>
        </pc:spChg>
        <pc:spChg chg="mod">
          <ac:chgData name="White, Alex" userId="eff6cc8c-37d8-483b-9c6c-6b27e9afa9bc" providerId="ADAL" clId="{BF04C754-5BF4-4E83-9615-DB14FA25AF8A}" dt="2023-10-12T11:38:08.274" v="295"/>
          <ac:spMkLst>
            <pc:docMk/>
            <pc:sldMk cId="2376958513" sldId="260"/>
            <ac:spMk id="7548" creationId="{407F278D-85CD-2B90-1961-AA12F385C702}"/>
          </ac:spMkLst>
        </pc:spChg>
        <pc:spChg chg="mod">
          <ac:chgData name="White, Alex" userId="eff6cc8c-37d8-483b-9c6c-6b27e9afa9bc" providerId="ADAL" clId="{BF04C754-5BF4-4E83-9615-DB14FA25AF8A}" dt="2023-10-12T11:38:08.274" v="295"/>
          <ac:spMkLst>
            <pc:docMk/>
            <pc:sldMk cId="2376958513" sldId="260"/>
            <ac:spMk id="7549" creationId="{D38DA2CE-BBD1-DD15-C36D-353639661DA1}"/>
          </ac:spMkLst>
        </pc:spChg>
        <pc:spChg chg="mod">
          <ac:chgData name="White, Alex" userId="eff6cc8c-37d8-483b-9c6c-6b27e9afa9bc" providerId="ADAL" clId="{BF04C754-5BF4-4E83-9615-DB14FA25AF8A}" dt="2023-10-12T11:38:08.274" v="295"/>
          <ac:spMkLst>
            <pc:docMk/>
            <pc:sldMk cId="2376958513" sldId="260"/>
            <ac:spMk id="7550" creationId="{B56BBF15-BEF0-44D5-5DB2-2B0C4539C0C3}"/>
          </ac:spMkLst>
        </pc:spChg>
        <pc:spChg chg="mod">
          <ac:chgData name="White, Alex" userId="eff6cc8c-37d8-483b-9c6c-6b27e9afa9bc" providerId="ADAL" clId="{BF04C754-5BF4-4E83-9615-DB14FA25AF8A}" dt="2023-10-12T11:38:08.274" v="295"/>
          <ac:spMkLst>
            <pc:docMk/>
            <pc:sldMk cId="2376958513" sldId="260"/>
            <ac:spMk id="7551" creationId="{BF842A76-B75A-EA4C-0595-302CC97305C5}"/>
          </ac:spMkLst>
        </pc:spChg>
        <pc:spChg chg="mod">
          <ac:chgData name="White, Alex" userId="eff6cc8c-37d8-483b-9c6c-6b27e9afa9bc" providerId="ADAL" clId="{BF04C754-5BF4-4E83-9615-DB14FA25AF8A}" dt="2023-10-12T11:38:08.274" v="295"/>
          <ac:spMkLst>
            <pc:docMk/>
            <pc:sldMk cId="2376958513" sldId="260"/>
            <ac:spMk id="7552" creationId="{3017EE7C-BA89-2766-242B-662B14CB867C}"/>
          </ac:spMkLst>
        </pc:spChg>
        <pc:spChg chg="mod">
          <ac:chgData name="White, Alex" userId="eff6cc8c-37d8-483b-9c6c-6b27e9afa9bc" providerId="ADAL" clId="{BF04C754-5BF4-4E83-9615-DB14FA25AF8A}" dt="2023-10-12T11:38:08.274" v="295"/>
          <ac:spMkLst>
            <pc:docMk/>
            <pc:sldMk cId="2376958513" sldId="260"/>
            <ac:spMk id="7553" creationId="{11074D25-7A75-89F3-0871-0E8051B97261}"/>
          </ac:spMkLst>
        </pc:spChg>
        <pc:spChg chg="mod">
          <ac:chgData name="White, Alex" userId="eff6cc8c-37d8-483b-9c6c-6b27e9afa9bc" providerId="ADAL" clId="{BF04C754-5BF4-4E83-9615-DB14FA25AF8A}" dt="2023-10-12T11:38:08.274" v="295"/>
          <ac:spMkLst>
            <pc:docMk/>
            <pc:sldMk cId="2376958513" sldId="260"/>
            <ac:spMk id="7554" creationId="{97EDDCE9-C022-0FEB-351A-FE1A13AD7168}"/>
          </ac:spMkLst>
        </pc:spChg>
        <pc:spChg chg="mod">
          <ac:chgData name="White, Alex" userId="eff6cc8c-37d8-483b-9c6c-6b27e9afa9bc" providerId="ADAL" clId="{BF04C754-5BF4-4E83-9615-DB14FA25AF8A}" dt="2023-10-12T11:38:08.274" v="295"/>
          <ac:spMkLst>
            <pc:docMk/>
            <pc:sldMk cId="2376958513" sldId="260"/>
            <ac:spMk id="7555" creationId="{72441D0F-45AB-746B-83D1-BFC4F3FAA95A}"/>
          </ac:spMkLst>
        </pc:spChg>
        <pc:spChg chg="mod">
          <ac:chgData name="White, Alex" userId="eff6cc8c-37d8-483b-9c6c-6b27e9afa9bc" providerId="ADAL" clId="{BF04C754-5BF4-4E83-9615-DB14FA25AF8A}" dt="2023-10-12T11:38:08.274" v="295"/>
          <ac:spMkLst>
            <pc:docMk/>
            <pc:sldMk cId="2376958513" sldId="260"/>
            <ac:spMk id="7556" creationId="{7F278354-0617-A8C5-2ED6-BBEA99C014B0}"/>
          </ac:spMkLst>
        </pc:spChg>
        <pc:spChg chg="mod">
          <ac:chgData name="White, Alex" userId="eff6cc8c-37d8-483b-9c6c-6b27e9afa9bc" providerId="ADAL" clId="{BF04C754-5BF4-4E83-9615-DB14FA25AF8A}" dt="2023-10-12T11:38:08.274" v="295"/>
          <ac:spMkLst>
            <pc:docMk/>
            <pc:sldMk cId="2376958513" sldId="260"/>
            <ac:spMk id="7557" creationId="{73A175D0-156F-2D1F-FB00-E43FE6ED79A1}"/>
          </ac:spMkLst>
        </pc:spChg>
        <pc:spChg chg="mod">
          <ac:chgData name="White, Alex" userId="eff6cc8c-37d8-483b-9c6c-6b27e9afa9bc" providerId="ADAL" clId="{BF04C754-5BF4-4E83-9615-DB14FA25AF8A}" dt="2023-10-12T11:38:08.274" v="295"/>
          <ac:spMkLst>
            <pc:docMk/>
            <pc:sldMk cId="2376958513" sldId="260"/>
            <ac:spMk id="7558" creationId="{D9099785-C9A4-D171-7DFB-40EFD5DEB0A5}"/>
          </ac:spMkLst>
        </pc:spChg>
        <pc:spChg chg="mod">
          <ac:chgData name="White, Alex" userId="eff6cc8c-37d8-483b-9c6c-6b27e9afa9bc" providerId="ADAL" clId="{BF04C754-5BF4-4E83-9615-DB14FA25AF8A}" dt="2023-10-12T11:38:08.274" v="295"/>
          <ac:spMkLst>
            <pc:docMk/>
            <pc:sldMk cId="2376958513" sldId="260"/>
            <ac:spMk id="7559" creationId="{333285BD-6EFB-C3ED-03D5-70484B58BD2C}"/>
          </ac:spMkLst>
        </pc:spChg>
        <pc:spChg chg="mod">
          <ac:chgData name="White, Alex" userId="eff6cc8c-37d8-483b-9c6c-6b27e9afa9bc" providerId="ADAL" clId="{BF04C754-5BF4-4E83-9615-DB14FA25AF8A}" dt="2023-10-12T11:38:08.274" v="295"/>
          <ac:spMkLst>
            <pc:docMk/>
            <pc:sldMk cId="2376958513" sldId="260"/>
            <ac:spMk id="7560" creationId="{C0E18A95-4EFD-E3A8-17C9-3842770FF792}"/>
          </ac:spMkLst>
        </pc:spChg>
        <pc:spChg chg="mod">
          <ac:chgData name="White, Alex" userId="eff6cc8c-37d8-483b-9c6c-6b27e9afa9bc" providerId="ADAL" clId="{BF04C754-5BF4-4E83-9615-DB14FA25AF8A}" dt="2023-10-12T11:38:08.274" v="295"/>
          <ac:spMkLst>
            <pc:docMk/>
            <pc:sldMk cId="2376958513" sldId="260"/>
            <ac:spMk id="7561" creationId="{4B376AB9-E833-DEDB-5DE0-5ADFDDEE6B47}"/>
          </ac:spMkLst>
        </pc:spChg>
        <pc:spChg chg="mod">
          <ac:chgData name="White, Alex" userId="eff6cc8c-37d8-483b-9c6c-6b27e9afa9bc" providerId="ADAL" clId="{BF04C754-5BF4-4E83-9615-DB14FA25AF8A}" dt="2023-10-12T11:38:08.274" v="295"/>
          <ac:spMkLst>
            <pc:docMk/>
            <pc:sldMk cId="2376958513" sldId="260"/>
            <ac:spMk id="7562" creationId="{E6182BBE-D0EF-B274-3324-F82189B82D3B}"/>
          </ac:spMkLst>
        </pc:spChg>
        <pc:spChg chg="mod">
          <ac:chgData name="White, Alex" userId="eff6cc8c-37d8-483b-9c6c-6b27e9afa9bc" providerId="ADAL" clId="{BF04C754-5BF4-4E83-9615-DB14FA25AF8A}" dt="2023-10-12T11:38:08.274" v="295"/>
          <ac:spMkLst>
            <pc:docMk/>
            <pc:sldMk cId="2376958513" sldId="260"/>
            <ac:spMk id="7563" creationId="{8F73DD99-D153-81B0-719C-C8E28CF6985C}"/>
          </ac:spMkLst>
        </pc:spChg>
        <pc:spChg chg="mod">
          <ac:chgData name="White, Alex" userId="eff6cc8c-37d8-483b-9c6c-6b27e9afa9bc" providerId="ADAL" clId="{BF04C754-5BF4-4E83-9615-DB14FA25AF8A}" dt="2023-10-12T11:38:08.274" v="295"/>
          <ac:spMkLst>
            <pc:docMk/>
            <pc:sldMk cId="2376958513" sldId="260"/>
            <ac:spMk id="7564" creationId="{66178366-B921-168B-227A-3552AFA2D2E0}"/>
          </ac:spMkLst>
        </pc:spChg>
        <pc:spChg chg="mod">
          <ac:chgData name="White, Alex" userId="eff6cc8c-37d8-483b-9c6c-6b27e9afa9bc" providerId="ADAL" clId="{BF04C754-5BF4-4E83-9615-DB14FA25AF8A}" dt="2023-10-12T11:38:08.274" v="295"/>
          <ac:spMkLst>
            <pc:docMk/>
            <pc:sldMk cId="2376958513" sldId="260"/>
            <ac:spMk id="7565" creationId="{0AACD3A3-1451-52B3-FE62-FEC1F804F5BD}"/>
          </ac:spMkLst>
        </pc:spChg>
        <pc:spChg chg="mod">
          <ac:chgData name="White, Alex" userId="eff6cc8c-37d8-483b-9c6c-6b27e9afa9bc" providerId="ADAL" clId="{BF04C754-5BF4-4E83-9615-DB14FA25AF8A}" dt="2023-10-12T11:38:08.274" v="295"/>
          <ac:spMkLst>
            <pc:docMk/>
            <pc:sldMk cId="2376958513" sldId="260"/>
            <ac:spMk id="7566" creationId="{AAFFB35D-480D-5325-ECEA-F6D5D1261143}"/>
          </ac:spMkLst>
        </pc:spChg>
        <pc:spChg chg="mod">
          <ac:chgData name="White, Alex" userId="eff6cc8c-37d8-483b-9c6c-6b27e9afa9bc" providerId="ADAL" clId="{BF04C754-5BF4-4E83-9615-DB14FA25AF8A}" dt="2023-10-12T11:38:08.274" v="295"/>
          <ac:spMkLst>
            <pc:docMk/>
            <pc:sldMk cId="2376958513" sldId="260"/>
            <ac:spMk id="7567" creationId="{0F3B5F91-424D-6F80-B73C-B0673502C232}"/>
          </ac:spMkLst>
        </pc:spChg>
        <pc:spChg chg="mod">
          <ac:chgData name="White, Alex" userId="eff6cc8c-37d8-483b-9c6c-6b27e9afa9bc" providerId="ADAL" clId="{BF04C754-5BF4-4E83-9615-DB14FA25AF8A}" dt="2023-10-12T11:38:08.274" v="295"/>
          <ac:spMkLst>
            <pc:docMk/>
            <pc:sldMk cId="2376958513" sldId="260"/>
            <ac:spMk id="7568" creationId="{21BAAEEA-A283-3D06-0576-C7DCEC958CDF}"/>
          </ac:spMkLst>
        </pc:spChg>
        <pc:spChg chg="mod">
          <ac:chgData name="White, Alex" userId="eff6cc8c-37d8-483b-9c6c-6b27e9afa9bc" providerId="ADAL" clId="{BF04C754-5BF4-4E83-9615-DB14FA25AF8A}" dt="2023-10-12T11:38:08.274" v="295"/>
          <ac:spMkLst>
            <pc:docMk/>
            <pc:sldMk cId="2376958513" sldId="260"/>
            <ac:spMk id="7569" creationId="{047343E9-F995-EFE9-0DC7-12CB3C5BAD87}"/>
          </ac:spMkLst>
        </pc:spChg>
        <pc:spChg chg="mod">
          <ac:chgData name="White, Alex" userId="eff6cc8c-37d8-483b-9c6c-6b27e9afa9bc" providerId="ADAL" clId="{BF04C754-5BF4-4E83-9615-DB14FA25AF8A}" dt="2023-10-12T11:38:08.274" v="295"/>
          <ac:spMkLst>
            <pc:docMk/>
            <pc:sldMk cId="2376958513" sldId="260"/>
            <ac:spMk id="7570" creationId="{839B69B0-4AA0-461C-FFEA-BA34CB614F6D}"/>
          </ac:spMkLst>
        </pc:spChg>
        <pc:spChg chg="mod">
          <ac:chgData name="White, Alex" userId="eff6cc8c-37d8-483b-9c6c-6b27e9afa9bc" providerId="ADAL" clId="{BF04C754-5BF4-4E83-9615-DB14FA25AF8A}" dt="2023-10-12T11:38:08.274" v="295"/>
          <ac:spMkLst>
            <pc:docMk/>
            <pc:sldMk cId="2376958513" sldId="260"/>
            <ac:spMk id="7571" creationId="{107BC750-2B3C-D6E8-1550-465DFDDF6D94}"/>
          </ac:spMkLst>
        </pc:spChg>
        <pc:spChg chg="mod">
          <ac:chgData name="White, Alex" userId="eff6cc8c-37d8-483b-9c6c-6b27e9afa9bc" providerId="ADAL" clId="{BF04C754-5BF4-4E83-9615-DB14FA25AF8A}" dt="2023-10-12T11:38:08.274" v="295"/>
          <ac:spMkLst>
            <pc:docMk/>
            <pc:sldMk cId="2376958513" sldId="260"/>
            <ac:spMk id="7572" creationId="{4F4D47C1-549F-0FA4-13C3-14FED514E6EF}"/>
          </ac:spMkLst>
        </pc:spChg>
        <pc:spChg chg="mod">
          <ac:chgData name="White, Alex" userId="eff6cc8c-37d8-483b-9c6c-6b27e9afa9bc" providerId="ADAL" clId="{BF04C754-5BF4-4E83-9615-DB14FA25AF8A}" dt="2023-10-12T11:38:08.274" v="295"/>
          <ac:spMkLst>
            <pc:docMk/>
            <pc:sldMk cId="2376958513" sldId="260"/>
            <ac:spMk id="7573" creationId="{C0CF5699-53CE-749C-F95F-B60D0EFC53C0}"/>
          </ac:spMkLst>
        </pc:spChg>
        <pc:spChg chg="mod">
          <ac:chgData name="White, Alex" userId="eff6cc8c-37d8-483b-9c6c-6b27e9afa9bc" providerId="ADAL" clId="{BF04C754-5BF4-4E83-9615-DB14FA25AF8A}" dt="2023-10-12T11:38:08.274" v="295"/>
          <ac:spMkLst>
            <pc:docMk/>
            <pc:sldMk cId="2376958513" sldId="260"/>
            <ac:spMk id="7574" creationId="{DA106233-B0A4-914D-7479-C0085E8311A1}"/>
          </ac:spMkLst>
        </pc:spChg>
        <pc:spChg chg="mod">
          <ac:chgData name="White, Alex" userId="eff6cc8c-37d8-483b-9c6c-6b27e9afa9bc" providerId="ADAL" clId="{BF04C754-5BF4-4E83-9615-DB14FA25AF8A}" dt="2023-10-12T11:38:08.274" v="295"/>
          <ac:spMkLst>
            <pc:docMk/>
            <pc:sldMk cId="2376958513" sldId="260"/>
            <ac:spMk id="7575" creationId="{555088F4-414B-FBBA-E18A-B314C5AAA97A}"/>
          </ac:spMkLst>
        </pc:spChg>
        <pc:spChg chg="mod">
          <ac:chgData name="White, Alex" userId="eff6cc8c-37d8-483b-9c6c-6b27e9afa9bc" providerId="ADAL" clId="{BF04C754-5BF4-4E83-9615-DB14FA25AF8A}" dt="2023-10-12T11:38:08.274" v="295"/>
          <ac:spMkLst>
            <pc:docMk/>
            <pc:sldMk cId="2376958513" sldId="260"/>
            <ac:spMk id="7576" creationId="{A8EFA64A-CCCA-2B3F-20F5-345657C17FE9}"/>
          </ac:spMkLst>
        </pc:spChg>
        <pc:spChg chg="mod">
          <ac:chgData name="White, Alex" userId="eff6cc8c-37d8-483b-9c6c-6b27e9afa9bc" providerId="ADAL" clId="{BF04C754-5BF4-4E83-9615-DB14FA25AF8A}" dt="2023-10-12T11:38:08.274" v="295"/>
          <ac:spMkLst>
            <pc:docMk/>
            <pc:sldMk cId="2376958513" sldId="260"/>
            <ac:spMk id="7577" creationId="{51C5CF5F-B7E8-A02A-7669-FD296761EF80}"/>
          </ac:spMkLst>
        </pc:spChg>
        <pc:spChg chg="mod">
          <ac:chgData name="White, Alex" userId="eff6cc8c-37d8-483b-9c6c-6b27e9afa9bc" providerId="ADAL" clId="{BF04C754-5BF4-4E83-9615-DB14FA25AF8A}" dt="2023-10-12T11:38:08.274" v="295"/>
          <ac:spMkLst>
            <pc:docMk/>
            <pc:sldMk cId="2376958513" sldId="260"/>
            <ac:spMk id="7578" creationId="{7B2DF0D6-B04D-9A4F-F064-1BFECE8793EE}"/>
          </ac:spMkLst>
        </pc:spChg>
        <pc:spChg chg="mod">
          <ac:chgData name="White, Alex" userId="eff6cc8c-37d8-483b-9c6c-6b27e9afa9bc" providerId="ADAL" clId="{BF04C754-5BF4-4E83-9615-DB14FA25AF8A}" dt="2023-10-12T11:38:08.274" v="295"/>
          <ac:spMkLst>
            <pc:docMk/>
            <pc:sldMk cId="2376958513" sldId="260"/>
            <ac:spMk id="7579" creationId="{49C1C88C-11A4-49E0-1212-D3DB8F1BE047}"/>
          </ac:spMkLst>
        </pc:spChg>
        <pc:spChg chg="mod">
          <ac:chgData name="White, Alex" userId="eff6cc8c-37d8-483b-9c6c-6b27e9afa9bc" providerId="ADAL" clId="{BF04C754-5BF4-4E83-9615-DB14FA25AF8A}" dt="2023-10-12T11:38:08.274" v="295"/>
          <ac:spMkLst>
            <pc:docMk/>
            <pc:sldMk cId="2376958513" sldId="260"/>
            <ac:spMk id="7580" creationId="{335A14FB-F7A7-291A-64A0-63F308A7A22A}"/>
          </ac:spMkLst>
        </pc:spChg>
        <pc:spChg chg="mod">
          <ac:chgData name="White, Alex" userId="eff6cc8c-37d8-483b-9c6c-6b27e9afa9bc" providerId="ADAL" clId="{BF04C754-5BF4-4E83-9615-DB14FA25AF8A}" dt="2023-10-12T11:38:08.274" v="295"/>
          <ac:spMkLst>
            <pc:docMk/>
            <pc:sldMk cId="2376958513" sldId="260"/>
            <ac:spMk id="7581" creationId="{C3C932D7-AFF0-C9ED-6C0A-8FCCC68D1B79}"/>
          </ac:spMkLst>
        </pc:spChg>
        <pc:spChg chg="mod">
          <ac:chgData name="White, Alex" userId="eff6cc8c-37d8-483b-9c6c-6b27e9afa9bc" providerId="ADAL" clId="{BF04C754-5BF4-4E83-9615-DB14FA25AF8A}" dt="2023-10-12T11:38:08.274" v="295"/>
          <ac:spMkLst>
            <pc:docMk/>
            <pc:sldMk cId="2376958513" sldId="260"/>
            <ac:spMk id="7582" creationId="{9C0EF9C7-B3A0-8691-5AC8-946DF7C17CFF}"/>
          </ac:spMkLst>
        </pc:spChg>
        <pc:spChg chg="mod">
          <ac:chgData name="White, Alex" userId="eff6cc8c-37d8-483b-9c6c-6b27e9afa9bc" providerId="ADAL" clId="{BF04C754-5BF4-4E83-9615-DB14FA25AF8A}" dt="2023-10-12T11:38:08.274" v="295"/>
          <ac:spMkLst>
            <pc:docMk/>
            <pc:sldMk cId="2376958513" sldId="260"/>
            <ac:spMk id="7583" creationId="{6687A17D-3BE4-0213-5F5C-8024F6CE8E03}"/>
          </ac:spMkLst>
        </pc:spChg>
        <pc:spChg chg="mod">
          <ac:chgData name="White, Alex" userId="eff6cc8c-37d8-483b-9c6c-6b27e9afa9bc" providerId="ADAL" clId="{BF04C754-5BF4-4E83-9615-DB14FA25AF8A}" dt="2023-10-12T11:38:08.274" v="295"/>
          <ac:spMkLst>
            <pc:docMk/>
            <pc:sldMk cId="2376958513" sldId="260"/>
            <ac:spMk id="7584" creationId="{9E966196-D684-07D1-8796-89BE97667E16}"/>
          </ac:spMkLst>
        </pc:spChg>
        <pc:spChg chg="mod">
          <ac:chgData name="White, Alex" userId="eff6cc8c-37d8-483b-9c6c-6b27e9afa9bc" providerId="ADAL" clId="{BF04C754-5BF4-4E83-9615-DB14FA25AF8A}" dt="2023-10-12T11:38:08.274" v="295"/>
          <ac:spMkLst>
            <pc:docMk/>
            <pc:sldMk cId="2376958513" sldId="260"/>
            <ac:spMk id="7585" creationId="{D8D0B404-6C2D-B011-477A-B90EEF8C5F4E}"/>
          </ac:spMkLst>
        </pc:spChg>
        <pc:spChg chg="mod">
          <ac:chgData name="White, Alex" userId="eff6cc8c-37d8-483b-9c6c-6b27e9afa9bc" providerId="ADAL" clId="{BF04C754-5BF4-4E83-9615-DB14FA25AF8A}" dt="2023-10-12T11:38:08.274" v="295"/>
          <ac:spMkLst>
            <pc:docMk/>
            <pc:sldMk cId="2376958513" sldId="260"/>
            <ac:spMk id="7586" creationId="{97E8FFF3-15AF-BA13-764E-09F7C4A80965}"/>
          </ac:spMkLst>
        </pc:spChg>
        <pc:spChg chg="mod">
          <ac:chgData name="White, Alex" userId="eff6cc8c-37d8-483b-9c6c-6b27e9afa9bc" providerId="ADAL" clId="{BF04C754-5BF4-4E83-9615-DB14FA25AF8A}" dt="2023-10-12T11:38:08.274" v="295"/>
          <ac:spMkLst>
            <pc:docMk/>
            <pc:sldMk cId="2376958513" sldId="260"/>
            <ac:spMk id="7587" creationId="{F87551CA-3672-43CD-7977-E78ED7B9D005}"/>
          </ac:spMkLst>
        </pc:spChg>
        <pc:spChg chg="mod">
          <ac:chgData name="White, Alex" userId="eff6cc8c-37d8-483b-9c6c-6b27e9afa9bc" providerId="ADAL" clId="{BF04C754-5BF4-4E83-9615-DB14FA25AF8A}" dt="2023-10-12T11:38:08.274" v="295"/>
          <ac:spMkLst>
            <pc:docMk/>
            <pc:sldMk cId="2376958513" sldId="260"/>
            <ac:spMk id="7588" creationId="{66028198-5742-80B1-EA95-B028F015F41C}"/>
          </ac:spMkLst>
        </pc:spChg>
        <pc:spChg chg="mod">
          <ac:chgData name="White, Alex" userId="eff6cc8c-37d8-483b-9c6c-6b27e9afa9bc" providerId="ADAL" clId="{BF04C754-5BF4-4E83-9615-DB14FA25AF8A}" dt="2023-10-12T11:38:08.274" v="295"/>
          <ac:spMkLst>
            <pc:docMk/>
            <pc:sldMk cId="2376958513" sldId="260"/>
            <ac:spMk id="7589" creationId="{D1C9B5AE-892E-4233-454E-27C289253EE8}"/>
          </ac:spMkLst>
        </pc:spChg>
        <pc:spChg chg="mod">
          <ac:chgData name="White, Alex" userId="eff6cc8c-37d8-483b-9c6c-6b27e9afa9bc" providerId="ADAL" clId="{BF04C754-5BF4-4E83-9615-DB14FA25AF8A}" dt="2023-10-12T11:38:08.274" v="295"/>
          <ac:spMkLst>
            <pc:docMk/>
            <pc:sldMk cId="2376958513" sldId="260"/>
            <ac:spMk id="7590" creationId="{15A4557E-0C3D-41BE-3E21-6F1E5910C335}"/>
          </ac:spMkLst>
        </pc:spChg>
        <pc:spChg chg="mod">
          <ac:chgData name="White, Alex" userId="eff6cc8c-37d8-483b-9c6c-6b27e9afa9bc" providerId="ADAL" clId="{BF04C754-5BF4-4E83-9615-DB14FA25AF8A}" dt="2023-10-12T11:38:08.274" v="295"/>
          <ac:spMkLst>
            <pc:docMk/>
            <pc:sldMk cId="2376958513" sldId="260"/>
            <ac:spMk id="7591" creationId="{D6988790-42A2-46FE-93DF-ECFC4D69D525}"/>
          </ac:spMkLst>
        </pc:spChg>
        <pc:spChg chg="mod">
          <ac:chgData name="White, Alex" userId="eff6cc8c-37d8-483b-9c6c-6b27e9afa9bc" providerId="ADAL" clId="{BF04C754-5BF4-4E83-9615-DB14FA25AF8A}" dt="2023-10-12T11:38:08.274" v="295"/>
          <ac:spMkLst>
            <pc:docMk/>
            <pc:sldMk cId="2376958513" sldId="260"/>
            <ac:spMk id="7592" creationId="{F67A7FD7-F2D4-31A5-37B0-479346E25BE5}"/>
          </ac:spMkLst>
        </pc:spChg>
        <pc:spChg chg="mod">
          <ac:chgData name="White, Alex" userId="eff6cc8c-37d8-483b-9c6c-6b27e9afa9bc" providerId="ADAL" clId="{BF04C754-5BF4-4E83-9615-DB14FA25AF8A}" dt="2023-10-12T11:38:08.274" v="295"/>
          <ac:spMkLst>
            <pc:docMk/>
            <pc:sldMk cId="2376958513" sldId="260"/>
            <ac:spMk id="7593" creationId="{00ECD44E-3F5D-7655-B8BA-A90408375E6D}"/>
          </ac:spMkLst>
        </pc:spChg>
        <pc:spChg chg="mod">
          <ac:chgData name="White, Alex" userId="eff6cc8c-37d8-483b-9c6c-6b27e9afa9bc" providerId="ADAL" clId="{BF04C754-5BF4-4E83-9615-DB14FA25AF8A}" dt="2023-10-12T11:38:08.274" v="295"/>
          <ac:spMkLst>
            <pc:docMk/>
            <pc:sldMk cId="2376958513" sldId="260"/>
            <ac:spMk id="7594" creationId="{3D96F633-F4F5-CD70-76EB-E6246B1CE621}"/>
          </ac:spMkLst>
        </pc:spChg>
        <pc:spChg chg="mod">
          <ac:chgData name="White, Alex" userId="eff6cc8c-37d8-483b-9c6c-6b27e9afa9bc" providerId="ADAL" clId="{BF04C754-5BF4-4E83-9615-DB14FA25AF8A}" dt="2023-10-12T11:38:08.274" v="295"/>
          <ac:spMkLst>
            <pc:docMk/>
            <pc:sldMk cId="2376958513" sldId="260"/>
            <ac:spMk id="7595" creationId="{9D556035-4A09-EAD5-6079-43DC00A8115C}"/>
          </ac:spMkLst>
        </pc:spChg>
        <pc:spChg chg="mod">
          <ac:chgData name="White, Alex" userId="eff6cc8c-37d8-483b-9c6c-6b27e9afa9bc" providerId="ADAL" clId="{BF04C754-5BF4-4E83-9615-DB14FA25AF8A}" dt="2023-10-12T11:38:08.274" v="295"/>
          <ac:spMkLst>
            <pc:docMk/>
            <pc:sldMk cId="2376958513" sldId="260"/>
            <ac:spMk id="7596" creationId="{78F0A584-C785-D692-A9D1-CC77C1D60BE9}"/>
          </ac:spMkLst>
        </pc:spChg>
        <pc:spChg chg="mod">
          <ac:chgData name="White, Alex" userId="eff6cc8c-37d8-483b-9c6c-6b27e9afa9bc" providerId="ADAL" clId="{BF04C754-5BF4-4E83-9615-DB14FA25AF8A}" dt="2023-10-12T11:38:08.274" v="295"/>
          <ac:spMkLst>
            <pc:docMk/>
            <pc:sldMk cId="2376958513" sldId="260"/>
            <ac:spMk id="7597" creationId="{787EE48A-B537-E609-9F2D-99C6F91E28A9}"/>
          </ac:spMkLst>
        </pc:spChg>
        <pc:spChg chg="mod">
          <ac:chgData name="White, Alex" userId="eff6cc8c-37d8-483b-9c6c-6b27e9afa9bc" providerId="ADAL" clId="{BF04C754-5BF4-4E83-9615-DB14FA25AF8A}" dt="2023-10-12T11:38:08.274" v="295"/>
          <ac:spMkLst>
            <pc:docMk/>
            <pc:sldMk cId="2376958513" sldId="260"/>
            <ac:spMk id="7598" creationId="{6F9E289F-FEA7-D43C-DCC2-C3D070C3A7BA}"/>
          </ac:spMkLst>
        </pc:spChg>
        <pc:spChg chg="mod">
          <ac:chgData name="White, Alex" userId="eff6cc8c-37d8-483b-9c6c-6b27e9afa9bc" providerId="ADAL" clId="{BF04C754-5BF4-4E83-9615-DB14FA25AF8A}" dt="2023-10-12T11:38:08.274" v="295"/>
          <ac:spMkLst>
            <pc:docMk/>
            <pc:sldMk cId="2376958513" sldId="260"/>
            <ac:spMk id="7599" creationId="{0605F81B-0A77-46BF-22B0-ED8AC02EF477}"/>
          </ac:spMkLst>
        </pc:spChg>
        <pc:spChg chg="mod">
          <ac:chgData name="White, Alex" userId="eff6cc8c-37d8-483b-9c6c-6b27e9afa9bc" providerId="ADAL" clId="{BF04C754-5BF4-4E83-9615-DB14FA25AF8A}" dt="2023-10-12T11:38:08.274" v="295"/>
          <ac:spMkLst>
            <pc:docMk/>
            <pc:sldMk cId="2376958513" sldId="260"/>
            <ac:spMk id="7600" creationId="{B54B5775-84F5-D09E-51DC-B82B3B1D0726}"/>
          </ac:spMkLst>
        </pc:spChg>
        <pc:spChg chg="mod">
          <ac:chgData name="White, Alex" userId="eff6cc8c-37d8-483b-9c6c-6b27e9afa9bc" providerId="ADAL" clId="{BF04C754-5BF4-4E83-9615-DB14FA25AF8A}" dt="2023-10-12T11:38:08.274" v="295"/>
          <ac:spMkLst>
            <pc:docMk/>
            <pc:sldMk cId="2376958513" sldId="260"/>
            <ac:spMk id="7601" creationId="{64D4562C-84CC-8523-BB65-86C4ECB299D0}"/>
          </ac:spMkLst>
        </pc:spChg>
        <pc:spChg chg="mod">
          <ac:chgData name="White, Alex" userId="eff6cc8c-37d8-483b-9c6c-6b27e9afa9bc" providerId="ADAL" clId="{BF04C754-5BF4-4E83-9615-DB14FA25AF8A}" dt="2023-10-12T11:38:08.274" v="295"/>
          <ac:spMkLst>
            <pc:docMk/>
            <pc:sldMk cId="2376958513" sldId="260"/>
            <ac:spMk id="7602" creationId="{96D5CE61-092B-CFE4-3EDB-DDECA4C7DD36}"/>
          </ac:spMkLst>
        </pc:spChg>
        <pc:spChg chg="mod">
          <ac:chgData name="White, Alex" userId="eff6cc8c-37d8-483b-9c6c-6b27e9afa9bc" providerId="ADAL" clId="{BF04C754-5BF4-4E83-9615-DB14FA25AF8A}" dt="2023-10-12T11:38:08.274" v="295"/>
          <ac:spMkLst>
            <pc:docMk/>
            <pc:sldMk cId="2376958513" sldId="260"/>
            <ac:spMk id="7603" creationId="{F84C5A96-2E5F-A7B6-1E14-2CE359522EAA}"/>
          </ac:spMkLst>
        </pc:spChg>
        <pc:spChg chg="mod">
          <ac:chgData name="White, Alex" userId="eff6cc8c-37d8-483b-9c6c-6b27e9afa9bc" providerId="ADAL" clId="{BF04C754-5BF4-4E83-9615-DB14FA25AF8A}" dt="2023-10-12T11:38:08.274" v="295"/>
          <ac:spMkLst>
            <pc:docMk/>
            <pc:sldMk cId="2376958513" sldId="260"/>
            <ac:spMk id="7604" creationId="{A025CF5C-17E1-F252-53AA-F53870573BB6}"/>
          </ac:spMkLst>
        </pc:spChg>
        <pc:spChg chg="mod">
          <ac:chgData name="White, Alex" userId="eff6cc8c-37d8-483b-9c6c-6b27e9afa9bc" providerId="ADAL" clId="{BF04C754-5BF4-4E83-9615-DB14FA25AF8A}" dt="2023-10-12T11:38:08.274" v="295"/>
          <ac:spMkLst>
            <pc:docMk/>
            <pc:sldMk cId="2376958513" sldId="260"/>
            <ac:spMk id="7605" creationId="{8B92B9DA-A64B-EC6F-C8D2-4E0B95F145D6}"/>
          </ac:spMkLst>
        </pc:spChg>
        <pc:spChg chg="mod">
          <ac:chgData name="White, Alex" userId="eff6cc8c-37d8-483b-9c6c-6b27e9afa9bc" providerId="ADAL" clId="{BF04C754-5BF4-4E83-9615-DB14FA25AF8A}" dt="2023-10-12T11:38:08.274" v="295"/>
          <ac:spMkLst>
            <pc:docMk/>
            <pc:sldMk cId="2376958513" sldId="260"/>
            <ac:spMk id="7606" creationId="{29545508-AA21-C572-2BDC-0453C34A885E}"/>
          </ac:spMkLst>
        </pc:spChg>
        <pc:spChg chg="mod">
          <ac:chgData name="White, Alex" userId="eff6cc8c-37d8-483b-9c6c-6b27e9afa9bc" providerId="ADAL" clId="{BF04C754-5BF4-4E83-9615-DB14FA25AF8A}" dt="2023-10-12T11:38:08.274" v="295"/>
          <ac:spMkLst>
            <pc:docMk/>
            <pc:sldMk cId="2376958513" sldId="260"/>
            <ac:spMk id="7607" creationId="{4C03C015-875D-9314-D165-827DCCCCA408}"/>
          </ac:spMkLst>
        </pc:spChg>
        <pc:spChg chg="mod">
          <ac:chgData name="White, Alex" userId="eff6cc8c-37d8-483b-9c6c-6b27e9afa9bc" providerId="ADAL" clId="{BF04C754-5BF4-4E83-9615-DB14FA25AF8A}" dt="2023-10-12T11:38:08.274" v="295"/>
          <ac:spMkLst>
            <pc:docMk/>
            <pc:sldMk cId="2376958513" sldId="260"/>
            <ac:spMk id="7608" creationId="{366F7AD1-5CB1-A4AD-7234-D6B8700DC9A7}"/>
          </ac:spMkLst>
        </pc:spChg>
        <pc:spChg chg="mod">
          <ac:chgData name="White, Alex" userId="eff6cc8c-37d8-483b-9c6c-6b27e9afa9bc" providerId="ADAL" clId="{BF04C754-5BF4-4E83-9615-DB14FA25AF8A}" dt="2023-10-12T11:38:08.274" v="295"/>
          <ac:spMkLst>
            <pc:docMk/>
            <pc:sldMk cId="2376958513" sldId="260"/>
            <ac:spMk id="7609" creationId="{5B9DC7E9-8360-661E-CD6D-E8208464C55E}"/>
          </ac:spMkLst>
        </pc:spChg>
        <pc:spChg chg="mod">
          <ac:chgData name="White, Alex" userId="eff6cc8c-37d8-483b-9c6c-6b27e9afa9bc" providerId="ADAL" clId="{BF04C754-5BF4-4E83-9615-DB14FA25AF8A}" dt="2023-10-12T11:38:08.274" v="295"/>
          <ac:spMkLst>
            <pc:docMk/>
            <pc:sldMk cId="2376958513" sldId="260"/>
            <ac:spMk id="7610" creationId="{092882E6-5E75-B9FF-57C1-E27BA1CFAAD6}"/>
          </ac:spMkLst>
        </pc:spChg>
        <pc:spChg chg="mod">
          <ac:chgData name="White, Alex" userId="eff6cc8c-37d8-483b-9c6c-6b27e9afa9bc" providerId="ADAL" clId="{BF04C754-5BF4-4E83-9615-DB14FA25AF8A}" dt="2023-10-12T11:38:08.274" v="295"/>
          <ac:spMkLst>
            <pc:docMk/>
            <pc:sldMk cId="2376958513" sldId="260"/>
            <ac:spMk id="7611" creationId="{923737C9-0372-D36E-D131-6850EC4A978D}"/>
          </ac:spMkLst>
        </pc:spChg>
        <pc:spChg chg="mod">
          <ac:chgData name="White, Alex" userId="eff6cc8c-37d8-483b-9c6c-6b27e9afa9bc" providerId="ADAL" clId="{BF04C754-5BF4-4E83-9615-DB14FA25AF8A}" dt="2023-10-12T11:38:08.274" v="295"/>
          <ac:spMkLst>
            <pc:docMk/>
            <pc:sldMk cId="2376958513" sldId="260"/>
            <ac:spMk id="7612" creationId="{947EFCD5-B843-2E32-5EE1-EA2F70F077B3}"/>
          </ac:spMkLst>
        </pc:spChg>
        <pc:spChg chg="mod">
          <ac:chgData name="White, Alex" userId="eff6cc8c-37d8-483b-9c6c-6b27e9afa9bc" providerId="ADAL" clId="{BF04C754-5BF4-4E83-9615-DB14FA25AF8A}" dt="2023-10-12T11:38:08.274" v="295"/>
          <ac:spMkLst>
            <pc:docMk/>
            <pc:sldMk cId="2376958513" sldId="260"/>
            <ac:spMk id="7613" creationId="{E599852F-B0C0-CC98-D87F-5B10199FAC06}"/>
          </ac:spMkLst>
        </pc:spChg>
        <pc:spChg chg="mod">
          <ac:chgData name="White, Alex" userId="eff6cc8c-37d8-483b-9c6c-6b27e9afa9bc" providerId="ADAL" clId="{BF04C754-5BF4-4E83-9615-DB14FA25AF8A}" dt="2023-10-12T11:38:08.274" v="295"/>
          <ac:spMkLst>
            <pc:docMk/>
            <pc:sldMk cId="2376958513" sldId="260"/>
            <ac:spMk id="7614" creationId="{1B1305E5-5EAF-1D24-EDB1-12FC1B1E40FF}"/>
          </ac:spMkLst>
        </pc:spChg>
        <pc:spChg chg="mod">
          <ac:chgData name="White, Alex" userId="eff6cc8c-37d8-483b-9c6c-6b27e9afa9bc" providerId="ADAL" clId="{BF04C754-5BF4-4E83-9615-DB14FA25AF8A}" dt="2023-10-12T11:38:08.274" v="295"/>
          <ac:spMkLst>
            <pc:docMk/>
            <pc:sldMk cId="2376958513" sldId="260"/>
            <ac:spMk id="7615" creationId="{F71B9155-DACA-89C7-7D93-A3BAC319FF60}"/>
          </ac:spMkLst>
        </pc:spChg>
        <pc:spChg chg="mod">
          <ac:chgData name="White, Alex" userId="eff6cc8c-37d8-483b-9c6c-6b27e9afa9bc" providerId="ADAL" clId="{BF04C754-5BF4-4E83-9615-DB14FA25AF8A}" dt="2023-10-12T11:38:08.274" v="295"/>
          <ac:spMkLst>
            <pc:docMk/>
            <pc:sldMk cId="2376958513" sldId="260"/>
            <ac:spMk id="7616" creationId="{A92E1A01-F9E4-B770-EBBD-CBC36736C487}"/>
          </ac:spMkLst>
        </pc:spChg>
        <pc:spChg chg="mod">
          <ac:chgData name="White, Alex" userId="eff6cc8c-37d8-483b-9c6c-6b27e9afa9bc" providerId="ADAL" clId="{BF04C754-5BF4-4E83-9615-DB14FA25AF8A}" dt="2023-10-12T11:38:08.274" v="295"/>
          <ac:spMkLst>
            <pc:docMk/>
            <pc:sldMk cId="2376958513" sldId="260"/>
            <ac:spMk id="7617" creationId="{EA7ECD69-8921-1397-58A5-B46A9C06BA95}"/>
          </ac:spMkLst>
        </pc:spChg>
        <pc:spChg chg="mod">
          <ac:chgData name="White, Alex" userId="eff6cc8c-37d8-483b-9c6c-6b27e9afa9bc" providerId="ADAL" clId="{BF04C754-5BF4-4E83-9615-DB14FA25AF8A}" dt="2023-10-12T11:38:08.274" v="295"/>
          <ac:spMkLst>
            <pc:docMk/>
            <pc:sldMk cId="2376958513" sldId="260"/>
            <ac:spMk id="7618" creationId="{218EAA67-8913-056D-BA49-D1EF74C58D5F}"/>
          </ac:spMkLst>
        </pc:spChg>
        <pc:spChg chg="mod">
          <ac:chgData name="White, Alex" userId="eff6cc8c-37d8-483b-9c6c-6b27e9afa9bc" providerId="ADAL" clId="{BF04C754-5BF4-4E83-9615-DB14FA25AF8A}" dt="2023-10-12T11:38:08.274" v="295"/>
          <ac:spMkLst>
            <pc:docMk/>
            <pc:sldMk cId="2376958513" sldId="260"/>
            <ac:spMk id="7619" creationId="{A1F89E42-C92A-A0E0-29A0-8C530CDE4CD4}"/>
          </ac:spMkLst>
        </pc:spChg>
        <pc:spChg chg="mod">
          <ac:chgData name="White, Alex" userId="eff6cc8c-37d8-483b-9c6c-6b27e9afa9bc" providerId="ADAL" clId="{BF04C754-5BF4-4E83-9615-DB14FA25AF8A}" dt="2023-10-12T11:38:08.274" v="295"/>
          <ac:spMkLst>
            <pc:docMk/>
            <pc:sldMk cId="2376958513" sldId="260"/>
            <ac:spMk id="7620" creationId="{4F289277-FA29-4EC8-34DA-CCC936F01228}"/>
          </ac:spMkLst>
        </pc:spChg>
        <pc:spChg chg="mod">
          <ac:chgData name="White, Alex" userId="eff6cc8c-37d8-483b-9c6c-6b27e9afa9bc" providerId="ADAL" clId="{BF04C754-5BF4-4E83-9615-DB14FA25AF8A}" dt="2023-10-12T11:38:08.274" v="295"/>
          <ac:spMkLst>
            <pc:docMk/>
            <pc:sldMk cId="2376958513" sldId="260"/>
            <ac:spMk id="7621" creationId="{D97EFEB1-BA21-AF4F-4C58-719CB6F9807D}"/>
          </ac:spMkLst>
        </pc:spChg>
        <pc:spChg chg="mod">
          <ac:chgData name="White, Alex" userId="eff6cc8c-37d8-483b-9c6c-6b27e9afa9bc" providerId="ADAL" clId="{BF04C754-5BF4-4E83-9615-DB14FA25AF8A}" dt="2023-10-12T11:38:08.274" v="295"/>
          <ac:spMkLst>
            <pc:docMk/>
            <pc:sldMk cId="2376958513" sldId="260"/>
            <ac:spMk id="7622" creationId="{2CA294C4-7D43-5C12-05D0-DBA98BC882B9}"/>
          </ac:spMkLst>
        </pc:spChg>
        <pc:spChg chg="mod">
          <ac:chgData name="White, Alex" userId="eff6cc8c-37d8-483b-9c6c-6b27e9afa9bc" providerId="ADAL" clId="{BF04C754-5BF4-4E83-9615-DB14FA25AF8A}" dt="2023-10-12T11:38:08.274" v="295"/>
          <ac:spMkLst>
            <pc:docMk/>
            <pc:sldMk cId="2376958513" sldId="260"/>
            <ac:spMk id="7623" creationId="{0EA84959-AA2A-A737-C8EF-101000261810}"/>
          </ac:spMkLst>
        </pc:spChg>
        <pc:spChg chg="mod">
          <ac:chgData name="White, Alex" userId="eff6cc8c-37d8-483b-9c6c-6b27e9afa9bc" providerId="ADAL" clId="{BF04C754-5BF4-4E83-9615-DB14FA25AF8A}" dt="2023-10-12T11:38:08.274" v="295"/>
          <ac:spMkLst>
            <pc:docMk/>
            <pc:sldMk cId="2376958513" sldId="260"/>
            <ac:spMk id="7624" creationId="{AB20A0FA-CAFE-6C77-E0D2-0581BAD5BEE7}"/>
          </ac:spMkLst>
        </pc:spChg>
        <pc:spChg chg="mod">
          <ac:chgData name="White, Alex" userId="eff6cc8c-37d8-483b-9c6c-6b27e9afa9bc" providerId="ADAL" clId="{BF04C754-5BF4-4E83-9615-DB14FA25AF8A}" dt="2023-10-12T11:38:08.274" v="295"/>
          <ac:spMkLst>
            <pc:docMk/>
            <pc:sldMk cId="2376958513" sldId="260"/>
            <ac:spMk id="7625" creationId="{C7F72F97-5159-8DBC-E5DC-6F08C9D37503}"/>
          </ac:spMkLst>
        </pc:spChg>
        <pc:spChg chg="mod">
          <ac:chgData name="White, Alex" userId="eff6cc8c-37d8-483b-9c6c-6b27e9afa9bc" providerId="ADAL" clId="{BF04C754-5BF4-4E83-9615-DB14FA25AF8A}" dt="2023-10-12T11:38:08.274" v="295"/>
          <ac:spMkLst>
            <pc:docMk/>
            <pc:sldMk cId="2376958513" sldId="260"/>
            <ac:spMk id="7626" creationId="{0C792B71-C86C-F5CF-DC23-68528ACA8F8B}"/>
          </ac:spMkLst>
        </pc:spChg>
        <pc:spChg chg="mod">
          <ac:chgData name="White, Alex" userId="eff6cc8c-37d8-483b-9c6c-6b27e9afa9bc" providerId="ADAL" clId="{BF04C754-5BF4-4E83-9615-DB14FA25AF8A}" dt="2023-10-12T11:38:08.274" v="295"/>
          <ac:spMkLst>
            <pc:docMk/>
            <pc:sldMk cId="2376958513" sldId="260"/>
            <ac:spMk id="7627" creationId="{9FBEB851-EF4B-991A-19CA-3D2342A18D51}"/>
          </ac:spMkLst>
        </pc:spChg>
        <pc:spChg chg="mod">
          <ac:chgData name="White, Alex" userId="eff6cc8c-37d8-483b-9c6c-6b27e9afa9bc" providerId="ADAL" clId="{BF04C754-5BF4-4E83-9615-DB14FA25AF8A}" dt="2023-10-12T11:38:08.274" v="295"/>
          <ac:spMkLst>
            <pc:docMk/>
            <pc:sldMk cId="2376958513" sldId="260"/>
            <ac:spMk id="7628" creationId="{CF031B92-F16C-5540-9677-495A0F972878}"/>
          </ac:spMkLst>
        </pc:spChg>
        <pc:spChg chg="mod">
          <ac:chgData name="White, Alex" userId="eff6cc8c-37d8-483b-9c6c-6b27e9afa9bc" providerId="ADAL" clId="{BF04C754-5BF4-4E83-9615-DB14FA25AF8A}" dt="2023-10-12T11:38:08.274" v="295"/>
          <ac:spMkLst>
            <pc:docMk/>
            <pc:sldMk cId="2376958513" sldId="260"/>
            <ac:spMk id="7629" creationId="{E2C104EE-278A-95D4-7126-8F7136339073}"/>
          </ac:spMkLst>
        </pc:spChg>
        <pc:spChg chg="mod">
          <ac:chgData name="White, Alex" userId="eff6cc8c-37d8-483b-9c6c-6b27e9afa9bc" providerId="ADAL" clId="{BF04C754-5BF4-4E83-9615-DB14FA25AF8A}" dt="2023-10-12T11:38:08.274" v="295"/>
          <ac:spMkLst>
            <pc:docMk/>
            <pc:sldMk cId="2376958513" sldId="260"/>
            <ac:spMk id="7630" creationId="{A6F7EEE6-0E23-57D3-2A52-1FB0D4E82DD8}"/>
          </ac:spMkLst>
        </pc:spChg>
        <pc:spChg chg="mod">
          <ac:chgData name="White, Alex" userId="eff6cc8c-37d8-483b-9c6c-6b27e9afa9bc" providerId="ADAL" clId="{BF04C754-5BF4-4E83-9615-DB14FA25AF8A}" dt="2023-10-12T11:38:08.274" v="295"/>
          <ac:spMkLst>
            <pc:docMk/>
            <pc:sldMk cId="2376958513" sldId="260"/>
            <ac:spMk id="7631" creationId="{496BB050-4A45-B6EA-348E-6B152AC918B6}"/>
          </ac:spMkLst>
        </pc:spChg>
        <pc:spChg chg="mod">
          <ac:chgData name="White, Alex" userId="eff6cc8c-37d8-483b-9c6c-6b27e9afa9bc" providerId="ADAL" clId="{BF04C754-5BF4-4E83-9615-DB14FA25AF8A}" dt="2023-10-12T11:38:08.274" v="295"/>
          <ac:spMkLst>
            <pc:docMk/>
            <pc:sldMk cId="2376958513" sldId="260"/>
            <ac:spMk id="7632" creationId="{41359437-D9FE-18AF-015A-C2AFE14A3B7E}"/>
          </ac:spMkLst>
        </pc:spChg>
        <pc:spChg chg="mod">
          <ac:chgData name="White, Alex" userId="eff6cc8c-37d8-483b-9c6c-6b27e9afa9bc" providerId="ADAL" clId="{BF04C754-5BF4-4E83-9615-DB14FA25AF8A}" dt="2023-10-12T11:38:08.274" v="295"/>
          <ac:spMkLst>
            <pc:docMk/>
            <pc:sldMk cId="2376958513" sldId="260"/>
            <ac:spMk id="7633" creationId="{93A140F6-9493-9E42-992E-A0D87448DEF2}"/>
          </ac:spMkLst>
        </pc:spChg>
        <pc:spChg chg="mod">
          <ac:chgData name="White, Alex" userId="eff6cc8c-37d8-483b-9c6c-6b27e9afa9bc" providerId="ADAL" clId="{BF04C754-5BF4-4E83-9615-DB14FA25AF8A}" dt="2023-10-12T11:38:08.274" v="295"/>
          <ac:spMkLst>
            <pc:docMk/>
            <pc:sldMk cId="2376958513" sldId="260"/>
            <ac:spMk id="7634" creationId="{3525BF1A-43E5-2474-B642-1F7049ADA9BC}"/>
          </ac:spMkLst>
        </pc:spChg>
        <pc:spChg chg="mod">
          <ac:chgData name="White, Alex" userId="eff6cc8c-37d8-483b-9c6c-6b27e9afa9bc" providerId="ADAL" clId="{BF04C754-5BF4-4E83-9615-DB14FA25AF8A}" dt="2023-10-12T11:38:08.274" v="295"/>
          <ac:spMkLst>
            <pc:docMk/>
            <pc:sldMk cId="2376958513" sldId="260"/>
            <ac:spMk id="7635" creationId="{6CB779E9-DBA5-03A7-3954-E544B4549F08}"/>
          </ac:spMkLst>
        </pc:spChg>
        <pc:spChg chg="mod">
          <ac:chgData name="White, Alex" userId="eff6cc8c-37d8-483b-9c6c-6b27e9afa9bc" providerId="ADAL" clId="{BF04C754-5BF4-4E83-9615-DB14FA25AF8A}" dt="2023-10-12T11:38:08.274" v="295"/>
          <ac:spMkLst>
            <pc:docMk/>
            <pc:sldMk cId="2376958513" sldId="260"/>
            <ac:spMk id="7636" creationId="{A6912C6A-2EEA-0F7B-CD71-6870F92F4D41}"/>
          </ac:spMkLst>
        </pc:spChg>
        <pc:spChg chg="mod">
          <ac:chgData name="White, Alex" userId="eff6cc8c-37d8-483b-9c6c-6b27e9afa9bc" providerId="ADAL" clId="{BF04C754-5BF4-4E83-9615-DB14FA25AF8A}" dt="2023-10-12T11:38:08.274" v="295"/>
          <ac:spMkLst>
            <pc:docMk/>
            <pc:sldMk cId="2376958513" sldId="260"/>
            <ac:spMk id="7637" creationId="{C7EDCC47-D89A-1360-4FC5-D9D258852417}"/>
          </ac:spMkLst>
        </pc:spChg>
        <pc:spChg chg="mod">
          <ac:chgData name="White, Alex" userId="eff6cc8c-37d8-483b-9c6c-6b27e9afa9bc" providerId="ADAL" clId="{BF04C754-5BF4-4E83-9615-DB14FA25AF8A}" dt="2023-10-12T11:38:08.274" v="295"/>
          <ac:spMkLst>
            <pc:docMk/>
            <pc:sldMk cId="2376958513" sldId="260"/>
            <ac:spMk id="7638" creationId="{FEF6E76B-02E1-B6D9-7EC9-D681284ABAA2}"/>
          </ac:spMkLst>
        </pc:spChg>
        <pc:spChg chg="mod">
          <ac:chgData name="White, Alex" userId="eff6cc8c-37d8-483b-9c6c-6b27e9afa9bc" providerId="ADAL" clId="{BF04C754-5BF4-4E83-9615-DB14FA25AF8A}" dt="2023-10-12T11:38:08.274" v="295"/>
          <ac:spMkLst>
            <pc:docMk/>
            <pc:sldMk cId="2376958513" sldId="260"/>
            <ac:spMk id="7639" creationId="{6678C47A-92B7-49AA-09FD-7BEDE0B4E7DE}"/>
          </ac:spMkLst>
        </pc:spChg>
        <pc:spChg chg="mod">
          <ac:chgData name="White, Alex" userId="eff6cc8c-37d8-483b-9c6c-6b27e9afa9bc" providerId="ADAL" clId="{BF04C754-5BF4-4E83-9615-DB14FA25AF8A}" dt="2023-10-12T11:38:08.274" v="295"/>
          <ac:spMkLst>
            <pc:docMk/>
            <pc:sldMk cId="2376958513" sldId="260"/>
            <ac:spMk id="7640" creationId="{17768228-F5A1-40F8-7FB4-1DA8E5D81B6A}"/>
          </ac:spMkLst>
        </pc:spChg>
        <pc:spChg chg="mod">
          <ac:chgData name="White, Alex" userId="eff6cc8c-37d8-483b-9c6c-6b27e9afa9bc" providerId="ADAL" clId="{BF04C754-5BF4-4E83-9615-DB14FA25AF8A}" dt="2023-10-12T11:38:08.274" v="295"/>
          <ac:spMkLst>
            <pc:docMk/>
            <pc:sldMk cId="2376958513" sldId="260"/>
            <ac:spMk id="7641" creationId="{3A67BF94-F70F-1C04-7075-A9DDA8477C6B}"/>
          </ac:spMkLst>
        </pc:spChg>
        <pc:spChg chg="mod">
          <ac:chgData name="White, Alex" userId="eff6cc8c-37d8-483b-9c6c-6b27e9afa9bc" providerId="ADAL" clId="{BF04C754-5BF4-4E83-9615-DB14FA25AF8A}" dt="2023-10-12T11:38:08.274" v="295"/>
          <ac:spMkLst>
            <pc:docMk/>
            <pc:sldMk cId="2376958513" sldId="260"/>
            <ac:spMk id="7642" creationId="{425D3D19-E14C-8D1B-7BD3-2171643F03A2}"/>
          </ac:spMkLst>
        </pc:spChg>
        <pc:spChg chg="mod">
          <ac:chgData name="White, Alex" userId="eff6cc8c-37d8-483b-9c6c-6b27e9afa9bc" providerId="ADAL" clId="{BF04C754-5BF4-4E83-9615-DB14FA25AF8A}" dt="2023-10-12T11:38:08.274" v="295"/>
          <ac:spMkLst>
            <pc:docMk/>
            <pc:sldMk cId="2376958513" sldId="260"/>
            <ac:spMk id="7643" creationId="{CFC967AA-9560-2B40-2C18-05950ADDEAE1}"/>
          </ac:spMkLst>
        </pc:spChg>
        <pc:spChg chg="mod">
          <ac:chgData name="White, Alex" userId="eff6cc8c-37d8-483b-9c6c-6b27e9afa9bc" providerId="ADAL" clId="{BF04C754-5BF4-4E83-9615-DB14FA25AF8A}" dt="2023-10-12T11:38:08.274" v="295"/>
          <ac:spMkLst>
            <pc:docMk/>
            <pc:sldMk cId="2376958513" sldId="260"/>
            <ac:spMk id="7655" creationId="{A6E08870-6F08-2C4B-975C-7969DB6C81B8}"/>
          </ac:spMkLst>
        </pc:spChg>
        <pc:spChg chg="mod">
          <ac:chgData name="White, Alex" userId="eff6cc8c-37d8-483b-9c6c-6b27e9afa9bc" providerId="ADAL" clId="{BF04C754-5BF4-4E83-9615-DB14FA25AF8A}" dt="2023-10-12T11:38:08.274" v="295"/>
          <ac:spMkLst>
            <pc:docMk/>
            <pc:sldMk cId="2376958513" sldId="260"/>
            <ac:spMk id="7656" creationId="{DA7A7AF0-8475-7EE7-C653-884E3165F9D5}"/>
          </ac:spMkLst>
        </pc:spChg>
        <pc:spChg chg="mod">
          <ac:chgData name="White, Alex" userId="eff6cc8c-37d8-483b-9c6c-6b27e9afa9bc" providerId="ADAL" clId="{BF04C754-5BF4-4E83-9615-DB14FA25AF8A}" dt="2023-10-12T11:38:08.274" v="295"/>
          <ac:spMkLst>
            <pc:docMk/>
            <pc:sldMk cId="2376958513" sldId="260"/>
            <ac:spMk id="7657" creationId="{07448449-C327-3A28-FF33-2E493669E89D}"/>
          </ac:spMkLst>
        </pc:spChg>
        <pc:spChg chg="mod">
          <ac:chgData name="White, Alex" userId="eff6cc8c-37d8-483b-9c6c-6b27e9afa9bc" providerId="ADAL" clId="{BF04C754-5BF4-4E83-9615-DB14FA25AF8A}" dt="2023-10-12T11:38:08.274" v="295"/>
          <ac:spMkLst>
            <pc:docMk/>
            <pc:sldMk cId="2376958513" sldId="260"/>
            <ac:spMk id="7658" creationId="{20F28456-82B4-79D6-C182-A5B7970574BF}"/>
          </ac:spMkLst>
        </pc:spChg>
        <pc:spChg chg="mod">
          <ac:chgData name="White, Alex" userId="eff6cc8c-37d8-483b-9c6c-6b27e9afa9bc" providerId="ADAL" clId="{BF04C754-5BF4-4E83-9615-DB14FA25AF8A}" dt="2023-10-12T11:38:08.274" v="295"/>
          <ac:spMkLst>
            <pc:docMk/>
            <pc:sldMk cId="2376958513" sldId="260"/>
            <ac:spMk id="7659" creationId="{2325FA2B-F89B-25C9-6620-1A4D4FC30468}"/>
          </ac:spMkLst>
        </pc:spChg>
        <pc:spChg chg="mod">
          <ac:chgData name="White, Alex" userId="eff6cc8c-37d8-483b-9c6c-6b27e9afa9bc" providerId="ADAL" clId="{BF04C754-5BF4-4E83-9615-DB14FA25AF8A}" dt="2023-10-12T11:38:08.274" v="295"/>
          <ac:spMkLst>
            <pc:docMk/>
            <pc:sldMk cId="2376958513" sldId="260"/>
            <ac:spMk id="7660" creationId="{EE6B8F26-261E-8529-99BC-B73807F8AAA4}"/>
          </ac:spMkLst>
        </pc:spChg>
        <pc:spChg chg="mod">
          <ac:chgData name="White, Alex" userId="eff6cc8c-37d8-483b-9c6c-6b27e9afa9bc" providerId="ADAL" clId="{BF04C754-5BF4-4E83-9615-DB14FA25AF8A}" dt="2023-10-12T11:38:08.274" v="295"/>
          <ac:spMkLst>
            <pc:docMk/>
            <pc:sldMk cId="2376958513" sldId="260"/>
            <ac:spMk id="7661" creationId="{40BD93FD-E203-DB6A-6339-DC4A1873BDC3}"/>
          </ac:spMkLst>
        </pc:spChg>
        <pc:spChg chg="mod">
          <ac:chgData name="White, Alex" userId="eff6cc8c-37d8-483b-9c6c-6b27e9afa9bc" providerId="ADAL" clId="{BF04C754-5BF4-4E83-9615-DB14FA25AF8A}" dt="2023-10-12T11:38:08.274" v="295"/>
          <ac:spMkLst>
            <pc:docMk/>
            <pc:sldMk cId="2376958513" sldId="260"/>
            <ac:spMk id="7662" creationId="{6A2962FA-0FB7-3319-6496-44FBC34F17C5}"/>
          </ac:spMkLst>
        </pc:spChg>
        <pc:spChg chg="mod">
          <ac:chgData name="White, Alex" userId="eff6cc8c-37d8-483b-9c6c-6b27e9afa9bc" providerId="ADAL" clId="{BF04C754-5BF4-4E83-9615-DB14FA25AF8A}" dt="2023-10-12T11:38:08.274" v="295"/>
          <ac:spMkLst>
            <pc:docMk/>
            <pc:sldMk cId="2376958513" sldId="260"/>
            <ac:spMk id="7663" creationId="{0CD5CFF5-4868-AC6B-5B6F-4AB8940AE045}"/>
          </ac:spMkLst>
        </pc:spChg>
        <pc:spChg chg="mod">
          <ac:chgData name="White, Alex" userId="eff6cc8c-37d8-483b-9c6c-6b27e9afa9bc" providerId="ADAL" clId="{BF04C754-5BF4-4E83-9615-DB14FA25AF8A}" dt="2023-10-12T11:38:08.274" v="295"/>
          <ac:spMkLst>
            <pc:docMk/>
            <pc:sldMk cId="2376958513" sldId="260"/>
            <ac:spMk id="7664" creationId="{C758BEEB-FFDE-A5BF-6A93-7A6E5D36E0D6}"/>
          </ac:spMkLst>
        </pc:spChg>
        <pc:spChg chg="mod">
          <ac:chgData name="White, Alex" userId="eff6cc8c-37d8-483b-9c6c-6b27e9afa9bc" providerId="ADAL" clId="{BF04C754-5BF4-4E83-9615-DB14FA25AF8A}" dt="2023-10-12T11:38:08.274" v="295"/>
          <ac:spMkLst>
            <pc:docMk/>
            <pc:sldMk cId="2376958513" sldId="260"/>
            <ac:spMk id="7665" creationId="{AFBE9BEC-D05F-7B6A-E0CC-B5A01EC318EE}"/>
          </ac:spMkLst>
        </pc:spChg>
        <pc:spChg chg="mod">
          <ac:chgData name="White, Alex" userId="eff6cc8c-37d8-483b-9c6c-6b27e9afa9bc" providerId="ADAL" clId="{BF04C754-5BF4-4E83-9615-DB14FA25AF8A}" dt="2023-10-12T11:38:08.274" v="295"/>
          <ac:spMkLst>
            <pc:docMk/>
            <pc:sldMk cId="2376958513" sldId="260"/>
            <ac:spMk id="7666" creationId="{DD26644B-B180-B3C0-B38F-342A4AC42EF3}"/>
          </ac:spMkLst>
        </pc:spChg>
        <pc:spChg chg="mod">
          <ac:chgData name="White, Alex" userId="eff6cc8c-37d8-483b-9c6c-6b27e9afa9bc" providerId="ADAL" clId="{BF04C754-5BF4-4E83-9615-DB14FA25AF8A}" dt="2023-10-12T11:38:08.274" v="295"/>
          <ac:spMkLst>
            <pc:docMk/>
            <pc:sldMk cId="2376958513" sldId="260"/>
            <ac:spMk id="7667" creationId="{8CD443FA-C7E2-C3D4-2EA3-39825AC862FB}"/>
          </ac:spMkLst>
        </pc:spChg>
        <pc:spChg chg="mod">
          <ac:chgData name="White, Alex" userId="eff6cc8c-37d8-483b-9c6c-6b27e9afa9bc" providerId="ADAL" clId="{BF04C754-5BF4-4E83-9615-DB14FA25AF8A}" dt="2023-10-12T11:38:08.274" v="295"/>
          <ac:spMkLst>
            <pc:docMk/>
            <pc:sldMk cId="2376958513" sldId="260"/>
            <ac:spMk id="7668" creationId="{9E9BE800-41E4-BDE8-E3F6-095336454C5D}"/>
          </ac:spMkLst>
        </pc:spChg>
        <pc:spChg chg="mod">
          <ac:chgData name="White, Alex" userId="eff6cc8c-37d8-483b-9c6c-6b27e9afa9bc" providerId="ADAL" clId="{BF04C754-5BF4-4E83-9615-DB14FA25AF8A}" dt="2023-10-12T11:38:08.274" v="295"/>
          <ac:spMkLst>
            <pc:docMk/>
            <pc:sldMk cId="2376958513" sldId="260"/>
            <ac:spMk id="7669" creationId="{351C821E-DC4D-A2F8-6E9A-1FE6C7C98734}"/>
          </ac:spMkLst>
        </pc:spChg>
        <pc:spChg chg="mod">
          <ac:chgData name="White, Alex" userId="eff6cc8c-37d8-483b-9c6c-6b27e9afa9bc" providerId="ADAL" clId="{BF04C754-5BF4-4E83-9615-DB14FA25AF8A}" dt="2023-10-12T11:38:08.274" v="295"/>
          <ac:spMkLst>
            <pc:docMk/>
            <pc:sldMk cId="2376958513" sldId="260"/>
            <ac:spMk id="7670" creationId="{14B349F6-7DCB-19CB-EC82-422CF69369CD}"/>
          </ac:spMkLst>
        </pc:spChg>
        <pc:spChg chg="mod">
          <ac:chgData name="White, Alex" userId="eff6cc8c-37d8-483b-9c6c-6b27e9afa9bc" providerId="ADAL" clId="{BF04C754-5BF4-4E83-9615-DB14FA25AF8A}" dt="2023-10-12T11:38:08.274" v="295"/>
          <ac:spMkLst>
            <pc:docMk/>
            <pc:sldMk cId="2376958513" sldId="260"/>
            <ac:spMk id="7671" creationId="{F59BAF12-8612-7447-6C02-304F379F1A42}"/>
          </ac:spMkLst>
        </pc:spChg>
        <pc:spChg chg="mod">
          <ac:chgData name="White, Alex" userId="eff6cc8c-37d8-483b-9c6c-6b27e9afa9bc" providerId="ADAL" clId="{BF04C754-5BF4-4E83-9615-DB14FA25AF8A}" dt="2023-10-12T11:38:08.274" v="295"/>
          <ac:spMkLst>
            <pc:docMk/>
            <pc:sldMk cId="2376958513" sldId="260"/>
            <ac:spMk id="7672" creationId="{AFFD9E9B-2840-F383-A64D-10D64A5B95CD}"/>
          </ac:spMkLst>
        </pc:spChg>
        <pc:spChg chg="mod">
          <ac:chgData name="White, Alex" userId="eff6cc8c-37d8-483b-9c6c-6b27e9afa9bc" providerId="ADAL" clId="{BF04C754-5BF4-4E83-9615-DB14FA25AF8A}" dt="2023-10-12T11:38:08.274" v="295"/>
          <ac:spMkLst>
            <pc:docMk/>
            <pc:sldMk cId="2376958513" sldId="260"/>
            <ac:spMk id="7673" creationId="{4170FD2C-ACF4-9B88-812A-18257AA8B6A5}"/>
          </ac:spMkLst>
        </pc:spChg>
        <pc:spChg chg="mod">
          <ac:chgData name="White, Alex" userId="eff6cc8c-37d8-483b-9c6c-6b27e9afa9bc" providerId="ADAL" clId="{BF04C754-5BF4-4E83-9615-DB14FA25AF8A}" dt="2023-10-12T11:38:08.274" v="295"/>
          <ac:spMkLst>
            <pc:docMk/>
            <pc:sldMk cId="2376958513" sldId="260"/>
            <ac:spMk id="7674" creationId="{55B67945-FD7C-09B9-7E07-45EFD8E4E777}"/>
          </ac:spMkLst>
        </pc:spChg>
        <pc:spChg chg="mod">
          <ac:chgData name="White, Alex" userId="eff6cc8c-37d8-483b-9c6c-6b27e9afa9bc" providerId="ADAL" clId="{BF04C754-5BF4-4E83-9615-DB14FA25AF8A}" dt="2023-10-12T11:38:08.274" v="295"/>
          <ac:spMkLst>
            <pc:docMk/>
            <pc:sldMk cId="2376958513" sldId="260"/>
            <ac:spMk id="7675" creationId="{FFB77C2B-7119-7EAD-0603-BECA79ABE4D9}"/>
          </ac:spMkLst>
        </pc:spChg>
        <pc:spChg chg="mod">
          <ac:chgData name="White, Alex" userId="eff6cc8c-37d8-483b-9c6c-6b27e9afa9bc" providerId="ADAL" clId="{BF04C754-5BF4-4E83-9615-DB14FA25AF8A}" dt="2023-10-12T11:38:08.274" v="295"/>
          <ac:spMkLst>
            <pc:docMk/>
            <pc:sldMk cId="2376958513" sldId="260"/>
            <ac:spMk id="7676" creationId="{6D087962-C24F-2367-6E12-B565BDD5EAD6}"/>
          </ac:spMkLst>
        </pc:spChg>
        <pc:spChg chg="mod">
          <ac:chgData name="White, Alex" userId="eff6cc8c-37d8-483b-9c6c-6b27e9afa9bc" providerId="ADAL" clId="{BF04C754-5BF4-4E83-9615-DB14FA25AF8A}" dt="2023-10-12T11:38:08.274" v="295"/>
          <ac:spMkLst>
            <pc:docMk/>
            <pc:sldMk cId="2376958513" sldId="260"/>
            <ac:spMk id="7677" creationId="{0FC2A7F3-09C4-67DF-D3BB-FF9D3C39F185}"/>
          </ac:spMkLst>
        </pc:spChg>
        <pc:spChg chg="mod">
          <ac:chgData name="White, Alex" userId="eff6cc8c-37d8-483b-9c6c-6b27e9afa9bc" providerId="ADAL" clId="{BF04C754-5BF4-4E83-9615-DB14FA25AF8A}" dt="2023-10-12T11:38:08.274" v="295"/>
          <ac:spMkLst>
            <pc:docMk/>
            <pc:sldMk cId="2376958513" sldId="260"/>
            <ac:spMk id="7678" creationId="{F1E8E192-3C60-8149-1D2F-8C44E3733DAD}"/>
          </ac:spMkLst>
        </pc:spChg>
        <pc:spChg chg="mod">
          <ac:chgData name="White, Alex" userId="eff6cc8c-37d8-483b-9c6c-6b27e9afa9bc" providerId="ADAL" clId="{BF04C754-5BF4-4E83-9615-DB14FA25AF8A}" dt="2023-10-12T11:38:08.274" v="295"/>
          <ac:spMkLst>
            <pc:docMk/>
            <pc:sldMk cId="2376958513" sldId="260"/>
            <ac:spMk id="7679" creationId="{EB89BC10-E070-252F-76BD-9FE0D34C8EAC}"/>
          </ac:spMkLst>
        </pc:spChg>
        <pc:spChg chg="mod">
          <ac:chgData name="White, Alex" userId="eff6cc8c-37d8-483b-9c6c-6b27e9afa9bc" providerId="ADAL" clId="{BF04C754-5BF4-4E83-9615-DB14FA25AF8A}" dt="2023-10-12T11:38:08.274" v="295"/>
          <ac:spMkLst>
            <pc:docMk/>
            <pc:sldMk cId="2376958513" sldId="260"/>
            <ac:spMk id="7680" creationId="{19299BFC-9EAE-6FD2-2B7A-9248D56F1067}"/>
          </ac:spMkLst>
        </pc:spChg>
        <pc:spChg chg="mod">
          <ac:chgData name="White, Alex" userId="eff6cc8c-37d8-483b-9c6c-6b27e9afa9bc" providerId="ADAL" clId="{BF04C754-5BF4-4E83-9615-DB14FA25AF8A}" dt="2023-10-12T11:38:08.274" v="295"/>
          <ac:spMkLst>
            <pc:docMk/>
            <pc:sldMk cId="2376958513" sldId="260"/>
            <ac:spMk id="7681" creationId="{7A7D31AA-6079-CB1D-7025-B35A6161E8CA}"/>
          </ac:spMkLst>
        </pc:spChg>
        <pc:spChg chg="mod">
          <ac:chgData name="White, Alex" userId="eff6cc8c-37d8-483b-9c6c-6b27e9afa9bc" providerId="ADAL" clId="{BF04C754-5BF4-4E83-9615-DB14FA25AF8A}" dt="2023-10-12T11:38:08.274" v="295"/>
          <ac:spMkLst>
            <pc:docMk/>
            <pc:sldMk cId="2376958513" sldId="260"/>
            <ac:spMk id="7682" creationId="{A7B8FDD4-B5A5-CED8-5F91-E267049B021A}"/>
          </ac:spMkLst>
        </pc:spChg>
        <pc:spChg chg="mod">
          <ac:chgData name="White, Alex" userId="eff6cc8c-37d8-483b-9c6c-6b27e9afa9bc" providerId="ADAL" clId="{BF04C754-5BF4-4E83-9615-DB14FA25AF8A}" dt="2023-10-12T11:38:08.274" v="295"/>
          <ac:spMkLst>
            <pc:docMk/>
            <pc:sldMk cId="2376958513" sldId="260"/>
            <ac:spMk id="7683" creationId="{BC15FDFA-1B76-7920-782D-E690770F3B78}"/>
          </ac:spMkLst>
        </pc:spChg>
        <pc:spChg chg="mod">
          <ac:chgData name="White, Alex" userId="eff6cc8c-37d8-483b-9c6c-6b27e9afa9bc" providerId="ADAL" clId="{BF04C754-5BF4-4E83-9615-DB14FA25AF8A}" dt="2023-10-12T11:38:08.274" v="295"/>
          <ac:spMkLst>
            <pc:docMk/>
            <pc:sldMk cId="2376958513" sldId="260"/>
            <ac:spMk id="7684" creationId="{9D8F2F3B-6A19-9C4D-20AF-F4D3A3196DF2}"/>
          </ac:spMkLst>
        </pc:spChg>
        <pc:spChg chg="mod">
          <ac:chgData name="White, Alex" userId="eff6cc8c-37d8-483b-9c6c-6b27e9afa9bc" providerId="ADAL" clId="{BF04C754-5BF4-4E83-9615-DB14FA25AF8A}" dt="2023-10-12T11:38:08.274" v="295"/>
          <ac:spMkLst>
            <pc:docMk/>
            <pc:sldMk cId="2376958513" sldId="260"/>
            <ac:spMk id="7685" creationId="{875BE9BE-3E00-F756-0614-28A3D9FF130D}"/>
          </ac:spMkLst>
        </pc:spChg>
        <pc:spChg chg="mod">
          <ac:chgData name="White, Alex" userId="eff6cc8c-37d8-483b-9c6c-6b27e9afa9bc" providerId="ADAL" clId="{BF04C754-5BF4-4E83-9615-DB14FA25AF8A}" dt="2023-10-12T11:38:08.274" v="295"/>
          <ac:spMkLst>
            <pc:docMk/>
            <pc:sldMk cId="2376958513" sldId="260"/>
            <ac:spMk id="7686" creationId="{932B1B30-03B8-3BD2-3B79-3A7B96D9CA14}"/>
          </ac:spMkLst>
        </pc:spChg>
        <pc:spChg chg="mod">
          <ac:chgData name="White, Alex" userId="eff6cc8c-37d8-483b-9c6c-6b27e9afa9bc" providerId="ADAL" clId="{BF04C754-5BF4-4E83-9615-DB14FA25AF8A}" dt="2023-10-12T11:38:08.274" v="295"/>
          <ac:spMkLst>
            <pc:docMk/>
            <pc:sldMk cId="2376958513" sldId="260"/>
            <ac:spMk id="7687" creationId="{A5DEC91F-EB5A-F981-2B00-101F22E142F6}"/>
          </ac:spMkLst>
        </pc:spChg>
        <pc:spChg chg="mod">
          <ac:chgData name="White, Alex" userId="eff6cc8c-37d8-483b-9c6c-6b27e9afa9bc" providerId="ADAL" clId="{BF04C754-5BF4-4E83-9615-DB14FA25AF8A}" dt="2023-10-12T11:38:08.274" v="295"/>
          <ac:spMkLst>
            <pc:docMk/>
            <pc:sldMk cId="2376958513" sldId="260"/>
            <ac:spMk id="7688" creationId="{60558A79-257F-14C9-866D-544F777C24CF}"/>
          </ac:spMkLst>
        </pc:spChg>
        <pc:spChg chg="mod">
          <ac:chgData name="White, Alex" userId="eff6cc8c-37d8-483b-9c6c-6b27e9afa9bc" providerId="ADAL" clId="{BF04C754-5BF4-4E83-9615-DB14FA25AF8A}" dt="2023-10-12T11:38:08.274" v="295"/>
          <ac:spMkLst>
            <pc:docMk/>
            <pc:sldMk cId="2376958513" sldId="260"/>
            <ac:spMk id="7689" creationId="{D4F31D02-565B-F41F-EBE2-03CAC053F6FE}"/>
          </ac:spMkLst>
        </pc:spChg>
        <pc:spChg chg="mod">
          <ac:chgData name="White, Alex" userId="eff6cc8c-37d8-483b-9c6c-6b27e9afa9bc" providerId="ADAL" clId="{BF04C754-5BF4-4E83-9615-DB14FA25AF8A}" dt="2023-10-12T11:38:08.274" v="295"/>
          <ac:spMkLst>
            <pc:docMk/>
            <pc:sldMk cId="2376958513" sldId="260"/>
            <ac:spMk id="7690" creationId="{D14FDA2D-895A-EC28-2627-9626EF5CE1A0}"/>
          </ac:spMkLst>
        </pc:spChg>
        <pc:spChg chg="mod">
          <ac:chgData name="White, Alex" userId="eff6cc8c-37d8-483b-9c6c-6b27e9afa9bc" providerId="ADAL" clId="{BF04C754-5BF4-4E83-9615-DB14FA25AF8A}" dt="2023-10-12T11:38:08.274" v="295"/>
          <ac:spMkLst>
            <pc:docMk/>
            <pc:sldMk cId="2376958513" sldId="260"/>
            <ac:spMk id="7691" creationId="{AAA42EB8-DAC3-AC80-088B-799DEBFBCE93}"/>
          </ac:spMkLst>
        </pc:spChg>
        <pc:spChg chg="mod">
          <ac:chgData name="White, Alex" userId="eff6cc8c-37d8-483b-9c6c-6b27e9afa9bc" providerId="ADAL" clId="{BF04C754-5BF4-4E83-9615-DB14FA25AF8A}" dt="2023-10-12T11:38:08.274" v="295"/>
          <ac:spMkLst>
            <pc:docMk/>
            <pc:sldMk cId="2376958513" sldId="260"/>
            <ac:spMk id="7692" creationId="{4C2D6F4E-BA17-0EBC-DDBD-BAA47B3A5286}"/>
          </ac:spMkLst>
        </pc:spChg>
        <pc:spChg chg="mod">
          <ac:chgData name="White, Alex" userId="eff6cc8c-37d8-483b-9c6c-6b27e9afa9bc" providerId="ADAL" clId="{BF04C754-5BF4-4E83-9615-DB14FA25AF8A}" dt="2023-10-12T11:38:08.274" v="295"/>
          <ac:spMkLst>
            <pc:docMk/>
            <pc:sldMk cId="2376958513" sldId="260"/>
            <ac:spMk id="7693" creationId="{D6BF0039-130B-391B-D5CB-611F1FA8494C}"/>
          </ac:spMkLst>
        </pc:spChg>
        <pc:spChg chg="mod">
          <ac:chgData name="White, Alex" userId="eff6cc8c-37d8-483b-9c6c-6b27e9afa9bc" providerId="ADAL" clId="{BF04C754-5BF4-4E83-9615-DB14FA25AF8A}" dt="2023-10-12T11:38:08.274" v="295"/>
          <ac:spMkLst>
            <pc:docMk/>
            <pc:sldMk cId="2376958513" sldId="260"/>
            <ac:spMk id="7694" creationId="{0FE6249C-6ACF-83D4-F3C3-430B4D28E2E9}"/>
          </ac:spMkLst>
        </pc:spChg>
        <pc:spChg chg="mod">
          <ac:chgData name="White, Alex" userId="eff6cc8c-37d8-483b-9c6c-6b27e9afa9bc" providerId="ADAL" clId="{BF04C754-5BF4-4E83-9615-DB14FA25AF8A}" dt="2023-10-12T11:38:08.274" v="295"/>
          <ac:spMkLst>
            <pc:docMk/>
            <pc:sldMk cId="2376958513" sldId="260"/>
            <ac:spMk id="7695" creationId="{4BDDBEDB-7159-4876-7EC2-BC63AF021BF8}"/>
          </ac:spMkLst>
        </pc:spChg>
        <pc:spChg chg="mod">
          <ac:chgData name="White, Alex" userId="eff6cc8c-37d8-483b-9c6c-6b27e9afa9bc" providerId="ADAL" clId="{BF04C754-5BF4-4E83-9615-DB14FA25AF8A}" dt="2023-10-12T11:38:08.274" v="295"/>
          <ac:spMkLst>
            <pc:docMk/>
            <pc:sldMk cId="2376958513" sldId="260"/>
            <ac:spMk id="7696" creationId="{AFF06585-B0B1-8546-4E44-BA0C7CB4A82C}"/>
          </ac:spMkLst>
        </pc:spChg>
        <pc:spChg chg="mod">
          <ac:chgData name="White, Alex" userId="eff6cc8c-37d8-483b-9c6c-6b27e9afa9bc" providerId="ADAL" clId="{BF04C754-5BF4-4E83-9615-DB14FA25AF8A}" dt="2023-10-12T11:38:08.274" v="295"/>
          <ac:spMkLst>
            <pc:docMk/>
            <pc:sldMk cId="2376958513" sldId="260"/>
            <ac:spMk id="7697" creationId="{31ACF9BC-2E4B-8A84-4F54-B06FCF74B2D5}"/>
          </ac:spMkLst>
        </pc:spChg>
        <pc:spChg chg="mod">
          <ac:chgData name="White, Alex" userId="eff6cc8c-37d8-483b-9c6c-6b27e9afa9bc" providerId="ADAL" clId="{BF04C754-5BF4-4E83-9615-DB14FA25AF8A}" dt="2023-10-12T11:38:08.274" v="295"/>
          <ac:spMkLst>
            <pc:docMk/>
            <pc:sldMk cId="2376958513" sldId="260"/>
            <ac:spMk id="7698" creationId="{168A648C-F155-02A2-A911-9FC9AEC466D6}"/>
          </ac:spMkLst>
        </pc:spChg>
        <pc:spChg chg="mod">
          <ac:chgData name="White, Alex" userId="eff6cc8c-37d8-483b-9c6c-6b27e9afa9bc" providerId="ADAL" clId="{BF04C754-5BF4-4E83-9615-DB14FA25AF8A}" dt="2023-10-12T11:38:08.274" v="295"/>
          <ac:spMkLst>
            <pc:docMk/>
            <pc:sldMk cId="2376958513" sldId="260"/>
            <ac:spMk id="7699" creationId="{0745ECA5-CD9E-F3B9-7708-F78B2199E5C0}"/>
          </ac:spMkLst>
        </pc:spChg>
        <pc:spChg chg="mod">
          <ac:chgData name="White, Alex" userId="eff6cc8c-37d8-483b-9c6c-6b27e9afa9bc" providerId="ADAL" clId="{BF04C754-5BF4-4E83-9615-DB14FA25AF8A}" dt="2023-10-12T11:38:08.274" v="295"/>
          <ac:spMkLst>
            <pc:docMk/>
            <pc:sldMk cId="2376958513" sldId="260"/>
            <ac:spMk id="7700" creationId="{59A3F944-A78D-1A0F-BDAC-F1632542DFFD}"/>
          </ac:spMkLst>
        </pc:spChg>
        <pc:spChg chg="mod">
          <ac:chgData name="White, Alex" userId="eff6cc8c-37d8-483b-9c6c-6b27e9afa9bc" providerId="ADAL" clId="{BF04C754-5BF4-4E83-9615-DB14FA25AF8A}" dt="2023-10-12T11:38:08.274" v="295"/>
          <ac:spMkLst>
            <pc:docMk/>
            <pc:sldMk cId="2376958513" sldId="260"/>
            <ac:spMk id="7701" creationId="{D231BFCB-C5A2-AAAA-F960-DAF25BF66FD7}"/>
          </ac:spMkLst>
        </pc:spChg>
        <pc:spChg chg="mod">
          <ac:chgData name="White, Alex" userId="eff6cc8c-37d8-483b-9c6c-6b27e9afa9bc" providerId="ADAL" clId="{BF04C754-5BF4-4E83-9615-DB14FA25AF8A}" dt="2023-10-12T11:38:08.274" v="295"/>
          <ac:spMkLst>
            <pc:docMk/>
            <pc:sldMk cId="2376958513" sldId="260"/>
            <ac:spMk id="7702" creationId="{A10EE158-C173-AD34-A635-636AE6F883B3}"/>
          </ac:spMkLst>
        </pc:spChg>
        <pc:spChg chg="mod">
          <ac:chgData name="White, Alex" userId="eff6cc8c-37d8-483b-9c6c-6b27e9afa9bc" providerId="ADAL" clId="{BF04C754-5BF4-4E83-9615-DB14FA25AF8A}" dt="2023-10-12T11:38:08.274" v="295"/>
          <ac:spMkLst>
            <pc:docMk/>
            <pc:sldMk cId="2376958513" sldId="260"/>
            <ac:spMk id="7703" creationId="{82635CA0-57FF-435E-8064-139CDF8B4989}"/>
          </ac:spMkLst>
        </pc:spChg>
        <pc:spChg chg="mod">
          <ac:chgData name="White, Alex" userId="eff6cc8c-37d8-483b-9c6c-6b27e9afa9bc" providerId="ADAL" clId="{BF04C754-5BF4-4E83-9615-DB14FA25AF8A}" dt="2023-10-12T11:38:08.274" v="295"/>
          <ac:spMkLst>
            <pc:docMk/>
            <pc:sldMk cId="2376958513" sldId="260"/>
            <ac:spMk id="7704" creationId="{A3E05E51-F988-0189-BADF-3C720FA5383A}"/>
          </ac:spMkLst>
        </pc:spChg>
        <pc:spChg chg="mod">
          <ac:chgData name="White, Alex" userId="eff6cc8c-37d8-483b-9c6c-6b27e9afa9bc" providerId="ADAL" clId="{BF04C754-5BF4-4E83-9615-DB14FA25AF8A}" dt="2023-10-12T11:38:08.274" v="295"/>
          <ac:spMkLst>
            <pc:docMk/>
            <pc:sldMk cId="2376958513" sldId="260"/>
            <ac:spMk id="7705" creationId="{6D1CC034-2152-F9AD-7D05-FFFE680DC113}"/>
          </ac:spMkLst>
        </pc:spChg>
        <pc:spChg chg="mod">
          <ac:chgData name="White, Alex" userId="eff6cc8c-37d8-483b-9c6c-6b27e9afa9bc" providerId="ADAL" clId="{BF04C754-5BF4-4E83-9615-DB14FA25AF8A}" dt="2023-10-12T11:38:08.274" v="295"/>
          <ac:spMkLst>
            <pc:docMk/>
            <pc:sldMk cId="2376958513" sldId="260"/>
            <ac:spMk id="7706" creationId="{C5353B50-3F75-1DEF-ABBC-9CAD3BECDBBB}"/>
          </ac:spMkLst>
        </pc:spChg>
        <pc:spChg chg="mod">
          <ac:chgData name="White, Alex" userId="eff6cc8c-37d8-483b-9c6c-6b27e9afa9bc" providerId="ADAL" clId="{BF04C754-5BF4-4E83-9615-DB14FA25AF8A}" dt="2023-10-12T11:38:08.274" v="295"/>
          <ac:spMkLst>
            <pc:docMk/>
            <pc:sldMk cId="2376958513" sldId="260"/>
            <ac:spMk id="7707" creationId="{18EBDA57-D917-8034-B1EA-828C0BB4512A}"/>
          </ac:spMkLst>
        </pc:spChg>
        <pc:spChg chg="mod">
          <ac:chgData name="White, Alex" userId="eff6cc8c-37d8-483b-9c6c-6b27e9afa9bc" providerId="ADAL" clId="{BF04C754-5BF4-4E83-9615-DB14FA25AF8A}" dt="2023-10-12T11:38:08.274" v="295"/>
          <ac:spMkLst>
            <pc:docMk/>
            <pc:sldMk cId="2376958513" sldId="260"/>
            <ac:spMk id="7708" creationId="{9D1A6B75-73E9-D9B1-EB6D-EDBB44CFCB6C}"/>
          </ac:spMkLst>
        </pc:spChg>
        <pc:spChg chg="mod">
          <ac:chgData name="White, Alex" userId="eff6cc8c-37d8-483b-9c6c-6b27e9afa9bc" providerId="ADAL" clId="{BF04C754-5BF4-4E83-9615-DB14FA25AF8A}" dt="2023-10-12T11:38:08.274" v="295"/>
          <ac:spMkLst>
            <pc:docMk/>
            <pc:sldMk cId="2376958513" sldId="260"/>
            <ac:spMk id="7709" creationId="{A16FF313-419E-C383-3CF2-B0F8D7C6559E}"/>
          </ac:spMkLst>
        </pc:spChg>
        <pc:spChg chg="mod">
          <ac:chgData name="White, Alex" userId="eff6cc8c-37d8-483b-9c6c-6b27e9afa9bc" providerId="ADAL" clId="{BF04C754-5BF4-4E83-9615-DB14FA25AF8A}" dt="2023-10-12T11:38:08.274" v="295"/>
          <ac:spMkLst>
            <pc:docMk/>
            <pc:sldMk cId="2376958513" sldId="260"/>
            <ac:spMk id="7710" creationId="{B0EB0CEB-A696-DB18-1E01-FB6444863474}"/>
          </ac:spMkLst>
        </pc:spChg>
        <pc:spChg chg="mod">
          <ac:chgData name="White, Alex" userId="eff6cc8c-37d8-483b-9c6c-6b27e9afa9bc" providerId="ADAL" clId="{BF04C754-5BF4-4E83-9615-DB14FA25AF8A}" dt="2023-10-12T11:38:08.274" v="295"/>
          <ac:spMkLst>
            <pc:docMk/>
            <pc:sldMk cId="2376958513" sldId="260"/>
            <ac:spMk id="7711" creationId="{5EF5C223-E999-438D-C842-015F3FFBBF98}"/>
          </ac:spMkLst>
        </pc:spChg>
        <pc:spChg chg="mod">
          <ac:chgData name="White, Alex" userId="eff6cc8c-37d8-483b-9c6c-6b27e9afa9bc" providerId="ADAL" clId="{BF04C754-5BF4-4E83-9615-DB14FA25AF8A}" dt="2023-10-12T11:38:08.274" v="295"/>
          <ac:spMkLst>
            <pc:docMk/>
            <pc:sldMk cId="2376958513" sldId="260"/>
            <ac:spMk id="7712" creationId="{A2AF72D6-FD86-6B8B-C17B-963F13F2A18C}"/>
          </ac:spMkLst>
        </pc:spChg>
        <pc:spChg chg="mod">
          <ac:chgData name="White, Alex" userId="eff6cc8c-37d8-483b-9c6c-6b27e9afa9bc" providerId="ADAL" clId="{BF04C754-5BF4-4E83-9615-DB14FA25AF8A}" dt="2023-10-12T11:38:08.274" v="295"/>
          <ac:spMkLst>
            <pc:docMk/>
            <pc:sldMk cId="2376958513" sldId="260"/>
            <ac:spMk id="7713" creationId="{44CFA84C-AE85-9DAA-FBF5-E885ECCE8167}"/>
          </ac:spMkLst>
        </pc:spChg>
        <pc:spChg chg="mod">
          <ac:chgData name="White, Alex" userId="eff6cc8c-37d8-483b-9c6c-6b27e9afa9bc" providerId="ADAL" clId="{BF04C754-5BF4-4E83-9615-DB14FA25AF8A}" dt="2023-10-12T11:38:08.274" v="295"/>
          <ac:spMkLst>
            <pc:docMk/>
            <pc:sldMk cId="2376958513" sldId="260"/>
            <ac:spMk id="7714" creationId="{6FEA43BF-7462-F199-63FE-324A13BE273E}"/>
          </ac:spMkLst>
        </pc:spChg>
        <pc:spChg chg="mod">
          <ac:chgData name="White, Alex" userId="eff6cc8c-37d8-483b-9c6c-6b27e9afa9bc" providerId="ADAL" clId="{BF04C754-5BF4-4E83-9615-DB14FA25AF8A}" dt="2023-10-12T11:38:08.274" v="295"/>
          <ac:spMkLst>
            <pc:docMk/>
            <pc:sldMk cId="2376958513" sldId="260"/>
            <ac:spMk id="7715" creationId="{BD8144D1-FBC0-4C7F-D0F0-65303EB766CF}"/>
          </ac:spMkLst>
        </pc:spChg>
        <pc:spChg chg="mod">
          <ac:chgData name="White, Alex" userId="eff6cc8c-37d8-483b-9c6c-6b27e9afa9bc" providerId="ADAL" clId="{BF04C754-5BF4-4E83-9615-DB14FA25AF8A}" dt="2023-10-12T11:38:08.274" v="295"/>
          <ac:spMkLst>
            <pc:docMk/>
            <pc:sldMk cId="2376958513" sldId="260"/>
            <ac:spMk id="7716" creationId="{C36EDACB-2BBE-C30B-CDD9-0E7DF63081BC}"/>
          </ac:spMkLst>
        </pc:spChg>
        <pc:spChg chg="mod">
          <ac:chgData name="White, Alex" userId="eff6cc8c-37d8-483b-9c6c-6b27e9afa9bc" providerId="ADAL" clId="{BF04C754-5BF4-4E83-9615-DB14FA25AF8A}" dt="2023-10-12T11:38:08.274" v="295"/>
          <ac:spMkLst>
            <pc:docMk/>
            <pc:sldMk cId="2376958513" sldId="260"/>
            <ac:spMk id="7717" creationId="{EAB75980-86C5-5E72-B751-6D27A987EAC7}"/>
          </ac:spMkLst>
        </pc:spChg>
        <pc:spChg chg="mod">
          <ac:chgData name="White, Alex" userId="eff6cc8c-37d8-483b-9c6c-6b27e9afa9bc" providerId="ADAL" clId="{BF04C754-5BF4-4E83-9615-DB14FA25AF8A}" dt="2023-10-12T11:38:08.274" v="295"/>
          <ac:spMkLst>
            <pc:docMk/>
            <pc:sldMk cId="2376958513" sldId="260"/>
            <ac:spMk id="7718" creationId="{8B6864C3-A0C8-63DA-3D7E-F774D116DACA}"/>
          </ac:spMkLst>
        </pc:spChg>
        <pc:spChg chg="mod">
          <ac:chgData name="White, Alex" userId="eff6cc8c-37d8-483b-9c6c-6b27e9afa9bc" providerId="ADAL" clId="{BF04C754-5BF4-4E83-9615-DB14FA25AF8A}" dt="2023-10-12T11:38:08.274" v="295"/>
          <ac:spMkLst>
            <pc:docMk/>
            <pc:sldMk cId="2376958513" sldId="260"/>
            <ac:spMk id="7719" creationId="{2BB6BF8A-C988-5B5E-6515-B77D3CEB85D1}"/>
          </ac:spMkLst>
        </pc:spChg>
        <pc:spChg chg="mod">
          <ac:chgData name="White, Alex" userId="eff6cc8c-37d8-483b-9c6c-6b27e9afa9bc" providerId="ADAL" clId="{BF04C754-5BF4-4E83-9615-DB14FA25AF8A}" dt="2023-10-12T11:38:08.274" v="295"/>
          <ac:spMkLst>
            <pc:docMk/>
            <pc:sldMk cId="2376958513" sldId="260"/>
            <ac:spMk id="7720" creationId="{74A7107D-2A48-AFF5-11C7-F2C2B6907216}"/>
          </ac:spMkLst>
        </pc:spChg>
        <pc:spChg chg="mod">
          <ac:chgData name="White, Alex" userId="eff6cc8c-37d8-483b-9c6c-6b27e9afa9bc" providerId="ADAL" clId="{BF04C754-5BF4-4E83-9615-DB14FA25AF8A}" dt="2023-10-12T11:38:08.274" v="295"/>
          <ac:spMkLst>
            <pc:docMk/>
            <pc:sldMk cId="2376958513" sldId="260"/>
            <ac:spMk id="7721" creationId="{592506E7-A395-00A7-C47B-5FB04FF4114E}"/>
          </ac:spMkLst>
        </pc:spChg>
        <pc:spChg chg="mod">
          <ac:chgData name="White, Alex" userId="eff6cc8c-37d8-483b-9c6c-6b27e9afa9bc" providerId="ADAL" clId="{BF04C754-5BF4-4E83-9615-DB14FA25AF8A}" dt="2023-10-12T11:38:08.274" v="295"/>
          <ac:spMkLst>
            <pc:docMk/>
            <pc:sldMk cId="2376958513" sldId="260"/>
            <ac:spMk id="7722" creationId="{47C03A3B-8CA9-43C2-AD5B-3FE5A90E260A}"/>
          </ac:spMkLst>
        </pc:spChg>
        <pc:spChg chg="mod">
          <ac:chgData name="White, Alex" userId="eff6cc8c-37d8-483b-9c6c-6b27e9afa9bc" providerId="ADAL" clId="{BF04C754-5BF4-4E83-9615-DB14FA25AF8A}" dt="2023-10-12T11:38:08.274" v="295"/>
          <ac:spMkLst>
            <pc:docMk/>
            <pc:sldMk cId="2376958513" sldId="260"/>
            <ac:spMk id="7723" creationId="{6415F595-7205-F372-99AC-B29CDFB8E334}"/>
          </ac:spMkLst>
        </pc:spChg>
        <pc:spChg chg="mod">
          <ac:chgData name="White, Alex" userId="eff6cc8c-37d8-483b-9c6c-6b27e9afa9bc" providerId="ADAL" clId="{BF04C754-5BF4-4E83-9615-DB14FA25AF8A}" dt="2023-10-12T11:38:08.274" v="295"/>
          <ac:spMkLst>
            <pc:docMk/>
            <pc:sldMk cId="2376958513" sldId="260"/>
            <ac:spMk id="7724" creationId="{26B8BAFE-57B6-F97C-9F5D-FE44F57774F3}"/>
          </ac:spMkLst>
        </pc:spChg>
        <pc:spChg chg="mod">
          <ac:chgData name="White, Alex" userId="eff6cc8c-37d8-483b-9c6c-6b27e9afa9bc" providerId="ADAL" clId="{BF04C754-5BF4-4E83-9615-DB14FA25AF8A}" dt="2023-10-12T11:38:08.274" v="295"/>
          <ac:spMkLst>
            <pc:docMk/>
            <pc:sldMk cId="2376958513" sldId="260"/>
            <ac:spMk id="7725" creationId="{E4B03BC7-8C6F-6816-0D1E-190E8564AA1F}"/>
          </ac:spMkLst>
        </pc:spChg>
        <pc:spChg chg="mod">
          <ac:chgData name="White, Alex" userId="eff6cc8c-37d8-483b-9c6c-6b27e9afa9bc" providerId="ADAL" clId="{BF04C754-5BF4-4E83-9615-DB14FA25AF8A}" dt="2023-10-12T11:38:08.274" v="295"/>
          <ac:spMkLst>
            <pc:docMk/>
            <pc:sldMk cId="2376958513" sldId="260"/>
            <ac:spMk id="7726" creationId="{494D9F7F-AA3A-CB6F-A58A-523943B190DE}"/>
          </ac:spMkLst>
        </pc:spChg>
        <pc:spChg chg="mod">
          <ac:chgData name="White, Alex" userId="eff6cc8c-37d8-483b-9c6c-6b27e9afa9bc" providerId="ADAL" clId="{BF04C754-5BF4-4E83-9615-DB14FA25AF8A}" dt="2023-10-12T11:38:08.274" v="295"/>
          <ac:spMkLst>
            <pc:docMk/>
            <pc:sldMk cId="2376958513" sldId="260"/>
            <ac:spMk id="7727" creationId="{1EE8A7CF-2C8C-9F4C-0688-C20D4096BDEB}"/>
          </ac:spMkLst>
        </pc:spChg>
        <pc:spChg chg="mod">
          <ac:chgData name="White, Alex" userId="eff6cc8c-37d8-483b-9c6c-6b27e9afa9bc" providerId="ADAL" clId="{BF04C754-5BF4-4E83-9615-DB14FA25AF8A}" dt="2023-10-12T11:38:08.274" v="295"/>
          <ac:spMkLst>
            <pc:docMk/>
            <pc:sldMk cId="2376958513" sldId="260"/>
            <ac:spMk id="7728" creationId="{9792B449-9B06-050F-1521-276F36BC3AD3}"/>
          </ac:spMkLst>
        </pc:spChg>
        <pc:spChg chg="mod">
          <ac:chgData name="White, Alex" userId="eff6cc8c-37d8-483b-9c6c-6b27e9afa9bc" providerId="ADAL" clId="{BF04C754-5BF4-4E83-9615-DB14FA25AF8A}" dt="2023-10-12T11:38:08.274" v="295"/>
          <ac:spMkLst>
            <pc:docMk/>
            <pc:sldMk cId="2376958513" sldId="260"/>
            <ac:spMk id="7729" creationId="{F688ADF6-A5DC-3666-3CCA-86580F07C6C0}"/>
          </ac:spMkLst>
        </pc:spChg>
        <pc:spChg chg="mod">
          <ac:chgData name="White, Alex" userId="eff6cc8c-37d8-483b-9c6c-6b27e9afa9bc" providerId="ADAL" clId="{BF04C754-5BF4-4E83-9615-DB14FA25AF8A}" dt="2023-10-12T11:38:08.274" v="295"/>
          <ac:spMkLst>
            <pc:docMk/>
            <pc:sldMk cId="2376958513" sldId="260"/>
            <ac:spMk id="7730" creationId="{0C176C79-0FB7-DB1E-4063-71492B432196}"/>
          </ac:spMkLst>
        </pc:spChg>
        <pc:spChg chg="mod">
          <ac:chgData name="White, Alex" userId="eff6cc8c-37d8-483b-9c6c-6b27e9afa9bc" providerId="ADAL" clId="{BF04C754-5BF4-4E83-9615-DB14FA25AF8A}" dt="2023-10-12T11:38:08.274" v="295"/>
          <ac:spMkLst>
            <pc:docMk/>
            <pc:sldMk cId="2376958513" sldId="260"/>
            <ac:spMk id="7731" creationId="{801ED97E-5AAE-7E14-E52E-3A8AB5DF4826}"/>
          </ac:spMkLst>
        </pc:spChg>
        <pc:spChg chg="mod">
          <ac:chgData name="White, Alex" userId="eff6cc8c-37d8-483b-9c6c-6b27e9afa9bc" providerId="ADAL" clId="{BF04C754-5BF4-4E83-9615-DB14FA25AF8A}" dt="2023-10-12T11:38:08.274" v="295"/>
          <ac:spMkLst>
            <pc:docMk/>
            <pc:sldMk cId="2376958513" sldId="260"/>
            <ac:spMk id="7732" creationId="{49874940-C58D-F8A7-75CF-5B7BF328ABC7}"/>
          </ac:spMkLst>
        </pc:spChg>
        <pc:spChg chg="mod">
          <ac:chgData name="White, Alex" userId="eff6cc8c-37d8-483b-9c6c-6b27e9afa9bc" providerId="ADAL" clId="{BF04C754-5BF4-4E83-9615-DB14FA25AF8A}" dt="2023-10-12T11:38:08.274" v="295"/>
          <ac:spMkLst>
            <pc:docMk/>
            <pc:sldMk cId="2376958513" sldId="260"/>
            <ac:spMk id="7733" creationId="{5F274350-ACF8-E76A-6712-A5FE5FC83094}"/>
          </ac:spMkLst>
        </pc:spChg>
        <pc:spChg chg="mod">
          <ac:chgData name="White, Alex" userId="eff6cc8c-37d8-483b-9c6c-6b27e9afa9bc" providerId="ADAL" clId="{BF04C754-5BF4-4E83-9615-DB14FA25AF8A}" dt="2023-10-12T11:38:08.274" v="295"/>
          <ac:spMkLst>
            <pc:docMk/>
            <pc:sldMk cId="2376958513" sldId="260"/>
            <ac:spMk id="7734" creationId="{DD587B97-6DB2-CE9B-BD48-59032F34E526}"/>
          </ac:spMkLst>
        </pc:spChg>
        <pc:spChg chg="mod">
          <ac:chgData name="White, Alex" userId="eff6cc8c-37d8-483b-9c6c-6b27e9afa9bc" providerId="ADAL" clId="{BF04C754-5BF4-4E83-9615-DB14FA25AF8A}" dt="2023-10-12T11:38:08.274" v="295"/>
          <ac:spMkLst>
            <pc:docMk/>
            <pc:sldMk cId="2376958513" sldId="260"/>
            <ac:spMk id="7735" creationId="{3F40DAE1-8EE0-08CB-9C4E-43A3A05D7EF9}"/>
          </ac:spMkLst>
        </pc:spChg>
        <pc:spChg chg="mod">
          <ac:chgData name="White, Alex" userId="eff6cc8c-37d8-483b-9c6c-6b27e9afa9bc" providerId="ADAL" clId="{BF04C754-5BF4-4E83-9615-DB14FA25AF8A}" dt="2023-10-12T11:38:08.274" v="295"/>
          <ac:spMkLst>
            <pc:docMk/>
            <pc:sldMk cId="2376958513" sldId="260"/>
            <ac:spMk id="7736" creationId="{62B08FCC-914F-8539-8C34-8989678A75D2}"/>
          </ac:spMkLst>
        </pc:spChg>
        <pc:spChg chg="mod">
          <ac:chgData name="White, Alex" userId="eff6cc8c-37d8-483b-9c6c-6b27e9afa9bc" providerId="ADAL" clId="{BF04C754-5BF4-4E83-9615-DB14FA25AF8A}" dt="2023-10-12T11:38:08.274" v="295"/>
          <ac:spMkLst>
            <pc:docMk/>
            <pc:sldMk cId="2376958513" sldId="260"/>
            <ac:spMk id="7737" creationId="{403864F0-1426-8B92-25B3-984B7DF46FFE}"/>
          </ac:spMkLst>
        </pc:spChg>
        <pc:spChg chg="mod">
          <ac:chgData name="White, Alex" userId="eff6cc8c-37d8-483b-9c6c-6b27e9afa9bc" providerId="ADAL" clId="{BF04C754-5BF4-4E83-9615-DB14FA25AF8A}" dt="2023-10-12T11:38:08.274" v="295"/>
          <ac:spMkLst>
            <pc:docMk/>
            <pc:sldMk cId="2376958513" sldId="260"/>
            <ac:spMk id="7738" creationId="{3E2278AF-33E0-9406-4DB9-7D930A1F5E4A}"/>
          </ac:spMkLst>
        </pc:spChg>
        <pc:spChg chg="mod">
          <ac:chgData name="White, Alex" userId="eff6cc8c-37d8-483b-9c6c-6b27e9afa9bc" providerId="ADAL" clId="{BF04C754-5BF4-4E83-9615-DB14FA25AF8A}" dt="2023-10-12T11:38:08.274" v="295"/>
          <ac:spMkLst>
            <pc:docMk/>
            <pc:sldMk cId="2376958513" sldId="260"/>
            <ac:spMk id="7739" creationId="{3F29E8A2-82C3-39DF-3EC0-D5B32241B4B9}"/>
          </ac:spMkLst>
        </pc:spChg>
        <pc:spChg chg="mod">
          <ac:chgData name="White, Alex" userId="eff6cc8c-37d8-483b-9c6c-6b27e9afa9bc" providerId="ADAL" clId="{BF04C754-5BF4-4E83-9615-DB14FA25AF8A}" dt="2023-10-12T11:38:08.274" v="295"/>
          <ac:spMkLst>
            <pc:docMk/>
            <pc:sldMk cId="2376958513" sldId="260"/>
            <ac:spMk id="7740" creationId="{D0B954F5-45F0-C91D-DC3D-FD55350725D7}"/>
          </ac:spMkLst>
        </pc:spChg>
        <pc:spChg chg="mod">
          <ac:chgData name="White, Alex" userId="eff6cc8c-37d8-483b-9c6c-6b27e9afa9bc" providerId="ADAL" clId="{BF04C754-5BF4-4E83-9615-DB14FA25AF8A}" dt="2023-10-12T11:38:08.274" v="295"/>
          <ac:spMkLst>
            <pc:docMk/>
            <pc:sldMk cId="2376958513" sldId="260"/>
            <ac:spMk id="7741" creationId="{837D4D0A-A873-05F5-8DA8-3D97AC21CD0B}"/>
          </ac:spMkLst>
        </pc:spChg>
        <pc:spChg chg="mod">
          <ac:chgData name="White, Alex" userId="eff6cc8c-37d8-483b-9c6c-6b27e9afa9bc" providerId="ADAL" clId="{BF04C754-5BF4-4E83-9615-DB14FA25AF8A}" dt="2023-10-12T11:38:08.274" v="295"/>
          <ac:spMkLst>
            <pc:docMk/>
            <pc:sldMk cId="2376958513" sldId="260"/>
            <ac:spMk id="7742" creationId="{C7CA7C20-E175-3896-6D92-5222D767B51D}"/>
          </ac:spMkLst>
        </pc:spChg>
        <pc:spChg chg="mod">
          <ac:chgData name="White, Alex" userId="eff6cc8c-37d8-483b-9c6c-6b27e9afa9bc" providerId="ADAL" clId="{BF04C754-5BF4-4E83-9615-DB14FA25AF8A}" dt="2023-10-12T11:38:08.274" v="295"/>
          <ac:spMkLst>
            <pc:docMk/>
            <pc:sldMk cId="2376958513" sldId="260"/>
            <ac:spMk id="7743" creationId="{CDD473F9-65E1-0F11-164E-FE77817FC150}"/>
          </ac:spMkLst>
        </pc:spChg>
        <pc:spChg chg="mod">
          <ac:chgData name="White, Alex" userId="eff6cc8c-37d8-483b-9c6c-6b27e9afa9bc" providerId="ADAL" clId="{BF04C754-5BF4-4E83-9615-DB14FA25AF8A}" dt="2023-10-12T11:38:08.274" v="295"/>
          <ac:spMkLst>
            <pc:docMk/>
            <pc:sldMk cId="2376958513" sldId="260"/>
            <ac:spMk id="7744" creationId="{603E9684-0DA3-C4DB-58E9-C5092470A5C3}"/>
          </ac:spMkLst>
        </pc:spChg>
        <pc:spChg chg="mod">
          <ac:chgData name="White, Alex" userId="eff6cc8c-37d8-483b-9c6c-6b27e9afa9bc" providerId="ADAL" clId="{BF04C754-5BF4-4E83-9615-DB14FA25AF8A}" dt="2023-10-12T11:38:08.274" v="295"/>
          <ac:spMkLst>
            <pc:docMk/>
            <pc:sldMk cId="2376958513" sldId="260"/>
            <ac:spMk id="7745" creationId="{E314309D-9315-DA04-B5F2-0F3D53DBAD74}"/>
          </ac:spMkLst>
        </pc:spChg>
        <pc:spChg chg="mod">
          <ac:chgData name="White, Alex" userId="eff6cc8c-37d8-483b-9c6c-6b27e9afa9bc" providerId="ADAL" clId="{BF04C754-5BF4-4E83-9615-DB14FA25AF8A}" dt="2023-10-12T11:38:08.274" v="295"/>
          <ac:spMkLst>
            <pc:docMk/>
            <pc:sldMk cId="2376958513" sldId="260"/>
            <ac:spMk id="7746" creationId="{8CAD0840-0122-DAE5-A612-64A320F66A98}"/>
          </ac:spMkLst>
        </pc:spChg>
        <pc:spChg chg="mod">
          <ac:chgData name="White, Alex" userId="eff6cc8c-37d8-483b-9c6c-6b27e9afa9bc" providerId="ADAL" clId="{BF04C754-5BF4-4E83-9615-DB14FA25AF8A}" dt="2023-10-12T11:38:08.274" v="295"/>
          <ac:spMkLst>
            <pc:docMk/>
            <pc:sldMk cId="2376958513" sldId="260"/>
            <ac:spMk id="7747" creationId="{B1047814-3C43-73AB-C893-615FF51FD5F4}"/>
          </ac:spMkLst>
        </pc:spChg>
        <pc:spChg chg="mod">
          <ac:chgData name="White, Alex" userId="eff6cc8c-37d8-483b-9c6c-6b27e9afa9bc" providerId="ADAL" clId="{BF04C754-5BF4-4E83-9615-DB14FA25AF8A}" dt="2023-10-12T11:38:08.274" v="295"/>
          <ac:spMkLst>
            <pc:docMk/>
            <pc:sldMk cId="2376958513" sldId="260"/>
            <ac:spMk id="7748" creationId="{80C8278A-C97A-1A3D-2D03-562ECBE76D52}"/>
          </ac:spMkLst>
        </pc:spChg>
        <pc:spChg chg="mod">
          <ac:chgData name="White, Alex" userId="eff6cc8c-37d8-483b-9c6c-6b27e9afa9bc" providerId="ADAL" clId="{BF04C754-5BF4-4E83-9615-DB14FA25AF8A}" dt="2023-10-12T11:38:08.274" v="295"/>
          <ac:spMkLst>
            <pc:docMk/>
            <pc:sldMk cId="2376958513" sldId="260"/>
            <ac:spMk id="7749" creationId="{82C44E8A-0E21-8DBF-7D55-033594CA2CD4}"/>
          </ac:spMkLst>
        </pc:spChg>
        <pc:spChg chg="mod">
          <ac:chgData name="White, Alex" userId="eff6cc8c-37d8-483b-9c6c-6b27e9afa9bc" providerId="ADAL" clId="{BF04C754-5BF4-4E83-9615-DB14FA25AF8A}" dt="2023-10-12T11:38:08.274" v="295"/>
          <ac:spMkLst>
            <pc:docMk/>
            <pc:sldMk cId="2376958513" sldId="260"/>
            <ac:spMk id="7750" creationId="{62D3CB99-9459-DA2F-1557-4F3208513899}"/>
          </ac:spMkLst>
        </pc:spChg>
        <pc:spChg chg="mod">
          <ac:chgData name="White, Alex" userId="eff6cc8c-37d8-483b-9c6c-6b27e9afa9bc" providerId="ADAL" clId="{BF04C754-5BF4-4E83-9615-DB14FA25AF8A}" dt="2023-10-12T11:38:08.274" v="295"/>
          <ac:spMkLst>
            <pc:docMk/>
            <pc:sldMk cId="2376958513" sldId="260"/>
            <ac:spMk id="7751" creationId="{73CD15A4-1B19-F602-6019-91C6A013E92B}"/>
          </ac:spMkLst>
        </pc:spChg>
        <pc:spChg chg="mod">
          <ac:chgData name="White, Alex" userId="eff6cc8c-37d8-483b-9c6c-6b27e9afa9bc" providerId="ADAL" clId="{BF04C754-5BF4-4E83-9615-DB14FA25AF8A}" dt="2023-10-12T11:38:08.274" v="295"/>
          <ac:spMkLst>
            <pc:docMk/>
            <pc:sldMk cId="2376958513" sldId="260"/>
            <ac:spMk id="7752" creationId="{B9D7D9D6-59FD-AF31-F738-533DC7406580}"/>
          </ac:spMkLst>
        </pc:spChg>
        <pc:spChg chg="mod">
          <ac:chgData name="White, Alex" userId="eff6cc8c-37d8-483b-9c6c-6b27e9afa9bc" providerId="ADAL" clId="{BF04C754-5BF4-4E83-9615-DB14FA25AF8A}" dt="2023-10-12T11:38:08.274" v="295"/>
          <ac:spMkLst>
            <pc:docMk/>
            <pc:sldMk cId="2376958513" sldId="260"/>
            <ac:spMk id="7753" creationId="{E55FEA2E-D0AB-7011-F18D-36E7B75E6179}"/>
          </ac:spMkLst>
        </pc:spChg>
        <pc:spChg chg="mod">
          <ac:chgData name="White, Alex" userId="eff6cc8c-37d8-483b-9c6c-6b27e9afa9bc" providerId="ADAL" clId="{BF04C754-5BF4-4E83-9615-DB14FA25AF8A}" dt="2023-10-12T11:38:08.274" v="295"/>
          <ac:spMkLst>
            <pc:docMk/>
            <pc:sldMk cId="2376958513" sldId="260"/>
            <ac:spMk id="7754" creationId="{688EFEBC-E998-D8FB-1585-E27B0EC2CE60}"/>
          </ac:spMkLst>
        </pc:spChg>
        <pc:spChg chg="mod">
          <ac:chgData name="White, Alex" userId="eff6cc8c-37d8-483b-9c6c-6b27e9afa9bc" providerId="ADAL" clId="{BF04C754-5BF4-4E83-9615-DB14FA25AF8A}" dt="2023-10-12T11:38:08.274" v="295"/>
          <ac:spMkLst>
            <pc:docMk/>
            <pc:sldMk cId="2376958513" sldId="260"/>
            <ac:spMk id="7755" creationId="{6110DA14-0BAB-35D6-41D7-F6B62DAF3919}"/>
          </ac:spMkLst>
        </pc:spChg>
        <pc:spChg chg="mod">
          <ac:chgData name="White, Alex" userId="eff6cc8c-37d8-483b-9c6c-6b27e9afa9bc" providerId="ADAL" clId="{BF04C754-5BF4-4E83-9615-DB14FA25AF8A}" dt="2023-10-12T11:38:08.274" v="295"/>
          <ac:spMkLst>
            <pc:docMk/>
            <pc:sldMk cId="2376958513" sldId="260"/>
            <ac:spMk id="7756" creationId="{BEA2F2F4-4567-E2DA-7E08-556B94CA7F05}"/>
          </ac:spMkLst>
        </pc:spChg>
        <pc:spChg chg="mod">
          <ac:chgData name="White, Alex" userId="eff6cc8c-37d8-483b-9c6c-6b27e9afa9bc" providerId="ADAL" clId="{BF04C754-5BF4-4E83-9615-DB14FA25AF8A}" dt="2023-10-12T11:38:08.274" v="295"/>
          <ac:spMkLst>
            <pc:docMk/>
            <pc:sldMk cId="2376958513" sldId="260"/>
            <ac:spMk id="7757" creationId="{72F58B5E-64B0-E52D-840B-589FD728C2A0}"/>
          </ac:spMkLst>
        </pc:spChg>
        <pc:spChg chg="mod">
          <ac:chgData name="White, Alex" userId="eff6cc8c-37d8-483b-9c6c-6b27e9afa9bc" providerId="ADAL" clId="{BF04C754-5BF4-4E83-9615-DB14FA25AF8A}" dt="2023-10-12T11:38:08.274" v="295"/>
          <ac:spMkLst>
            <pc:docMk/>
            <pc:sldMk cId="2376958513" sldId="260"/>
            <ac:spMk id="7758" creationId="{1F59AB97-590E-1A7A-0A7C-0C467FD1EAEA}"/>
          </ac:spMkLst>
        </pc:spChg>
        <pc:spChg chg="mod">
          <ac:chgData name="White, Alex" userId="eff6cc8c-37d8-483b-9c6c-6b27e9afa9bc" providerId="ADAL" clId="{BF04C754-5BF4-4E83-9615-DB14FA25AF8A}" dt="2023-10-12T11:38:08.274" v="295"/>
          <ac:spMkLst>
            <pc:docMk/>
            <pc:sldMk cId="2376958513" sldId="260"/>
            <ac:spMk id="7759" creationId="{9BA8B206-92F1-01A5-A868-FA06831C73E7}"/>
          </ac:spMkLst>
        </pc:spChg>
        <pc:spChg chg="mod">
          <ac:chgData name="White, Alex" userId="eff6cc8c-37d8-483b-9c6c-6b27e9afa9bc" providerId="ADAL" clId="{BF04C754-5BF4-4E83-9615-DB14FA25AF8A}" dt="2023-10-12T11:38:08.274" v="295"/>
          <ac:spMkLst>
            <pc:docMk/>
            <pc:sldMk cId="2376958513" sldId="260"/>
            <ac:spMk id="7760" creationId="{A8DEA6B9-35BC-5304-20C1-B7A4D5D0C535}"/>
          </ac:spMkLst>
        </pc:spChg>
        <pc:spChg chg="mod">
          <ac:chgData name="White, Alex" userId="eff6cc8c-37d8-483b-9c6c-6b27e9afa9bc" providerId="ADAL" clId="{BF04C754-5BF4-4E83-9615-DB14FA25AF8A}" dt="2023-10-12T11:38:08.274" v="295"/>
          <ac:spMkLst>
            <pc:docMk/>
            <pc:sldMk cId="2376958513" sldId="260"/>
            <ac:spMk id="7761" creationId="{877AA532-FDF1-CFA1-209D-A63A2B242CA7}"/>
          </ac:spMkLst>
        </pc:spChg>
        <pc:spChg chg="mod">
          <ac:chgData name="White, Alex" userId="eff6cc8c-37d8-483b-9c6c-6b27e9afa9bc" providerId="ADAL" clId="{BF04C754-5BF4-4E83-9615-DB14FA25AF8A}" dt="2023-10-12T11:38:08.274" v="295"/>
          <ac:spMkLst>
            <pc:docMk/>
            <pc:sldMk cId="2376958513" sldId="260"/>
            <ac:spMk id="7762" creationId="{5CFF601E-0F74-A626-7DCB-DF559A8C0258}"/>
          </ac:spMkLst>
        </pc:spChg>
        <pc:spChg chg="mod">
          <ac:chgData name="White, Alex" userId="eff6cc8c-37d8-483b-9c6c-6b27e9afa9bc" providerId="ADAL" clId="{BF04C754-5BF4-4E83-9615-DB14FA25AF8A}" dt="2023-10-12T11:38:08.274" v="295"/>
          <ac:spMkLst>
            <pc:docMk/>
            <pc:sldMk cId="2376958513" sldId="260"/>
            <ac:spMk id="7763" creationId="{FE7A48B5-E0E7-D5C0-EB92-88327F6A51B9}"/>
          </ac:spMkLst>
        </pc:spChg>
        <pc:spChg chg="mod">
          <ac:chgData name="White, Alex" userId="eff6cc8c-37d8-483b-9c6c-6b27e9afa9bc" providerId="ADAL" clId="{BF04C754-5BF4-4E83-9615-DB14FA25AF8A}" dt="2023-10-12T11:38:08.274" v="295"/>
          <ac:spMkLst>
            <pc:docMk/>
            <pc:sldMk cId="2376958513" sldId="260"/>
            <ac:spMk id="7764" creationId="{A5D609A0-0BEB-4D9C-1150-0453908EC212}"/>
          </ac:spMkLst>
        </pc:spChg>
        <pc:spChg chg="mod">
          <ac:chgData name="White, Alex" userId="eff6cc8c-37d8-483b-9c6c-6b27e9afa9bc" providerId="ADAL" clId="{BF04C754-5BF4-4E83-9615-DB14FA25AF8A}" dt="2023-10-12T11:38:08.274" v="295"/>
          <ac:spMkLst>
            <pc:docMk/>
            <pc:sldMk cId="2376958513" sldId="260"/>
            <ac:spMk id="7765" creationId="{948B734D-56D0-8898-56BD-13779B8DB46C}"/>
          </ac:spMkLst>
        </pc:spChg>
        <pc:spChg chg="mod">
          <ac:chgData name="White, Alex" userId="eff6cc8c-37d8-483b-9c6c-6b27e9afa9bc" providerId="ADAL" clId="{BF04C754-5BF4-4E83-9615-DB14FA25AF8A}" dt="2023-10-12T11:38:08.274" v="295"/>
          <ac:spMkLst>
            <pc:docMk/>
            <pc:sldMk cId="2376958513" sldId="260"/>
            <ac:spMk id="7766" creationId="{CB984E8F-1631-A2E4-32E4-81284A6BED34}"/>
          </ac:spMkLst>
        </pc:spChg>
        <pc:spChg chg="mod">
          <ac:chgData name="White, Alex" userId="eff6cc8c-37d8-483b-9c6c-6b27e9afa9bc" providerId="ADAL" clId="{BF04C754-5BF4-4E83-9615-DB14FA25AF8A}" dt="2023-10-12T11:38:08.274" v="295"/>
          <ac:spMkLst>
            <pc:docMk/>
            <pc:sldMk cId="2376958513" sldId="260"/>
            <ac:spMk id="7767" creationId="{0CEBA0D1-BC33-C551-4BD8-CF8DD330DFB6}"/>
          </ac:spMkLst>
        </pc:spChg>
        <pc:spChg chg="mod">
          <ac:chgData name="White, Alex" userId="eff6cc8c-37d8-483b-9c6c-6b27e9afa9bc" providerId="ADAL" clId="{BF04C754-5BF4-4E83-9615-DB14FA25AF8A}" dt="2023-10-12T11:38:08.274" v="295"/>
          <ac:spMkLst>
            <pc:docMk/>
            <pc:sldMk cId="2376958513" sldId="260"/>
            <ac:spMk id="7768" creationId="{BB28BBDB-005F-54EB-7728-D9AA96511842}"/>
          </ac:spMkLst>
        </pc:spChg>
        <pc:spChg chg="mod">
          <ac:chgData name="White, Alex" userId="eff6cc8c-37d8-483b-9c6c-6b27e9afa9bc" providerId="ADAL" clId="{BF04C754-5BF4-4E83-9615-DB14FA25AF8A}" dt="2023-10-12T11:38:08.274" v="295"/>
          <ac:spMkLst>
            <pc:docMk/>
            <pc:sldMk cId="2376958513" sldId="260"/>
            <ac:spMk id="7769" creationId="{7C4F731B-68E2-5EEE-5A7C-08BBC9E7BD5C}"/>
          </ac:spMkLst>
        </pc:spChg>
        <pc:spChg chg="mod">
          <ac:chgData name="White, Alex" userId="eff6cc8c-37d8-483b-9c6c-6b27e9afa9bc" providerId="ADAL" clId="{BF04C754-5BF4-4E83-9615-DB14FA25AF8A}" dt="2023-10-12T11:38:08.274" v="295"/>
          <ac:spMkLst>
            <pc:docMk/>
            <pc:sldMk cId="2376958513" sldId="260"/>
            <ac:spMk id="7770" creationId="{A91CDE9E-D989-83A9-BF2A-9092F89AF39A}"/>
          </ac:spMkLst>
        </pc:spChg>
        <pc:spChg chg="mod">
          <ac:chgData name="White, Alex" userId="eff6cc8c-37d8-483b-9c6c-6b27e9afa9bc" providerId="ADAL" clId="{BF04C754-5BF4-4E83-9615-DB14FA25AF8A}" dt="2023-10-12T11:38:08.274" v="295"/>
          <ac:spMkLst>
            <pc:docMk/>
            <pc:sldMk cId="2376958513" sldId="260"/>
            <ac:spMk id="7771" creationId="{CB3D38B6-C258-9CE2-98E4-19CFB42FED4B}"/>
          </ac:spMkLst>
        </pc:spChg>
        <pc:spChg chg="mod">
          <ac:chgData name="White, Alex" userId="eff6cc8c-37d8-483b-9c6c-6b27e9afa9bc" providerId="ADAL" clId="{BF04C754-5BF4-4E83-9615-DB14FA25AF8A}" dt="2023-10-12T11:38:08.274" v="295"/>
          <ac:spMkLst>
            <pc:docMk/>
            <pc:sldMk cId="2376958513" sldId="260"/>
            <ac:spMk id="7772" creationId="{F6538943-6904-8081-27BD-4F1CE4E42AF8}"/>
          </ac:spMkLst>
        </pc:spChg>
        <pc:spChg chg="mod">
          <ac:chgData name="White, Alex" userId="eff6cc8c-37d8-483b-9c6c-6b27e9afa9bc" providerId="ADAL" clId="{BF04C754-5BF4-4E83-9615-DB14FA25AF8A}" dt="2023-10-12T11:38:08.274" v="295"/>
          <ac:spMkLst>
            <pc:docMk/>
            <pc:sldMk cId="2376958513" sldId="260"/>
            <ac:spMk id="7773" creationId="{3FCA0240-8930-1091-6FC7-8763FB3BF938}"/>
          </ac:spMkLst>
        </pc:spChg>
        <pc:spChg chg="mod">
          <ac:chgData name="White, Alex" userId="eff6cc8c-37d8-483b-9c6c-6b27e9afa9bc" providerId="ADAL" clId="{BF04C754-5BF4-4E83-9615-DB14FA25AF8A}" dt="2023-10-12T11:38:08.274" v="295"/>
          <ac:spMkLst>
            <pc:docMk/>
            <pc:sldMk cId="2376958513" sldId="260"/>
            <ac:spMk id="7774" creationId="{6DB6008A-251E-6CF7-503E-F2D2706A6102}"/>
          </ac:spMkLst>
        </pc:spChg>
        <pc:spChg chg="mod">
          <ac:chgData name="White, Alex" userId="eff6cc8c-37d8-483b-9c6c-6b27e9afa9bc" providerId="ADAL" clId="{BF04C754-5BF4-4E83-9615-DB14FA25AF8A}" dt="2023-10-12T11:38:08.274" v="295"/>
          <ac:spMkLst>
            <pc:docMk/>
            <pc:sldMk cId="2376958513" sldId="260"/>
            <ac:spMk id="7775" creationId="{BF0BBC2B-908E-D5AA-6103-59B7846BB8B0}"/>
          </ac:spMkLst>
        </pc:spChg>
        <pc:spChg chg="mod">
          <ac:chgData name="White, Alex" userId="eff6cc8c-37d8-483b-9c6c-6b27e9afa9bc" providerId="ADAL" clId="{BF04C754-5BF4-4E83-9615-DB14FA25AF8A}" dt="2023-10-12T11:38:08.274" v="295"/>
          <ac:spMkLst>
            <pc:docMk/>
            <pc:sldMk cId="2376958513" sldId="260"/>
            <ac:spMk id="7776" creationId="{45F97710-086F-C8E8-D4DA-EC0288D2715A}"/>
          </ac:spMkLst>
        </pc:spChg>
        <pc:spChg chg="mod">
          <ac:chgData name="White, Alex" userId="eff6cc8c-37d8-483b-9c6c-6b27e9afa9bc" providerId="ADAL" clId="{BF04C754-5BF4-4E83-9615-DB14FA25AF8A}" dt="2023-10-12T11:38:08.274" v="295"/>
          <ac:spMkLst>
            <pc:docMk/>
            <pc:sldMk cId="2376958513" sldId="260"/>
            <ac:spMk id="7777" creationId="{56ADB3B3-32F7-AB47-A2E3-43A0E8F040AF}"/>
          </ac:spMkLst>
        </pc:spChg>
        <pc:spChg chg="mod">
          <ac:chgData name="White, Alex" userId="eff6cc8c-37d8-483b-9c6c-6b27e9afa9bc" providerId="ADAL" clId="{BF04C754-5BF4-4E83-9615-DB14FA25AF8A}" dt="2023-10-12T11:38:08.274" v="295"/>
          <ac:spMkLst>
            <pc:docMk/>
            <pc:sldMk cId="2376958513" sldId="260"/>
            <ac:spMk id="7778" creationId="{E996BEB7-732B-D94C-6E8F-3DC48AFA790B}"/>
          </ac:spMkLst>
        </pc:spChg>
        <pc:spChg chg="mod">
          <ac:chgData name="White, Alex" userId="eff6cc8c-37d8-483b-9c6c-6b27e9afa9bc" providerId="ADAL" clId="{BF04C754-5BF4-4E83-9615-DB14FA25AF8A}" dt="2023-10-12T11:38:08.274" v="295"/>
          <ac:spMkLst>
            <pc:docMk/>
            <pc:sldMk cId="2376958513" sldId="260"/>
            <ac:spMk id="7779" creationId="{3E8EA15A-5FB8-7C02-E2A8-189FFEEE96E2}"/>
          </ac:spMkLst>
        </pc:spChg>
        <pc:spChg chg="mod">
          <ac:chgData name="White, Alex" userId="eff6cc8c-37d8-483b-9c6c-6b27e9afa9bc" providerId="ADAL" clId="{BF04C754-5BF4-4E83-9615-DB14FA25AF8A}" dt="2023-10-12T11:38:08.274" v="295"/>
          <ac:spMkLst>
            <pc:docMk/>
            <pc:sldMk cId="2376958513" sldId="260"/>
            <ac:spMk id="7780" creationId="{979B0BFA-9A95-5A34-78A6-E0D440D66750}"/>
          </ac:spMkLst>
        </pc:spChg>
        <pc:spChg chg="mod">
          <ac:chgData name="White, Alex" userId="eff6cc8c-37d8-483b-9c6c-6b27e9afa9bc" providerId="ADAL" clId="{BF04C754-5BF4-4E83-9615-DB14FA25AF8A}" dt="2023-10-12T11:38:08.274" v="295"/>
          <ac:spMkLst>
            <pc:docMk/>
            <pc:sldMk cId="2376958513" sldId="260"/>
            <ac:spMk id="7781" creationId="{BF274E14-4DD6-0C73-5F36-338A571729B6}"/>
          </ac:spMkLst>
        </pc:spChg>
        <pc:spChg chg="mod">
          <ac:chgData name="White, Alex" userId="eff6cc8c-37d8-483b-9c6c-6b27e9afa9bc" providerId="ADAL" clId="{BF04C754-5BF4-4E83-9615-DB14FA25AF8A}" dt="2023-10-12T11:38:08.274" v="295"/>
          <ac:spMkLst>
            <pc:docMk/>
            <pc:sldMk cId="2376958513" sldId="260"/>
            <ac:spMk id="7782" creationId="{72F657CE-56C3-5AC7-2B00-5051EE574EE3}"/>
          </ac:spMkLst>
        </pc:spChg>
        <pc:spChg chg="mod">
          <ac:chgData name="White, Alex" userId="eff6cc8c-37d8-483b-9c6c-6b27e9afa9bc" providerId="ADAL" clId="{BF04C754-5BF4-4E83-9615-DB14FA25AF8A}" dt="2023-10-12T11:38:08.274" v="295"/>
          <ac:spMkLst>
            <pc:docMk/>
            <pc:sldMk cId="2376958513" sldId="260"/>
            <ac:spMk id="7783" creationId="{7C8C9F56-5E0E-4D15-C4BF-DF43FFC5E5C6}"/>
          </ac:spMkLst>
        </pc:spChg>
        <pc:spChg chg="mod">
          <ac:chgData name="White, Alex" userId="eff6cc8c-37d8-483b-9c6c-6b27e9afa9bc" providerId="ADAL" clId="{BF04C754-5BF4-4E83-9615-DB14FA25AF8A}" dt="2023-10-12T11:38:08.274" v="295"/>
          <ac:spMkLst>
            <pc:docMk/>
            <pc:sldMk cId="2376958513" sldId="260"/>
            <ac:spMk id="7784" creationId="{476904AA-FDA3-7066-6E5A-DFD749586388}"/>
          </ac:spMkLst>
        </pc:spChg>
        <pc:spChg chg="mod">
          <ac:chgData name="White, Alex" userId="eff6cc8c-37d8-483b-9c6c-6b27e9afa9bc" providerId="ADAL" clId="{BF04C754-5BF4-4E83-9615-DB14FA25AF8A}" dt="2023-10-12T11:38:08.274" v="295"/>
          <ac:spMkLst>
            <pc:docMk/>
            <pc:sldMk cId="2376958513" sldId="260"/>
            <ac:spMk id="7785" creationId="{81475FEA-02F3-C3E0-2DE0-8FDC5907CBC9}"/>
          </ac:spMkLst>
        </pc:spChg>
        <pc:spChg chg="mod">
          <ac:chgData name="White, Alex" userId="eff6cc8c-37d8-483b-9c6c-6b27e9afa9bc" providerId="ADAL" clId="{BF04C754-5BF4-4E83-9615-DB14FA25AF8A}" dt="2023-10-12T11:38:08.274" v="295"/>
          <ac:spMkLst>
            <pc:docMk/>
            <pc:sldMk cId="2376958513" sldId="260"/>
            <ac:spMk id="7786" creationId="{46330881-AE04-D2BB-71FA-037B03C994BD}"/>
          </ac:spMkLst>
        </pc:spChg>
        <pc:spChg chg="mod">
          <ac:chgData name="White, Alex" userId="eff6cc8c-37d8-483b-9c6c-6b27e9afa9bc" providerId="ADAL" clId="{BF04C754-5BF4-4E83-9615-DB14FA25AF8A}" dt="2023-10-12T11:38:08.274" v="295"/>
          <ac:spMkLst>
            <pc:docMk/>
            <pc:sldMk cId="2376958513" sldId="260"/>
            <ac:spMk id="7787" creationId="{3211A14E-BD67-96BD-09FE-B185C327D25C}"/>
          </ac:spMkLst>
        </pc:spChg>
        <pc:spChg chg="mod">
          <ac:chgData name="White, Alex" userId="eff6cc8c-37d8-483b-9c6c-6b27e9afa9bc" providerId="ADAL" clId="{BF04C754-5BF4-4E83-9615-DB14FA25AF8A}" dt="2023-10-12T11:38:08.274" v="295"/>
          <ac:spMkLst>
            <pc:docMk/>
            <pc:sldMk cId="2376958513" sldId="260"/>
            <ac:spMk id="7788" creationId="{B3EAED63-4462-8C4A-8B59-6A19C280DA04}"/>
          </ac:spMkLst>
        </pc:spChg>
        <pc:spChg chg="mod">
          <ac:chgData name="White, Alex" userId="eff6cc8c-37d8-483b-9c6c-6b27e9afa9bc" providerId="ADAL" clId="{BF04C754-5BF4-4E83-9615-DB14FA25AF8A}" dt="2023-10-12T11:38:08.274" v="295"/>
          <ac:spMkLst>
            <pc:docMk/>
            <pc:sldMk cId="2376958513" sldId="260"/>
            <ac:spMk id="7789" creationId="{4EA56A49-158E-E307-9E62-48C268803C0F}"/>
          </ac:spMkLst>
        </pc:spChg>
        <pc:spChg chg="mod">
          <ac:chgData name="White, Alex" userId="eff6cc8c-37d8-483b-9c6c-6b27e9afa9bc" providerId="ADAL" clId="{BF04C754-5BF4-4E83-9615-DB14FA25AF8A}" dt="2023-10-12T11:38:08.274" v="295"/>
          <ac:spMkLst>
            <pc:docMk/>
            <pc:sldMk cId="2376958513" sldId="260"/>
            <ac:spMk id="7790" creationId="{B8CDF90C-7D8D-B473-0BED-A418225F33E0}"/>
          </ac:spMkLst>
        </pc:spChg>
        <pc:spChg chg="mod">
          <ac:chgData name="White, Alex" userId="eff6cc8c-37d8-483b-9c6c-6b27e9afa9bc" providerId="ADAL" clId="{BF04C754-5BF4-4E83-9615-DB14FA25AF8A}" dt="2023-10-12T11:38:08.274" v="295"/>
          <ac:spMkLst>
            <pc:docMk/>
            <pc:sldMk cId="2376958513" sldId="260"/>
            <ac:spMk id="7791" creationId="{2AF9D11E-EDF0-6E1B-9281-CCECA070AD28}"/>
          </ac:spMkLst>
        </pc:spChg>
        <pc:spChg chg="mod">
          <ac:chgData name="White, Alex" userId="eff6cc8c-37d8-483b-9c6c-6b27e9afa9bc" providerId="ADAL" clId="{BF04C754-5BF4-4E83-9615-DB14FA25AF8A}" dt="2023-10-12T11:38:08.274" v="295"/>
          <ac:spMkLst>
            <pc:docMk/>
            <pc:sldMk cId="2376958513" sldId="260"/>
            <ac:spMk id="7792" creationId="{73807B8A-9778-6B88-46F0-62CE93335F3C}"/>
          </ac:spMkLst>
        </pc:spChg>
        <pc:spChg chg="mod">
          <ac:chgData name="White, Alex" userId="eff6cc8c-37d8-483b-9c6c-6b27e9afa9bc" providerId="ADAL" clId="{BF04C754-5BF4-4E83-9615-DB14FA25AF8A}" dt="2023-10-12T11:38:08.274" v="295"/>
          <ac:spMkLst>
            <pc:docMk/>
            <pc:sldMk cId="2376958513" sldId="260"/>
            <ac:spMk id="7793" creationId="{D9D1E7C1-7BC3-2044-109E-C8AB7B659D70}"/>
          </ac:spMkLst>
        </pc:spChg>
        <pc:spChg chg="mod">
          <ac:chgData name="White, Alex" userId="eff6cc8c-37d8-483b-9c6c-6b27e9afa9bc" providerId="ADAL" clId="{BF04C754-5BF4-4E83-9615-DB14FA25AF8A}" dt="2023-10-12T11:38:08.274" v="295"/>
          <ac:spMkLst>
            <pc:docMk/>
            <pc:sldMk cId="2376958513" sldId="260"/>
            <ac:spMk id="7794" creationId="{91458D88-0994-9588-3761-8735FD20067B}"/>
          </ac:spMkLst>
        </pc:spChg>
        <pc:spChg chg="mod">
          <ac:chgData name="White, Alex" userId="eff6cc8c-37d8-483b-9c6c-6b27e9afa9bc" providerId="ADAL" clId="{BF04C754-5BF4-4E83-9615-DB14FA25AF8A}" dt="2023-10-12T11:38:08.274" v="295"/>
          <ac:spMkLst>
            <pc:docMk/>
            <pc:sldMk cId="2376958513" sldId="260"/>
            <ac:spMk id="7795" creationId="{82CCFE8B-0FFC-72FE-91A2-66F37C9CAB5D}"/>
          </ac:spMkLst>
        </pc:spChg>
        <pc:spChg chg="mod">
          <ac:chgData name="White, Alex" userId="eff6cc8c-37d8-483b-9c6c-6b27e9afa9bc" providerId="ADAL" clId="{BF04C754-5BF4-4E83-9615-DB14FA25AF8A}" dt="2023-10-12T11:38:08.274" v="295"/>
          <ac:spMkLst>
            <pc:docMk/>
            <pc:sldMk cId="2376958513" sldId="260"/>
            <ac:spMk id="7796" creationId="{1D38EDD1-CCD2-B805-8507-D1490AABCAFA}"/>
          </ac:spMkLst>
        </pc:spChg>
        <pc:spChg chg="mod">
          <ac:chgData name="White, Alex" userId="eff6cc8c-37d8-483b-9c6c-6b27e9afa9bc" providerId="ADAL" clId="{BF04C754-5BF4-4E83-9615-DB14FA25AF8A}" dt="2023-10-12T11:38:08.274" v="295"/>
          <ac:spMkLst>
            <pc:docMk/>
            <pc:sldMk cId="2376958513" sldId="260"/>
            <ac:spMk id="7797" creationId="{161712D9-DAD5-F64A-BEBB-DE6820588838}"/>
          </ac:spMkLst>
        </pc:spChg>
        <pc:spChg chg="mod">
          <ac:chgData name="White, Alex" userId="eff6cc8c-37d8-483b-9c6c-6b27e9afa9bc" providerId="ADAL" clId="{BF04C754-5BF4-4E83-9615-DB14FA25AF8A}" dt="2023-10-12T11:38:08.274" v="295"/>
          <ac:spMkLst>
            <pc:docMk/>
            <pc:sldMk cId="2376958513" sldId="260"/>
            <ac:spMk id="7798" creationId="{7EDBA576-B9F3-24AA-D0A7-A5BBEE737217}"/>
          </ac:spMkLst>
        </pc:spChg>
        <pc:spChg chg="mod">
          <ac:chgData name="White, Alex" userId="eff6cc8c-37d8-483b-9c6c-6b27e9afa9bc" providerId="ADAL" clId="{BF04C754-5BF4-4E83-9615-DB14FA25AF8A}" dt="2023-10-12T11:38:08.274" v="295"/>
          <ac:spMkLst>
            <pc:docMk/>
            <pc:sldMk cId="2376958513" sldId="260"/>
            <ac:spMk id="7799" creationId="{42D07363-2B19-2712-0A9F-0D003038256C}"/>
          </ac:spMkLst>
        </pc:spChg>
        <pc:spChg chg="mod">
          <ac:chgData name="White, Alex" userId="eff6cc8c-37d8-483b-9c6c-6b27e9afa9bc" providerId="ADAL" clId="{BF04C754-5BF4-4E83-9615-DB14FA25AF8A}" dt="2023-10-12T11:38:08.274" v="295"/>
          <ac:spMkLst>
            <pc:docMk/>
            <pc:sldMk cId="2376958513" sldId="260"/>
            <ac:spMk id="7800" creationId="{C73A263C-F43C-DB11-609A-70E6CE498864}"/>
          </ac:spMkLst>
        </pc:spChg>
        <pc:spChg chg="mod">
          <ac:chgData name="White, Alex" userId="eff6cc8c-37d8-483b-9c6c-6b27e9afa9bc" providerId="ADAL" clId="{BF04C754-5BF4-4E83-9615-DB14FA25AF8A}" dt="2023-10-12T11:38:08.274" v="295"/>
          <ac:spMkLst>
            <pc:docMk/>
            <pc:sldMk cId="2376958513" sldId="260"/>
            <ac:spMk id="7801" creationId="{C0C0DDF7-1FEA-E8CB-1B05-67194EAF6109}"/>
          </ac:spMkLst>
        </pc:spChg>
        <pc:spChg chg="mod">
          <ac:chgData name="White, Alex" userId="eff6cc8c-37d8-483b-9c6c-6b27e9afa9bc" providerId="ADAL" clId="{BF04C754-5BF4-4E83-9615-DB14FA25AF8A}" dt="2023-10-12T11:38:08.274" v="295"/>
          <ac:spMkLst>
            <pc:docMk/>
            <pc:sldMk cId="2376958513" sldId="260"/>
            <ac:spMk id="7802" creationId="{03819583-10EB-D213-BD26-5B34266D8092}"/>
          </ac:spMkLst>
        </pc:spChg>
        <pc:spChg chg="mod">
          <ac:chgData name="White, Alex" userId="eff6cc8c-37d8-483b-9c6c-6b27e9afa9bc" providerId="ADAL" clId="{BF04C754-5BF4-4E83-9615-DB14FA25AF8A}" dt="2023-10-12T11:38:08.274" v="295"/>
          <ac:spMkLst>
            <pc:docMk/>
            <pc:sldMk cId="2376958513" sldId="260"/>
            <ac:spMk id="7803" creationId="{8C689B5F-0060-C0F3-953B-032F58FC1E96}"/>
          </ac:spMkLst>
        </pc:spChg>
        <pc:spChg chg="mod">
          <ac:chgData name="White, Alex" userId="eff6cc8c-37d8-483b-9c6c-6b27e9afa9bc" providerId="ADAL" clId="{BF04C754-5BF4-4E83-9615-DB14FA25AF8A}" dt="2023-10-12T11:38:08.274" v="295"/>
          <ac:spMkLst>
            <pc:docMk/>
            <pc:sldMk cId="2376958513" sldId="260"/>
            <ac:spMk id="7804" creationId="{E1A8D52A-6228-7257-5F86-C2493D9EB3D6}"/>
          </ac:spMkLst>
        </pc:spChg>
        <pc:spChg chg="mod">
          <ac:chgData name="White, Alex" userId="eff6cc8c-37d8-483b-9c6c-6b27e9afa9bc" providerId="ADAL" clId="{BF04C754-5BF4-4E83-9615-DB14FA25AF8A}" dt="2023-10-12T11:38:08.274" v="295"/>
          <ac:spMkLst>
            <pc:docMk/>
            <pc:sldMk cId="2376958513" sldId="260"/>
            <ac:spMk id="7805" creationId="{0CC1B626-A7AF-0DA7-2836-A0637686376F}"/>
          </ac:spMkLst>
        </pc:spChg>
        <pc:spChg chg="mod">
          <ac:chgData name="White, Alex" userId="eff6cc8c-37d8-483b-9c6c-6b27e9afa9bc" providerId="ADAL" clId="{BF04C754-5BF4-4E83-9615-DB14FA25AF8A}" dt="2023-10-12T11:38:08.274" v="295"/>
          <ac:spMkLst>
            <pc:docMk/>
            <pc:sldMk cId="2376958513" sldId="260"/>
            <ac:spMk id="7806" creationId="{5256AC73-988C-2096-DDE3-B3242569A284}"/>
          </ac:spMkLst>
        </pc:spChg>
        <pc:spChg chg="mod">
          <ac:chgData name="White, Alex" userId="eff6cc8c-37d8-483b-9c6c-6b27e9afa9bc" providerId="ADAL" clId="{BF04C754-5BF4-4E83-9615-DB14FA25AF8A}" dt="2023-10-12T11:38:08.274" v="295"/>
          <ac:spMkLst>
            <pc:docMk/>
            <pc:sldMk cId="2376958513" sldId="260"/>
            <ac:spMk id="7807" creationId="{FEA68E4C-5F61-1392-7A0C-0E12365B9244}"/>
          </ac:spMkLst>
        </pc:spChg>
        <pc:spChg chg="mod">
          <ac:chgData name="White, Alex" userId="eff6cc8c-37d8-483b-9c6c-6b27e9afa9bc" providerId="ADAL" clId="{BF04C754-5BF4-4E83-9615-DB14FA25AF8A}" dt="2023-10-12T11:38:08.274" v="295"/>
          <ac:spMkLst>
            <pc:docMk/>
            <pc:sldMk cId="2376958513" sldId="260"/>
            <ac:spMk id="7808" creationId="{68944B5E-5945-3B29-AAA5-9B241690E68B}"/>
          </ac:spMkLst>
        </pc:spChg>
        <pc:spChg chg="mod">
          <ac:chgData name="White, Alex" userId="eff6cc8c-37d8-483b-9c6c-6b27e9afa9bc" providerId="ADAL" clId="{BF04C754-5BF4-4E83-9615-DB14FA25AF8A}" dt="2023-10-12T11:38:08.274" v="295"/>
          <ac:spMkLst>
            <pc:docMk/>
            <pc:sldMk cId="2376958513" sldId="260"/>
            <ac:spMk id="7809" creationId="{A2172BC8-46B6-F0D1-A9CF-56A0D0AD0802}"/>
          </ac:spMkLst>
        </pc:spChg>
        <pc:spChg chg="mod">
          <ac:chgData name="White, Alex" userId="eff6cc8c-37d8-483b-9c6c-6b27e9afa9bc" providerId="ADAL" clId="{BF04C754-5BF4-4E83-9615-DB14FA25AF8A}" dt="2023-10-12T11:38:08.274" v="295"/>
          <ac:spMkLst>
            <pc:docMk/>
            <pc:sldMk cId="2376958513" sldId="260"/>
            <ac:spMk id="7810" creationId="{742E2BFC-5DA9-E82D-44B4-D2FACD5DCF6E}"/>
          </ac:spMkLst>
        </pc:spChg>
        <pc:spChg chg="mod">
          <ac:chgData name="White, Alex" userId="eff6cc8c-37d8-483b-9c6c-6b27e9afa9bc" providerId="ADAL" clId="{BF04C754-5BF4-4E83-9615-DB14FA25AF8A}" dt="2023-10-12T11:38:08.274" v="295"/>
          <ac:spMkLst>
            <pc:docMk/>
            <pc:sldMk cId="2376958513" sldId="260"/>
            <ac:spMk id="7811" creationId="{9E924A2B-CF49-A4E3-1702-D776C451A713}"/>
          </ac:spMkLst>
        </pc:spChg>
        <pc:spChg chg="mod">
          <ac:chgData name="White, Alex" userId="eff6cc8c-37d8-483b-9c6c-6b27e9afa9bc" providerId="ADAL" clId="{BF04C754-5BF4-4E83-9615-DB14FA25AF8A}" dt="2023-10-12T11:38:08.274" v="295"/>
          <ac:spMkLst>
            <pc:docMk/>
            <pc:sldMk cId="2376958513" sldId="260"/>
            <ac:spMk id="7812" creationId="{EF949BFE-2330-5417-99F3-255BFDD5C06C}"/>
          </ac:spMkLst>
        </pc:spChg>
        <pc:spChg chg="mod">
          <ac:chgData name="White, Alex" userId="eff6cc8c-37d8-483b-9c6c-6b27e9afa9bc" providerId="ADAL" clId="{BF04C754-5BF4-4E83-9615-DB14FA25AF8A}" dt="2023-10-12T11:38:08.274" v="295"/>
          <ac:spMkLst>
            <pc:docMk/>
            <pc:sldMk cId="2376958513" sldId="260"/>
            <ac:spMk id="7813" creationId="{C938515C-1D62-8240-F864-8743FF1E33C4}"/>
          </ac:spMkLst>
        </pc:spChg>
        <pc:spChg chg="mod">
          <ac:chgData name="White, Alex" userId="eff6cc8c-37d8-483b-9c6c-6b27e9afa9bc" providerId="ADAL" clId="{BF04C754-5BF4-4E83-9615-DB14FA25AF8A}" dt="2023-10-12T11:38:08.274" v="295"/>
          <ac:spMkLst>
            <pc:docMk/>
            <pc:sldMk cId="2376958513" sldId="260"/>
            <ac:spMk id="7814" creationId="{0D929E9C-E13F-86EB-A390-8D690FF16B73}"/>
          </ac:spMkLst>
        </pc:spChg>
        <pc:spChg chg="mod">
          <ac:chgData name="White, Alex" userId="eff6cc8c-37d8-483b-9c6c-6b27e9afa9bc" providerId="ADAL" clId="{BF04C754-5BF4-4E83-9615-DB14FA25AF8A}" dt="2023-10-12T11:38:08.274" v="295"/>
          <ac:spMkLst>
            <pc:docMk/>
            <pc:sldMk cId="2376958513" sldId="260"/>
            <ac:spMk id="7815" creationId="{482A4E08-C0D3-1621-B41E-6DEE303D8C3F}"/>
          </ac:spMkLst>
        </pc:spChg>
        <pc:spChg chg="mod">
          <ac:chgData name="White, Alex" userId="eff6cc8c-37d8-483b-9c6c-6b27e9afa9bc" providerId="ADAL" clId="{BF04C754-5BF4-4E83-9615-DB14FA25AF8A}" dt="2023-10-12T11:38:08.274" v="295"/>
          <ac:spMkLst>
            <pc:docMk/>
            <pc:sldMk cId="2376958513" sldId="260"/>
            <ac:spMk id="7816" creationId="{7D4CCE87-BA88-39FD-DFE2-5AFBB0694D7C}"/>
          </ac:spMkLst>
        </pc:spChg>
        <pc:spChg chg="mod">
          <ac:chgData name="White, Alex" userId="eff6cc8c-37d8-483b-9c6c-6b27e9afa9bc" providerId="ADAL" clId="{BF04C754-5BF4-4E83-9615-DB14FA25AF8A}" dt="2023-10-12T11:38:08.274" v="295"/>
          <ac:spMkLst>
            <pc:docMk/>
            <pc:sldMk cId="2376958513" sldId="260"/>
            <ac:spMk id="7817" creationId="{2A467DE9-ACCE-657B-DB5B-F42ABFDBAB04}"/>
          </ac:spMkLst>
        </pc:spChg>
        <pc:spChg chg="mod">
          <ac:chgData name="White, Alex" userId="eff6cc8c-37d8-483b-9c6c-6b27e9afa9bc" providerId="ADAL" clId="{BF04C754-5BF4-4E83-9615-DB14FA25AF8A}" dt="2023-10-12T11:38:08.274" v="295"/>
          <ac:spMkLst>
            <pc:docMk/>
            <pc:sldMk cId="2376958513" sldId="260"/>
            <ac:spMk id="7818" creationId="{8BBCF3CC-3366-22C7-1C78-2760FFE92B29}"/>
          </ac:spMkLst>
        </pc:spChg>
        <pc:spChg chg="mod">
          <ac:chgData name="White, Alex" userId="eff6cc8c-37d8-483b-9c6c-6b27e9afa9bc" providerId="ADAL" clId="{BF04C754-5BF4-4E83-9615-DB14FA25AF8A}" dt="2023-10-12T11:38:08.274" v="295"/>
          <ac:spMkLst>
            <pc:docMk/>
            <pc:sldMk cId="2376958513" sldId="260"/>
            <ac:spMk id="7819" creationId="{DD76BFFC-3A54-0F06-C36E-A40779F81123}"/>
          </ac:spMkLst>
        </pc:spChg>
        <pc:spChg chg="mod">
          <ac:chgData name="White, Alex" userId="eff6cc8c-37d8-483b-9c6c-6b27e9afa9bc" providerId="ADAL" clId="{BF04C754-5BF4-4E83-9615-DB14FA25AF8A}" dt="2023-10-12T11:38:08.274" v="295"/>
          <ac:spMkLst>
            <pc:docMk/>
            <pc:sldMk cId="2376958513" sldId="260"/>
            <ac:spMk id="7820" creationId="{191E9840-CB78-B0B1-B0BD-D38E8765691E}"/>
          </ac:spMkLst>
        </pc:spChg>
        <pc:spChg chg="mod">
          <ac:chgData name="White, Alex" userId="eff6cc8c-37d8-483b-9c6c-6b27e9afa9bc" providerId="ADAL" clId="{BF04C754-5BF4-4E83-9615-DB14FA25AF8A}" dt="2023-10-12T11:38:08.274" v="295"/>
          <ac:spMkLst>
            <pc:docMk/>
            <pc:sldMk cId="2376958513" sldId="260"/>
            <ac:spMk id="7821" creationId="{50461654-BBC7-38F9-4F63-D95141D30775}"/>
          </ac:spMkLst>
        </pc:spChg>
        <pc:spChg chg="mod">
          <ac:chgData name="White, Alex" userId="eff6cc8c-37d8-483b-9c6c-6b27e9afa9bc" providerId="ADAL" clId="{BF04C754-5BF4-4E83-9615-DB14FA25AF8A}" dt="2023-10-12T11:38:08.274" v="295"/>
          <ac:spMkLst>
            <pc:docMk/>
            <pc:sldMk cId="2376958513" sldId="260"/>
            <ac:spMk id="7822" creationId="{FDFB8905-076D-F3C2-7335-0FDA0108D876}"/>
          </ac:spMkLst>
        </pc:spChg>
        <pc:spChg chg="mod">
          <ac:chgData name="White, Alex" userId="eff6cc8c-37d8-483b-9c6c-6b27e9afa9bc" providerId="ADAL" clId="{BF04C754-5BF4-4E83-9615-DB14FA25AF8A}" dt="2023-10-12T11:38:08.274" v="295"/>
          <ac:spMkLst>
            <pc:docMk/>
            <pc:sldMk cId="2376958513" sldId="260"/>
            <ac:spMk id="7823" creationId="{4A3434D6-15F4-F3A7-4004-6074A533FFFD}"/>
          </ac:spMkLst>
        </pc:spChg>
        <pc:spChg chg="mod">
          <ac:chgData name="White, Alex" userId="eff6cc8c-37d8-483b-9c6c-6b27e9afa9bc" providerId="ADAL" clId="{BF04C754-5BF4-4E83-9615-DB14FA25AF8A}" dt="2023-10-12T11:38:08.274" v="295"/>
          <ac:spMkLst>
            <pc:docMk/>
            <pc:sldMk cId="2376958513" sldId="260"/>
            <ac:spMk id="7824" creationId="{AB29B125-7012-12DD-04FA-476E9466E6D1}"/>
          </ac:spMkLst>
        </pc:spChg>
        <pc:spChg chg="mod">
          <ac:chgData name="White, Alex" userId="eff6cc8c-37d8-483b-9c6c-6b27e9afa9bc" providerId="ADAL" clId="{BF04C754-5BF4-4E83-9615-DB14FA25AF8A}" dt="2023-10-12T11:38:08.274" v="295"/>
          <ac:spMkLst>
            <pc:docMk/>
            <pc:sldMk cId="2376958513" sldId="260"/>
            <ac:spMk id="7825" creationId="{41215BCD-2D9B-CDA2-5875-31127E4D9B5A}"/>
          </ac:spMkLst>
        </pc:spChg>
        <pc:spChg chg="mod">
          <ac:chgData name="White, Alex" userId="eff6cc8c-37d8-483b-9c6c-6b27e9afa9bc" providerId="ADAL" clId="{BF04C754-5BF4-4E83-9615-DB14FA25AF8A}" dt="2023-10-12T11:38:08.274" v="295"/>
          <ac:spMkLst>
            <pc:docMk/>
            <pc:sldMk cId="2376958513" sldId="260"/>
            <ac:spMk id="7826" creationId="{DA37AB30-4FE3-BA94-95A3-5CC2C989D4E7}"/>
          </ac:spMkLst>
        </pc:spChg>
        <pc:spChg chg="mod">
          <ac:chgData name="White, Alex" userId="eff6cc8c-37d8-483b-9c6c-6b27e9afa9bc" providerId="ADAL" clId="{BF04C754-5BF4-4E83-9615-DB14FA25AF8A}" dt="2023-10-12T11:38:08.274" v="295"/>
          <ac:spMkLst>
            <pc:docMk/>
            <pc:sldMk cId="2376958513" sldId="260"/>
            <ac:spMk id="7827" creationId="{8C4C5709-BB42-6943-53B2-BA1BAA163B2B}"/>
          </ac:spMkLst>
        </pc:spChg>
        <pc:spChg chg="mod">
          <ac:chgData name="White, Alex" userId="eff6cc8c-37d8-483b-9c6c-6b27e9afa9bc" providerId="ADAL" clId="{BF04C754-5BF4-4E83-9615-DB14FA25AF8A}" dt="2023-10-12T11:38:08.274" v="295"/>
          <ac:spMkLst>
            <pc:docMk/>
            <pc:sldMk cId="2376958513" sldId="260"/>
            <ac:spMk id="7828" creationId="{45E139CF-B2F2-F0CF-E5A8-B3BEEF0AE7C5}"/>
          </ac:spMkLst>
        </pc:spChg>
        <pc:spChg chg="mod">
          <ac:chgData name="White, Alex" userId="eff6cc8c-37d8-483b-9c6c-6b27e9afa9bc" providerId="ADAL" clId="{BF04C754-5BF4-4E83-9615-DB14FA25AF8A}" dt="2023-10-12T11:38:08.274" v="295"/>
          <ac:spMkLst>
            <pc:docMk/>
            <pc:sldMk cId="2376958513" sldId="260"/>
            <ac:spMk id="7829" creationId="{9EAAE5A6-3FA4-4B10-84BC-53214D32B268}"/>
          </ac:spMkLst>
        </pc:spChg>
        <pc:spChg chg="mod">
          <ac:chgData name="White, Alex" userId="eff6cc8c-37d8-483b-9c6c-6b27e9afa9bc" providerId="ADAL" clId="{BF04C754-5BF4-4E83-9615-DB14FA25AF8A}" dt="2023-10-12T11:38:08.274" v="295"/>
          <ac:spMkLst>
            <pc:docMk/>
            <pc:sldMk cId="2376958513" sldId="260"/>
            <ac:spMk id="7830" creationId="{C9BB3ED3-AB28-5E45-6731-295BDCC7F6EE}"/>
          </ac:spMkLst>
        </pc:spChg>
        <pc:spChg chg="mod">
          <ac:chgData name="White, Alex" userId="eff6cc8c-37d8-483b-9c6c-6b27e9afa9bc" providerId="ADAL" clId="{BF04C754-5BF4-4E83-9615-DB14FA25AF8A}" dt="2023-10-12T11:38:08.274" v="295"/>
          <ac:spMkLst>
            <pc:docMk/>
            <pc:sldMk cId="2376958513" sldId="260"/>
            <ac:spMk id="7831" creationId="{1FFA9721-13D7-EF50-6A3B-A4D8A3D44DB4}"/>
          </ac:spMkLst>
        </pc:spChg>
        <pc:spChg chg="mod">
          <ac:chgData name="White, Alex" userId="eff6cc8c-37d8-483b-9c6c-6b27e9afa9bc" providerId="ADAL" clId="{BF04C754-5BF4-4E83-9615-DB14FA25AF8A}" dt="2023-10-12T11:38:08.274" v="295"/>
          <ac:spMkLst>
            <pc:docMk/>
            <pc:sldMk cId="2376958513" sldId="260"/>
            <ac:spMk id="7832" creationId="{68756F88-9898-9202-8C72-0ECB010B92D1}"/>
          </ac:spMkLst>
        </pc:spChg>
        <pc:spChg chg="mod">
          <ac:chgData name="White, Alex" userId="eff6cc8c-37d8-483b-9c6c-6b27e9afa9bc" providerId="ADAL" clId="{BF04C754-5BF4-4E83-9615-DB14FA25AF8A}" dt="2023-10-12T11:38:08.274" v="295"/>
          <ac:spMkLst>
            <pc:docMk/>
            <pc:sldMk cId="2376958513" sldId="260"/>
            <ac:spMk id="7833" creationId="{6049AAEC-EE1E-BD37-656C-BE6CC0915118}"/>
          </ac:spMkLst>
        </pc:spChg>
        <pc:spChg chg="mod">
          <ac:chgData name="White, Alex" userId="eff6cc8c-37d8-483b-9c6c-6b27e9afa9bc" providerId="ADAL" clId="{BF04C754-5BF4-4E83-9615-DB14FA25AF8A}" dt="2023-10-12T11:38:08.274" v="295"/>
          <ac:spMkLst>
            <pc:docMk/>
            <pc:sldMk cId="2376958513" sldId="260"/>
            <ac:spMk id="7834" creationId="{C02EF749-8B07-340B-66A6-58961E7968FE}"/>
          </ac:spMkLst>
        </pc:spChg>
        <pc:spChg chg="mod">
          <ac:chgData name="White, Alex" userId="eff6cc8c-37d8-483b-9c6c-6b27e9afa9bc" providerId="ADAL" clId="{BF04C754-5BF4-4E83-9615-DB14FA25AF8A}" dt="2023-10-12T11:38:08.274" v="295"/>
          <ac:spMkLst>
            <pc:docMk/>
            <pc:sldMk cId="2376958513" sldId="260"/>
            <ac:spMk id="7835" creationId="{4DAF3D65-EA99-46D3-DC5E-94DB5C55B70E}"/>
          </ac:spMkLst>
        </pc:spChg>
        <pc:spChg chg="mod">
          <ac:chgData name="White, Alex" userId="eff6cc8c-37d8-483b-9c6c-6b27e9afa9bc" providerId="ADAL" clId="{BF04C754-5BF4-4E83-9615-DB14FA25AF8A}" dt="2023-10-12T11:38:08.274" v="295"/>
          <ac:spMkLst>
            <pc:docMk/>
            <pc:sldMk cId="2376958513" sldId="260"/>
            <ac:spMk id="7836" creationId="{20B9FD0D-2CF8-4352-20DF-A40133CFD8FE}"/>
          </ac:spMkLst>
        </pc:spChg>
        <pc:spChg chg="mod">
          <ac:chgData name="White, Alex" userId="eff6cc8c-37d8-483b-9c6c-6b27e9afa9bc" providerId="ADAL" clId="{BF04C754-5BF4-4E83-9615-DB14FA25AF8A}" dt="2023-10-12T11:38:08.274" v="295"/>
          <ac:spMkLst>
            <pc:docMk/>
            <pc:sldMk cId="2376958513" sldId="260"/>
            <ac:spMk id="7837" creationId="{985DBE91-228B-8A12-E37C-A9AC2B84C6BD}"/>
          </ac:spMkLst>
        </pc:spChg>
        <pc:spChg chg="mod">
          <ac:chgData name="White, Alex" userId="eff6cc8c-37d8-483b-9c6c-6b27e9afa9bc" providerId="ADAL" clId="{BF04C754-5BF4-4E83-9615-DB14FA25AF8A}" dt="2023-10-12T11:38:08.274" v="295"/>
          <ac:spMkLst>
            <pc:docMk/>
            <pc:sldMk cId="2376958513" sldId="260"/>
            <ac:spMk id="7838" creationId="{C400067E-6E30-985C-C7E7-6567C9FB9DEF}"/>
          </ac:spMkLst>
        </pc:spChg>
        <pc:spChg chg="mod">
          <ac:chgData name="White, Alex" userId="eff6cc8c-37d8-483b-9c6c-6b27e9afa9bc" providerId="ADAL" clId="{BF04C754-5BF4-4E83-9615-DB14FA25AF8A}" dt="2023-10-12T11:38:08.274" v="295"/>
          <ac:spMkLst>
            <pc:docMk/>
            <pc:sldMk cId="2376958513" sldId="260"/>
            <ac:spMk id="7839" creationId="{B9D7475F-6653-1C3C-6DA1-7175AA811177}"/>
          </ac:spMkLst>
        </pc:spChg>
        <pc:spChg chg="mod">
          <ac:chgData name="White, Alex" userId="eff6cc8c-37d8-483b-9c6c-6b27e9afa9bc" providerId="ADAL" clId="{BF04C754-5BF4-4E83-9615-DB14FA25AF8A}" dt="2023-10-12T11:38:08.274" v="295"/>
          <ac:spMkLst>
            <pc:docMk/>
            <pc:sldMk cId="2376958513" sldId="260"/>
            <ac:spMk id="7840" creationId="{11F99E0D-D8EB-0162-DC29-5802E9C8C539}"/>
          </ac:spMkLst>
        </pc:spChg>
        <pc:spChg chg="mod">
          <ac:chgData name="White, Alex" userId="eff6cc8c-37d8-483b-9c6c-6b27e9afa9bc" providerId="ADAL" clId="{BF04C754-5BF4-4E83-9615-DB14FA25AF8A}" dt="2023-10-12T11:38:08.274" v="295"/>
          <ac:spMkLst>
            <pc:docMk/>
            <pc:sldMk cId="2376958513" sldId="260"/>
            <ac:spMk id="7841" creationId="{425B8D4C-DBA0-C491-6F04-C39957EAFBF9}"/>
          </ac:spMkLst>
        </pc:spChg>
        <pc:spChg chg="mod">
          <ac:chgData name="White, Alex" userId="eff6cc8c-37d8-483b-9c6c-6b27e9afa9bc" providerId="ADAL" clId="{BF04C754-5BF4-4E83-9615-DB14FA25AF8A}" dt="2023-10-12T11:38:08.274" v="295"/>
          <ac:spMkLst>
            <pc:docMk/>
            <pc:sldMk cId="2376958513" sldId="260"/>
            <ac:spMk id="7842" creationId="{74001EFC-D360-26E8-455C-14B8F5BDD868}"/>
          </ac:spMkLst>
        </pc:spChg>
        <pc:spChg chg="mod">
          <ac:chgData name="White, Alex" userId="eff6cc8c-37d8-483b-9c6c-6b27e9afa9bc" providerId="ADAL" clId="{BF04C754-5BF4-4E83-9615-DB14FA25AF8A}" dt="2023-10-12T11:38:08.274" v="295"/>
          <ac:spMkLst>
            <pc:docMk/>
            <pc:sldMk cId="2376958513" sldId="260"/>
            <ac:spMk id="7843" creationId="{7AEFC9FA-B4F7-645B-BDC6-3E0EA2BF4178}"/>
          </ac:spMkLst>
        </pc:spChg>
        <pc:spChg chg="mod">
          <ac:chgData name="White, Alex" userId="eff6cc8c-37d8-483b-9c6c-6b27e9afa9bc" providerId="ADAL" clId="{BF04C754-5BF4-4E83-9615-DB14FA25AF8A}" dt="2023-10-12T11:38:08.274" v="295"/>
          <ac:spMkLst>
            <pc:docMk/>
            <pc:sldMk cId="2376958513" sldId="260"/>
            <ac:spMk id="7844" creationId="{8BF0D035-4C55-32F8-F2C4-79C7613271D3}"/>
          </ac:spMkLst>
        </pc:spChg>
        <pc:spChg chg="mod">
          <ac:chgData name="White, Alex" userId="eff6cc8c-37d8-483b-9c6c-6b27e9afa9bc" providerId="ADAL" clId="{BF04C754-5BF4-4E83-9615-DB14FA25AF8A}" dt="2023-10-12T11:38:08.274" v="295"/>
          <ac:spMkLst>
            <pc:docMk/>
            <pc:sldMk cId="2376958513" sldId="260"/>
            <ac:spMk id="7845" creationId="{271D80D0-5C32-923F-F8EA-D9B0A4B12A76}"/>
          </ac:spMkLst>
        </pc:spChg>
        <pc:spChg chg="mod">
          <ac:chgData name="White, Alex" userId="eff6cc8c-37d8-483b-9c6c-6b27e9afa9bc" providerId="ADAL" clId="{BF04C754-5BF4-4E83-9615-DB14FA25AF8A}" dt="2023-10-12T11:38:08.274" v="295"/>
          <ac:spMkLst>
            <pc:docMk/>
            <pc:sldMk cId="2376958513" sldId="260"/>
            <ac:spMk id="7846" creationId="{DC319A82-6796-39AE-D37A-65218381F2A6}"/>
          </ac:spMkLst>
        </pc:spChg>
        <pc:spChg chg="mod">
          <ac:chgData name="White, Alex" userId="eff6cc8c-37d8-483b-9c6c-6b27e9afa9bc" providerId="ADAL" clId="{BF04C754-5BF4-4E83-9615-DB14FA25AF8A}" dt="2023-10-12T11:38:08.274" v="295"/>
          <ac:spMkLst>
            <pc:docMk/>
            <pc:sldMk cId="2376958513" sldId="260"/>
            <ac:spMk id="7847" creationId="{3DA12C8B-6546-AE04-8F59-F6343F07D804}"/>
          </ac:spMkLst>
        </pc:spChg>
        <pc:spChg chg="mod">
          <ac:chgData name="White, Alex" userId="eff6cc8c-37d8-483b-9c6c-6b27e9afa9bc" providerId="ADAL" clId="{BF04C754-5BF4-4E83-9615-DB14FA25AF8A}" dt="2023-10-12T11:38:08.274" v="295"/>
          <ac:spMkLst>
            <pc:docMk/>
            <pc:sldMk cId="2376958513" sldId="260"/>
            <ac:spMk id="7848" creationId="{39A5F3EE-2CC5-53B9-EC15-BBC3FB7CE0CF}"/>
          </ac:spMkLst>
        </pc:spChg>
        <pc:spChg chg="mod">
          <ac:chgData name="White, Alex" userId="eff6cc8c-37d8-483b-9c6c-6b27e9afa9bc" providerId="ADAL" clId="{BF04C754-5BF4-4E83-9615-DB14FA25AF8A}" dt="2023-10-12T11:38:08.274" v="295"/>
          <ac:spMkLst>
            <pc:docMk/>
            <pc:sldMk cId="2376958513" sldId="260"/>
            <ac:spMk id="7849" creationId="{A5E8D937-4260-DEB9-C627-B0E9923D7A29}"/>
          </ac:spMkLst>
        </pc:spChg>
        <pc:spChg chg="mod">
          <ac:chgData name="White, Alex" userId="eff6cc8c-37d8-483b-9c6c-6b27e9afa9bc" providerId="ADAL" clId="{BF04C754-5BF4-4E83-9615-DB14FA25AF8A}" dt="2023-10-12T11:38:08.274" v="295"/>
          <ac:spMkLst>
            <pc:docMk/>
            <pc:sldMk cId="2376958513" sldId="260"/>
            <ac:spMk id="7850" creationId="{058490EF-6718-B3A6-680D-F30AA0F1BF00}"/>
          </ac:spMkLst>
        </pc:spChg>
        <pc:spChg chg="mod">
          <ac:chgData name="White, Alex" userId="eff6cc8c-37d8-483b-9c6c-6b27e9afa9bc" providerId="ADAL" clId="{BF04C754-5BF4-4E83-9615-DB14FA25AF8A}" dt="2023-10-12T11:38:08.274" v="295"/>
          <ac:spMkLst>
            <pc:docMk/>
            <pc:sldMk cId="2376958513" sldId="260"/>
            <ac:spMk id="7851" creationId="{C0111C64-0112-5B5D-3348-732713D5F5C3}"/>
          </ac:spMkLst>
        </pc:spChg>
        <pc:spChg chg="mod">
          <ac:chgData name="White, Alex" userId="eff6cc8c-37d8-483b-9c6c-6b27e9afa9bc" providerId="ADAL" clId="{BF04C754-5BF4-4E83-9615-DB14FA25AF8A}" dt="2023-10-12T11:38:08.274" v="295"/>
          <ac:spMkLst>
            <pc:docMk/>
            <pc:sldMk cId="2376958513" sldId="260"/>
            <ac:spMk id="7852" creationId="{A20649CD-F924-35B1-85DD-5B0987FF1028}"/>
          </ac:spMkLst>
        </pc:spChg>
        <pc:spChg chg="mod">
          <ac:chgData name="White, Alex" userId="eff6cc8c-37d8-483b-9c6c-6b27e9afa9bc" providerId="ADAL" clId="{BF04C754-5BF4-4E83-9615-DB14FA25AF8A}" dt="2023-10-12T11:38:08.274" v="295"/>
          <ac:spMkLst>
            <pc:docMk/>
            <pc:sldMk cId="2376958513" sldId="260"/>
            <ac:spMk id="7853" creationId="{ECA80E94-5288-78BE-C00B-4311D6DD0F0A}"/>
          </ac:spMkLst>
        </pc:spChg>
        <pc:spChg chg="mod">
          <ac:chgData name="White, Alex" userId="eff6cc8c-37d8-483b-9c6c-6b27e9afa9bc" providerId="ADAL" clId="{BF04C754-5BF4-4E83-9615-DB14FA25AF8A}" dt="2023-10-12T11:38:08.274" v="295"/>
          <ac:spMkLst>
            <pc:docMk/>
            <pc:sldMk cId="2376958513" sldId="260"/>
            <ac:spMk id="7854" creationId="{E485FAC6-253F-A76E-B3D7-77E45383DB54}"/>
          </ac:spMkLst>
        </pc:spChg>
        <pc:spChg chg="mod">
          <ac:chgData name="White, Alex" userId="eff6cc8c-37d8-483b-9c6c-6b27e9afa9bc" providerId="ADAL" clId="{BF04C754-5BF4-4E83-9615-DB14FA25AF8A}" dt="2023-10-12T11:38:08.274" v="295"/>
          <ac:spMkLst>
            <pc:docMk/>
            <pc:sldMk cId="2376958513" sldId="260"/>
            <ac:spMk id="7855" creationId="{8A83FF02-E39D-50F1-BCA9-0F164B336746}"/>
          </ac:spMkLst>
        </pc:spChg>
        <pc:spChg chg="mod">
          <ac:chgData name="White, Alex" userId="eff6cc8c-37d8-483b-9c6c-6b27e9afa9bc" providerId="ADAL" clId="{BF04C754-5BF4-4E83-9615-DB14FA25AF8A}" dt="2023-10-12T11:38:08.274" v="295"/>
          <ac:spMkLst>
            <pc:docMk/>
            <pc:sldMk cId="2376958513" sldId="260"/>
            <ac:spMk id="7856" creationId="{8239BFD8-FC95-BC1E-7A73-2E7F35C18C29}"/>
          </ac:spMkLst>
        </pc:spChg>
        <pc:spChg chg="mod">
          <ac:chgData name="White, Alex" userId="eff6cc8c-37d8-483b-9c6c-6b27e9afa9bc" providerId="ADAL" clId="{BF04C754-5BF4-4E83-9615-DB14FA25AF8A}" dt="2023-10-12T11:38:08.274" v="295"/>
          <ac:spMkLst>
            <pc:docMk/>
            <pc:sldMk cId="2376958513" sldId="260"/>
            <ac:spMk id="7857" creationId="{298560A4-D220-8CDF-047A-9C98E1535B3E}"/>
          </ac:spMkLst>
        </pc:spChg>
        <pc:spChg chg="mod">
          <ac:chgData name="White, Alex" userId="eff6cc8c-37d8-483b-9c6c-6b27e9afa9bc" providerId="ADAL" clId="{BF04C754-5BF4-4E83-9615-DB14FA25AF8A}" dt="2023-10-12T11:38:08.274" v="295"/>
          <ac:spMkLst>
            <pc:docMk/>
            <pc:sldMk cId="2376958513" sldId="260"/>
            <ac:spMk id="7858" creationId="{3E2D568F-070A-8292-E594-5D39D1DAF9ED}"/>
          </ac:spMkLst>
        </pc:spChg>
        <pc:spChg chg="mod">
          <ac:chgData name="White, Alex" userId="eff6cc8c-37d8-483b-9c6c-6b27e9afa9bc" providerId="ADAL" clId="{BF04C754-5BF4-4E83-9615-DB14FA25AF8A}" dt="2023-10-12T11:38:08.274" v="295"/>
          <ac:spMkLst>
            <pc:docMk/>
            <pc:sldMk cId="2376958513" sldId="260"/>
            <ac:spMk id="7859" creationId="{0D5D9F21-E2C6-7C0E-3F03-B4408C10145A}"/>
          </ac:spMkLst>
        </pc:spChg>
        <pc:spChg chg="mod">
          <ac:chgData name="White, Alex" userId="eff6cc8c-37d8-483b-9c6c-6b27e9afa9bc" providerId="ADAL" clId="{BF04C754-5BF4-4E83-9615-DB14FA25AF8A}" dt="2023-10-12T11:38:08.274" v="295"/>
          <ac:spMkLst>
            <pc:docMk/>
            <pc:sldMk cId="2376958513" sldId="260"/>
            <ac:spMk id="7860" creationId="{661F3EC8-8BD2-DA3F-7DC2-81C2E20A0649}"/>
          </ac:spMkLst>
        </pc:spChg>
        <pc:spChg chg="mod">
          <ac:chgData name="White, Alex" userId="eff6cc8c-37d8-483b-9c6c-6b27e9afa9bc" providerId="ADAL" clId="{BF04C754-5BF4-4E83-9615-DB14FA25AF8A}" dt="2023-10-12T11:38:08.274" v="295"/>
          <ac:spMkLst>
            <pc:docMk/>
            <pc:sldMk cId="2376958513" sldId="260"/>
            <ac:spMk id="7861" creationId="{CDEB4FBA-8FB9-6F65-E84F-89A1BE7EB1AD}"/>
          </ac:spMkLst>
        </pc:spChg>
        <pc:spChg chg="mod">
          <ac:chgData name="White, Alex" userId="eff6cc8c-37d8-483b-9c6c-6b27e9afa9bc" providerId="ADAL" clId="{BF04C754-5BF4-4E83-9615-DB14FA25AF8A}" dt="2023-10-12T11:38:08.274" v="295"/>
          <ac:spMkLst>
            <pc:docMk/>
            <pc:sldMk cId="2376958513" sldId="260"/>
            <ac:spMk id="7862" creationId="{36E943B9-C7EC-4F2F-01DE-374770136CCB}"/>
          </ac:spMkLst>
        </pc:spChg>
        <pc:spChg chg="mod">
          <ac:chgData name="White, Alex" userId="eff6cc8c-37d8-483b-9c6c-6b27e9afa9bc" providerId="ADAL" clId="{BF04C754-5BF4-4E83-9615-DB14FA25AF8A}" dt="2023-10-12T11:38:08.274" v="295"/>
          <ac:spMkLst>
            <pc:docMk/>
            <pc:sldMk cId="2376958513" sldId="260"/>
            <ac:spMk id="7863" creationId="{FA8FD74A-E400-41CC-2AD6-3DCF89018C5D}"/>
          </ac:spMkLst>
        </pc:spChg>
        <pc:spChg chg="mod">
          <ac:chgData name="White, Alex" userId="eff6cc8c-37d8-483b-9c6c-6b27e9afa9bc" providerId="ADAL" clId="{BF04C754-5BF4-4E83-9615-DB14FA25AF8A}" dt="2023-10-12T11:38:08.274" v="295"/>
          <ac:spMkLst>
            <pc:docMk/>
            <pc:sldMk cId="2376958513" sldId="260"/>
            <ac:spMk id="7864" creationId="{0A93446A-5858-BBFD-3DBC-9D43581584A5}"/>
          </ac:spMkLst>
        </pc:spChg>
        <pc:spChg chg="mod">
          <ac:chgData name="White, Alex" userId="eff6cc8c-37d8-483b-9c6c-6b27e9afa9bc" providerId="ADAL" clId="{BF04C754-5BF4-4E83-9615-DB14FA25AF8A}" dt="2023-10-12T11:38:08.274" v="295"/>
          <ac:spMkLst>
            <pc:docMk/>
            <pc:sldMk cId="2376958513" sldId="260"/>
            <ac:spMk id="7865" creationId="{41F4C4A6-DF98-4F56-B85E-77068BF36E5C}"/>
          </ac:spMkLst>
        </pc:spChg>
        <pc:spChg chg="mod">
          <ac:chgData name="White, Alex" userId="eff6cc8c-37d8-483b-9c6c-6b27e9afa9bc" providerId="ADAL" clId="{BF04C754-5BF4-4E83-9615-DB14FA25AF8A}" dt="2023-10-12T11:38:08.274" v="295"/>
          <ac:spMkLst>
            <pc:docMk/>
            <pc:sldMk cId="2376958513" sldId="260"/>
            <ac:spMk id="7866" creationId="{73F04419-4B96-3E39-1BCA-7132B1831A51}"/>
          </ac:spMkLst>
        </pc:spChg>
        <pc:spChg chg="mod">
          <ac:chgData name="White, Alex" userId="eff6cc8c-37d8-483b-9c6c-6b27e9afa9bc" providerId="ADAL" clId="{BF04C754-5BF4-4E83-9615-DB14FA25AF8A}" dt="2023-10-12T11:38:08.274" v="295"/>
          <ac:spMkLst>
            <pc:docMk/>
            <pc:sldMk cId="2376958513" sldId="260"/>
            <ac:spMk id="7867" creationId="{98A10AC8-D538-5171-8F4E-1624A59578F4}"/>
          </ac:spMkLst>
        </pc:spChg>
        <pc:spChg chg="mod">
          <ac:chgData name="White, Alex" userId="eff6cc8c-37d8-483b-9c6c-6b27e9afa9bc" providerId="ADAL" clId="{BF04C754-5BF4-4E83-9615-DB14FA25AF8A}" dt="2023-10-12T11:38:08.274" v="295"/>
          <ac:spMkLst>
            <pc:docMk/>
            <pc:sldMk cId="2376958513" sldId="260"/>
            <ac:spMk id="7868" creationId="{B824554E-F79E-1BFD-DD11-2A8422B16E74}"/>
          </ac:spMkLst>
        </pc:spChg>
        <pc:spChg chg="mod">
          <ac:chgData name="White, Alex" userId="eff6cc8c-37d8-483b-9c6c-6b27e9afa9bc" providerId="ADAL" clId="{BF04C754-5BF4-4E83-9615-DB14FA25AF8A}" dt="2023-10-12T11:38:08.274" v="295"/>
          <ac:spMkLst>
            <pc:docMk/>
            <pc:sldMk cId="2376958513" sldId="260"/>
            <ac:spMk id="7869" creationId="{CFD8F802-A7FE-862D-C125-F2B64B513053}"/>
          </ac:spMkLst>
        </pc:spChg>
        <pc:spChg chg="mod">
          <ac:chgData name="White, Alex" userId="eff6cc8c-37d8-483b-9c6c-6b27e9afa9bc" providerId="ADAL" clId="{BF04C754-5BF4-4E83-9615-DB14FA25AF8A}" dt="2023-10-12T11:38:08.274" v="295"/>
          <ac:spMkLst>
            <pc:docMk/>
            <pc:sldMk cId="2376958513" sldId="260"/>
            <ac:spMk id="7870" creationId="{D0E1EC6D-8309-348C-214E-E6DB59469F2C}"/>
          </ac:spMkLst>
        </pc:spChg>
        <pc:spChg chg="mod">
          <ac:chgData name="White, Alex" userId="eff6cc8c-37d8-483b-9c6c-6b27e9afa9bc" providerId="ADAL" clId="{BF04C754-5BF4-4E83-9615-DB14FA25AF8A}" dt="2023-10-12T11:38:08.274" v="295"/>
          <ac:spMkLst>
            <pc:docMk/>
            <pc:sldMk cId="2376958513" sldId="260"/>
            <ac:spMk id="7871" creationId="{251D9F42-1304-95B3-39C3-807425439741}"/>
          </ac:spMkLst>
        </pc:spChg>
        <pc:spChg chg="mod">
          <ac:chgData name="White, Alex" userId="eff6cc8c-37d8-483b-9c6c-6b27e9afa9bc" providerId="ADAL" clId="{BF04C754-5BF4-4E83-9615-DB14FA25AF8A}" dt="2023-10-12T11:38:08.274" v="295"/>
          <ac:spMkLst>
            <pc:docMk/>
            <pc:sldMk cId="2376958513" sldId="260"/>
            <ac:spMk id="7872" creationId="{ACFF3122-7543-FBB1-4829-91D7C5B23D48}"/>
          </ac:spMkLst>
        </pc:spChg>
        <pc:spChg chg="mod">
          <ac:chgData name="White, Alex" userId="eff6cc8c-37d8-483b-9c6c-6b27e9afa9bc" providerId="ADAL" clId="{BF04C754-5BF4-4E83-9615-DB14FA25AF8A}" dt="2023-10-12T11:38:08.274" v="295"/>
          <ac:spMkLst>
            <pc:docMk/>
            <pc:sldMk cId="2376958513" sldId="260"/>
            <ac:spMk id="7873" creationId="{60E6B911-0387-0DBC-5477-7E9DC63FE802}"/>
          </ac:spMkLst>
        </pc:spChg>
        <pc:spChg chg="mod">
          <ac:chgData name="White, Alex" userId="eff6cc8c-37d8-483b-9c6c-6b27e9afa9bc" providerId="ADAL" clId="{BF04C754-5BF4-4E83-9615-DB14FA25AF8A}" dt="2023-10-12T11:38:08.274" v="295"/>
          <ac:spMkLst>
            <pc:docMk/>
            <pc:sldMk cId="2376958513" sldId="260"/>
            <ac:spMk id="7874" creationId="{F96D1A72-53BC-FD08-218B-BE9B0259167E}"/>
          </ac:spMkLst>
        </pc:spChg>
        <pc:spChg chg="mod">
          <ac:chgData name="White, Alex" userId="eff6cc8c-37d8-483b-9c6c-6b27e9afa9bc" providerId="ADAL" clId="{BF04C754-5BF4-4E83-9615-DB14FA25AF8A}" dt="2023-10-12T11:38:08.274" v="295"/>
          <ac:spMkLst>
            <pc:docMk/>
            <pc:sldMk cId="2376958513" sldId="260"/>
            <ac:spMk id="7875" creationId="{6FF6715F-CF1E-6EA7-8E93-77D59F7406A6}"/>
          </ac:spMkLst>
        </pc:spChg>
        <pc:spChg chg="mod">
          <ac:chgData name="White, Alex" userId="eff6cc8c-37d8-483b-9c6c-6b27e9afa9bc" providerId="ADAL" clId="{BF04C754-5BF4-4E83-9615-DB14FA25AF8A}" dt="2023-10-12T11:38:08.274" v="295"/>
          <ac:spMkLst>
            <pc:docMk/>
            <pc:sldMk cId="2376958513" sldId="260"/>
            <ac:spMk id="7876" creationId="{F210E022-2384-70B0-8EAB-AF0D7619953D}"/>
          </ac:spMkLst>
        </pc:spChg>
        <pc:spChg chg="mod">
          <ac:chgData name="White, Alex" userId="eff6cc8c-37d8-483b-9c6c-6b27e9afa9bc" providerId="ADAL" clId="{BF04C754-5BF4-4E83-9615-DB14FA25AF8A}" dt="2023-10-12T11:38:08.274" v="295"/>
          <ac:spMkLst>
            <pc:docMk/>
            <pc:sldMk cId="2376958513" sldId="260"/>
            <ac:spMk id="7877" creationId="{20156FBA-6D1B-C931-A29B-B7EA6322E786}"/>
          </ac:spMkLst>
        </pc:spChg>
        <pc:spChg chg="mod">
          <ac:chgData name="White, Alex" userId="eff6cc8c-37d8-483b-9c6c-6b27e9afa9bc" providerId="ADAL" clId="{BF04C754-5BF4-4E83-9615-DB14FA25AF8A}" dt="2023-10-12T11:38:08.274" v="295"/>
          <ac:spMkLst>
            <pc:docMk/>
            <pc:sldMk cId="2376958513" sldId="260"/>
            <ac:spMk id="7878" creationId="{2D167A68-6063-0D11-8AF5-19FDC1E3626A}"/>
          </ac:spMkLst>
        </pc:spChg>
        <pc:spChg chg="mod">
          <ac:chgData name="White, Alex" userId="eff6cc8c-37d8-483b-9c6c-6b27e9afa9bc" providerId="ADAL" clId="{BF04C754-5BF4-4E83-9615-DB14FA25AF8A}" dt="2023-10-12T11:38:08.274" v="295"/>
          <ac:spMkLst>
            <pc:docMk/>
            <pc:sldMk cId="2376958513" sldId="260"/>
            <ac:spMk id="7879" creationId="{DDEE4FDD-39B2-3AF5-0723-3498DA84B2F6}"/>
          </ac:spMkLst>
        </pc:spChg>
        <pc:spChg chg="mod">
          <ac:chgData name="White, Alex" userId="eff6cc8c-37d8-483b-9c6c-6b27e9afa9bc" providerId="ADAL" clId="{BF04C754-5BF4-4E83-9615-DB14FA25AF8A}" dt="2023-10-12T11:38:08.274" v="295"/>
          <ac:spMkLst>
            <pc:docMk/>
            <pc:sldMk cId="2376958513" sldId="260"/>
            <ac:spMk id="7880" creationId="{C7F4D05E-8A0B-0245-EA87-F95DAC08DF69}"/>
          </ac:spMkLst>
        </pc:spChg>
        <pc:spChg chg="mod">
          <ac:chgData name="White, Alex" userId="eff6cc8c-37d8-483b-9c6c-6b27e9afa9bc" providerId="ADAL" clId="{BF04C754-5BF4-4E83-9615-DB14FA25AF8A}" dt="2023-10-12T11:38:08.274" v="295"/>
          <ac:spMkLst>
            <pc:docMk/>
            <pc:sldMk cId="2376958513" sldId="260"/>
            <ac:spMk id="7881" creationId="{A317F851-7099-7735-58A3-2D6493F415CF}"/>
          </ac:spMkLst>
        </pc:spChg>
        <pc:spChg chg="mod">
          <ac:chgData name="White, Alex" userId="eff6cc8c-37d8-483b-9c6c-6b27e9afa9bc" providerId="ADAL" clId="{BF04C754-5BF4-4E83-9615-DB14FA25AF8A}" dt="2023-10-12T11:38:08.274" v="295"/>
          <ac:spMkLst>
            <pc:docMk/>
            <pc:sldMk cId="2376958513" sldId="260"/>
            <ac:spMk id="7882" creationId="{755E4DB6-F568-5BE7-399A-3FCE911B578C}"/>
          </ac:spMkLst>
        </pc:spChg>
        <pc:spChg chg="mod">
          <ac:chgData name="White, Alex" userId="eff6cc8c-37d8-483b-9c6c-6b27e9afa9bc" providerId="ADAL" clId="{BF04C754-5BF4-4E83-9615-DB14FA25AF8A}" dt="2023-10-12T11:38:08.274" v="295"/>
          <ac:spMkLst>
            <pc:docMk/>
            <pc:sldMk cId="2376958513" sldId="260"/>
            <ac:spMk id="7883" creationId="{03E8E1A8-BB8D-5F28-4984-19970C18F0CA}"/>
          </ac:spMkLst>
        </pc:spChg>
        <pc:spChg chg="mod">
          <ac:chgData name="White, Alex" userId="eff6cc8c-37d8-483b-9c6c-6b27e9afa9bc" providerId="ADAL" clId="{BF04C754-5BF4-4E83-9615-DB14FA25AF8A}" dt="2023-10-12T11:38:08.274" v="295"/>
          <ac:spMkLst>
            <pc:docMk/>
            <pc:sldMk cId="2376958513" sldId="260"/>
            <ac:spMk id="7884" creationId="{62EB6C66-8004-3132-02CA-07409557438D}"/>
          </ac:spMkLst>
        </pc:spChg>
        <pc:spChg chg="mod">
          <ac:chgData name="White, Alex" userId="eff6cc8c-37d8-483b-9c6c-6b27e9afa9bc" providerId="ADAL" clId="{BF04C754-5BF4-4E83-9615-DB14FA25AF8A}" dt="2023-10-12T11:38:08.274" v="295"/>
          <ac:spMkLst>
            <pc:docMk/>
            <pc:sldMk cId="2376958513" sldId="260"/>
            <ac:spMk id="7885" creationId="{14734FD7-2F2C-6248-0CA6-6A924C9522B3}"/>
          </ac:spMkLst>
        </pc:spChg>
        <pc:spChg chg="mod">
          <ac:chgData name="White, Alex" userId="eff6cc8c-37d8-483b-9c6c-6b27e9afa9bc" providerId="ADAL" clId="{BF04C754-5BF4-4E83-9615-DB14FA25AF8A}" dt="2023-10-12T11:38:08.274" v="295"/>
          <ac:spMkLst>
            <pc:docMk/>
            <pc:sldMk cId="2376958513" sldId="260"/>
            <ac:spMk id="7886" creationId="{BEC59017-0C36-4A99-2215-C9CFF3FB653F}"/>
          </ac:spMkLst>
        </pc:spChg>
        <pc:spChg chg="mod">
          <ac:chgData name="White, Alex" userId="eff6cc8c-37d8-483b-9c6c-6b27e9afa9bc" providerId="ADAL" clId="{BF04C754-5BF4-4E83-9615-DB14FA25AF8A}" dt="2023-10-12T11:38:08.274" v="295"/>
          <ac:spMkLst>
            <pc:docMk/>
            <pc:sldMk cId="2376958513" sldId="260"/>
            <ac:spMk id="7887" creationId="{B4746260-B70E-DEC1-D906-56333B9FE5A6}"/>
          </ac:spMkLst>
        </pc:spChg>
        <pc:spChg chg="mod">
          <ac:chgData name="White, Alex" userId="eff6cc8c-37d8-483b-9c6c-6b27e9afa9bc" providerId="ADAL" clId="{BF04C754-5BF4-4E83-9615-DB14FA25AF8A}" dt="2023-10-12T11:38:08.274" v="295"/>
          <ac:spMkLst>
            <pc:docMk/>
            <pc:sldMk cId="2376958513" sldId="260"/>
            <ac:spMk id="7888" creationId="{B4AA1301-6157-67E4-6F77-035315BBDF2C}"/>
          </ac:spMkLst>
        </pc:spChg>
        <pc:spChg chg="mod">
          <ac:chgData name="White, Alex" userId="eff6cc8c-37d8-483b-9c6c-6b27e9afa9bc" providerId="ADAL" clId="{BF04C754-5BF4-4E83-9615-DB14FA25AF8A}" dt="2023-10-12T11:38:08.274" v="295"/>
          <ac:spMkLst>
            <pc:docMk/>
            <pc:sldMk cId="2376958513" sldId="260"/>
            <ac:spMk id="7889" creationId="{B41CE8BA-2690-D441-71F4-835A22A33BEA}"/>
          </ac:spMkLst>
        </pc:spChg>
        <pc:spChg chg="mod">
          <ac:chgData name="White, Alex" userId="eff6cc8c-37d8-483b-9c6c-6b27e9afa9bc" providerId="ADAL" clId="{BF04C754-5BF4-4E83-9615-DB14FA25AF8A}" dt="2023-10-12T11:38:08.274" v="295"/>
          <ac:spMkLst>
            <pc:docMk/>
            <pc:sldMk cId="2376958513" sldId="260"/>
            <ac:spMk id="7890" creationId="{E9E38010-C274-D7D4-CB87-D338EE8B48CC}"/>
          </ac:spMkLst>
        </pc:spChg>
        <pc:spChg chg="mod">
          <ac:chgData name="White, Alex" userId="eff6cc8c-37d8-483b-9c6c-6b27e9afa9bc" providerId="ADAL" clId="{BF04C754-5BF4-4E83-9615-DB14FA25AF8A}" dt="2023-10-12T11:38:08.274" v="295"/>
          <ac:spMkLst>
            <pc:docMk/>
            <pc:sldMk cId="2376958513" sldId="260"/>
            <ac:spMk id="7891" creationId="{9D4A1116-8564-50B3-06CB-C7A32D8C6E1A}"/>
          </ac:spMkLst>
        </pc:spChg>
        <pc:spChg chg="mod">
          <ac:chgData name="White, Alex" userId="eff6cc8c-37d8-483b-9c6c-6b27e9afa9bc" providerId="ADAL" clId="{BF04C754-5BF4-4E83-9615-DB14FA25AF8A}" dt="2023-10-12T11:38:08.274" v="295"/>
          <ac:spMkLst>
            <pc:docMk/>
            <pc:sldMk cId="2376958513" sldId="260"/>
            <ac:spMk id="7892" creationId="{CEABF1DA-CD55-7409-BC7D-ACF861AC6F52}"/>
          </ac:spMkLst>
        </pc:spChg>
        <pc:spChg chg="mod">
          <ac:chgData name="White, Alex" userId="eff6cc8c-37d8-483b-9c6c-6b27e9afa9bc" providerId="ADAL" clId="{BF04C754-5BF4-4E83-9615-DB14FA25AF8A}" dt="2023-10-12T11:38:08.274" v="295"/>
          <ac:spMkLst>
            <pc:docMk/>
            <pc:sldMk cId="2376958513" sldId="260"/>
            <ac:spMk id="7893" creationId="{ADDADEDB-8B80-820A-2445-FE7829991D78}"/>
          </ac:spMkLst>
        </pc:spChg>
        <pc:spChg chg="mod">
          <ac:chgData name="White, Alex" userId="eff6cc8c-37d8-483b-9c6c-6b27e9afa9bc" providerId="ADAL" clId="{BF04C754-5BF4-4E83-9615-DB14FA25AF8A}" dt="2023-10-12T11:38:08.274" v="295"/>
          <ac:spMkLst>
            <pc:docMk/>
            <pc:sldMk cId="2376958513" sldId="260"/>
            <ac:spMk id="7894" creationId="{AE534C27-1DFF-3C4F-8E26-3CCD1AB835A6}"/>
          </ac:spMkLst>
        </pc:spChg>
        <pc:spChg chg="mod">
          <ac:chgData name="White, Alex" userId="eff6cc8c-37d8-483b-9c6c-6b27e9afa9bc" providerId="ADAL" clId="{BF04C754-5BF4-4E83-9615-DB14FA25AF8A}" dt="2023-10-12T11:38:08.274" v="295"/>
          <ac:spMkLst>
            <pc:docMk/>
            <pc:sldMk cId="2376958513" sldId="260"/>
            <ac:spMk id="7895" creationId="{2E5F8117-2C6D-AFBD-9F3D-12A2983E1B8D}"/>
          </ac:spMkLst>
        </pc:spChg>
        <pc:spChg chg="mod">
          <ac:chgData name="White, Alex" userId="eff6cc8c-37d8-483b-9c6c-6b27e9afa9bc" providerId="ADAL" clId="{BF04C754-5BF4-4E83-9615-DB14FA25AF8A}" dt="2023-10-12T11:38:08.274" v="295"/>
          <ac:spMkLst>
            <pc:docMk/>
            <pc:sldMk cId="2376958513" sldId="260"/>
            <ac:spMk id="7896" creationId="{FBFAD9B9-8B6F-EB34-B254-04A80145EBB8}"/>
          </ac:spMkLst>
        </pc:spChg>
        <pc:spChg chg="mod">
          <ac:chgData name="White, Alex" userId="eff6cc8c-37d8-483b-9c6c-6b27e9afa9bc" providerId="ADAL" clId="{BF04C754-5BF4-4E83-9615-DB14FA25AF8A}" dt="2023-10-12T11:38:08.274" v="295"/>
          <ac:spMkLst>
            <pc:docMk/>
            <pc:sldMk cId="2376958513" sldId="260"/>
            <ac:spMk id="7897" creationId="{04F0BC1C-677E-0937-5624-817154E7AB63}"/>
          </ac:spMkLst>
        </pc:spChg>
        <pc:spChg chg="mod">
          <ac:chgData name="White, Alex" userId="eff6cc8c-37d8-483b-9c6c-6b27e9afa9bc" providerId="ADAL" clId="{BF04C754-5BF4-4E83-9615-DB14FA25AF8A}" dt="2023-10-12T11:38:08.274" v="295"/>
          <ac:spMkLst>
            <pc:docMk/>
            <pc:sldMk cId="2376958513" sldId="260"/>
            <ac:spMk id="7898" creationId="{3E6641D4-6AAC-6C5F-7F6F-B2EFBCBD91B6}"/>
          </ac:spMkLst>
        </pc:spChg>
        <pc:spChg chg="mod">
          <ac:chgData name="White, Alex" userId="eff6cc8c-37d8-483b-9c6c-6b27e9afa9bc" providerId="ADAL" clId="{BF04C754-5BF4-4E83-9615-DB14FA25AF8A}" dt="2023-10-12T11:38:08.274" v="295"/>
          <ac:spMkLst>
            <pc:docMk/>
            <pc:sldMk cId="2376958513" sldId="260"/>
            <ac:spMk id="7899" creationId="{D885F354-2B19-8B34-8AF2-10E345351DF6}"/>
          </ac:spMkLst>
        </pc:spChg>
        <pc:spChg chg="mod">
          <ac:chgData name="White, Alex" userId="eff6cc8c-37d8-483b-9c6c-6b27e9afa9bc" providerId="ADAL" clId="{BF04C754-5BF4-4E83-9615-DB14FA25AF8A}" dt="2023-10-12T11:38:08.274" v="295"/>
          <ac:spMkLst>
            <pc:docMk/>
            <pc:sldMk cId="2376958513" sldId="260"/>
            <ac:spMk id="7900" creationId="{8693FD10-B1D5-19C8-555C-DA64A3E978D2}"/>
          </ac:spMkLst>
        </pc:spChg>
        <pc:spChg chg="mod">
          <ac:chgData name="White, Alex" userId="eff6cc8c-37d8-483b-9c6c-6b27e9afa9bc" providerId="ADAL" clId="{BF04C754-5BF4-4E83-9615-DB14FA25AF8A}" dt="2023-10-12T11:38:08.274" v="295"/>
          <ac:spMkLst>
            <pc:docMk/>
            <pc:sldMk cId="2376958513" sldId="260"/>
            <ac:spMk id="7901" creationId="{0DEAAEC3-2CE0-33A9-6D05-32401D922213}"/>
          </ac:spMkLst>
        </pc:spChg>
        <pc:spChg chg="mod">
          <ac:chgData name="White, Alex" userId="eff6cc8c-37d8-483b-9c6c-6b27e9afa9bc" providerId="ADAL" clId="{BF04C754-5BF4-4E83-9615-DB14FA25AF8A}" dt="2023-10-12T11:38:08.274" v="295"/>
          <ac:spMkLst>
            <pc:docMk/>
            <pc:sldMk cId="2376958513" sldId="260"/>
            <ac:spMk id="7902" creationId="{E230B046-3BBD-6E0D-68EA-E9AC8A2ACC71}"/>
          </ac:spMkLst>
        </pc:spChg>
        <pc:spChg chg="mod">
          <ac:chgData name="White, Alex" userId="eff6cc8c-37d8-483b-9c6c-6b27e9afa9bc" providerId="ADAL" clId="{BF04C754-5BF4-4E83-9615-DB14FA25AF8A}" dt="2023-10-12T11:38:08.274" v="295"/>
          <ac:spMkLst>
            <pc:docMk/>
            <pc:sldMk cId="2376958513" sldId="260"/>
            <ac:spMk id="7903" creationId="{06F28663-31C0-8E72-D5FE-C7897AE667CF}"/>
          </ac:spMkLst>
        </pc:spChg>
        <pc:spChg chg="mod">
          <ac:chgData name="White, Alex" userId="eff6cc8c-37d8-483b-9c6c-6b27e9afa9bc" providerId="ADAL" clId="{BF04C754-5BF4-4E83-9615-DB14FA25AF8A}" dt="2023-10-12T11:38:08.274" v="295"/>
          <ac:spMkLst>
            <pc:docMk/>
            <pc:sldMk cId="2376958513" sldId="260"/>
            <ac:spMk id="7904" creationId="{0A5D1CB5-6CF0-C589-AE56-66F400CCBABC}"/>
          </ac:spMkLst>
        </pc:spChg>
        <pc:spChg chg="mod">
          <ac:chgData name="White, Alex" userId="eff6cc8c-37d8-483b-9c6c-6b27e9afa9bc" providerId="ADAL" clId="{BF04C754-5BF4-4E83-9615-DB14FA25AF8A}" dt="2023-10-12T11:38:08.274" v="295"/>
          <ac:spMkLst>
            <pc:docMk/>
            <pc:sldMk cId="2376958513" sldId="260"/>
            <ac:spMk id="7905" creationId="{F387A629-6885-6E6B-D546-9F810F7D158A}"/>
          </ac:spMkLst>
        </pc:spChg>
        <pc:spChg chg="mod">
          <ac:chgData name="White, Alex" userId="eff6cc8c-37d8-483b-9c6c-6b27e9afa9bc" providerId="ADAL" clId="{BF04C754-5BF4-4E83-9615-DB14FA25AF8A}" dt="2023-10-12T11:38:08.274" v="295"/>
          <ac:spMkLst>
            <pc:docMk/>
            <pc:sldMk cId="2376958513" sldId="260"/>
            <ac:spMk id="7906" creationId="{7E2C0621-D1AC-B6F9-4125-AD0336BE276E}"/>
          </ac:spMkLst>
        </pc:spChg>
        <pc:spChg chg="mod">
          <ac:chgData name="White, Alex" userId="eff6cc8c-37d8-483b-9c6c-6b27e9afa9bc" providerId="ADAL" clId="{BF04C754-5BF4-4E83-9615-DB14FA25AF8A}" dt="2023-10-12T11:38:08.274" v="295"/>
          <ac:spMkLst>
            <pc:docMk/>
            <pc:sldMk cId="2376958513" sldId="260"/>
            <ac:spMk id="7907" creationId="{2506C13D-5841-903A-D40D-4E9FBF7E5446}"/>
          </ac:spMkLst>
        </pc:spChg>
        <pc:spChg chg="mod">
          <ac:chgData name="White, Alex" userId="eff6cc8c-37d8-483b-9c6c-6b27e9afa9bc" providerId="ADAL" clId="{BF04C754-5BF4-4E83-9615-DB14FA25AF8A}" dt="2023-10-12T11:38:08.274" v="295"/>
          <ac:spMkLst>
            <pc:docMk/>
            <pc:sldMk cId="2376958513" sldId="260"/>
            <ac:spMk id="7908" creationId="{0BC7C932-86DD-3E46-EB20-8D279A463EBB}"/>
          </ac:spMkLst>
        </pc:spChg>
        <pc:spChg chg="mod">
          <ac:chgData name="White, Alex" userId="eff6cc8c-37d8-483b-9c6c-6b27e9afa9bc" providerId="ADAL" clId="{BF04C754-5BF4-4E83-9615-DB14FA25AF8A}" dt="2023-10-12T11:38:08.274" v="295"/>
          <ac:spMkLst>
            <pc:docMk/>
            <pc:sldMk cId="2376958513" sldId="260"/>
            <ac:spMk id="7909" creationId="{2E618A8D-7036-2241-C705-934B5ECCEA91}"/>
          </ac:spMkLst>
        </pc:spChg>
        <pc:spChg chg="mod">
          <ac:chgData name="White, Alex" userId="eff6cc8c-37d8-483b-9c6c-6b27e9afa9bc" providerId="ADAL" clId="{BF04C754-5BF4-4E83-9615-DB14FA25AF8A}" dt="2023-10-12T11:38:08.274" v="295"/>
          <ac:spMkLst>
            <pc:docMk/>
            <pc:sldMk cId="2376958513" sldId="260"/>
            <ac:spMk id="7910" creationId="{EB830819-D29B-CC90-0C20-58B389E584B5}"/>
          </ac:spMkLst>
        </pc:spChg>
        <pc:spChg chg="mod">
          <ac:chgData name="White, Alex" userId="eff6cc8c-37d8-483b-9c6c-6b27e9afa9bc" providerId="ADAL" clId="{BF04C754-5BF4-4E83-9615-DB14FA25AF8A}" dt="2023-10-12T11:38:08.274" v="295"/>
          <ac:spMkLst>
            <pc:docMk/>
            <pc:sldMk cId="2376958513" sldId="260"/>
            <ac:spMk id="7911" creationId="{B1A64A3C-A22F-7430-7CD5-67425030D904}"/>
          </ac:spMkLst>
        </pc:spChg>
        <pc:spChg chg="mod">
          <ac:chgData name="White, Alex" userId="eff6cc8c-37d8-483b-9c6c-6b27e9afa9bc" providerId="ADAL" clId="{BF04C754-5BF4-4E83-9615-DB14FA25AF8A}" dt="2023-10-12T11:38:08.274" v="295"/>
          <ac:spMkLst>
            <pc:docMk/>
            <pc:sldMk cId="2376958513" sldId="260"/>
            <ac:spMk id="7912" creationId="{65828DB0-2271-3BFE-AB4B-3090B2F743E9}"/>
          </ac:spMkLst>
        </pc:spChg>
        <pc:spChg chg="mod">
          <ac:chgData name="White, Alex" userId="eff6cc8c-37d8-483b-9c6c-6b27e9afa9bc" providerId="ADAL" clId="{BF04C754-5BF4-4E83-9615-DB14FA25AF8A}" dt="2023-10-12T11:38:08.274" v="295"/>
          <ac:spMkLst>
            <pc:docMk/>
            <pc:sldMk cId="2376958513" sldId="260"/>
            <ac:spMk id="7913" creationId="{5330488F-1490-DB60-976E-CEC35E7221F3}"/>
          </ac:spMkLst>
        </pc:spChg>
        <pc:spChg chg="mod">
          <ac:chgData name="White, Alex" userId="eff6cc8c-37d8-483b-9c6c-6b27e9afa9bc" providerId="ADAL" clId="{BF04C754-5BF4-4E83-9615-DB14FA25AF8A}" dt="2023-10-12T11:38:08.274" v="295"/>
          <ac:spMkLst>
            <pc:docMk/>
            <pc:sldMk cId="2376958513" sldId="260"/>
            <ac:spMk id="7914" creationId="{97D6C83F-895C-58B0-53DC-47C577E6E72A}"/>
          </ac:spMkLst>
        </pc:spChg>
        <pc:spChg chg="mod">
          <ac:chgData name="White, Alex" userId="eff6cc8c-37d8-483b-9c6c-6b27e9afa9bc" providerId="ADAL" clId="{BF04C754-5BF4-4E83-9615-DB14FA25AF8A}" dt="2023-10-12T11:38:08.274" v="295"/>
          <ac:spMkLst>
            <pc:docMk/>
            <pc:sldMk cId="2376958513" sldId="260"/>
            <ac:spMk id="7915" creationId="{6A9EF20D-F8DB-C9A5-F7D6-BF70626C4E39}"/>
          </ac:spMkLst>
        </pc:spChg>
        <pc:spChg chg="mod">
          <ac:chgData name="White, Alex" userId="eff6cc8c-37d8-483b-9c6c-6b27e9afa9bc" providerId="ADAL" clId="{BF04C754-5BF4-4E83-9615-DB14FA25AF8A}" dt="2023-10-12T11:38:08.274" v="295"/>
          <ac:spMkLst>
            <pc:docMk/>
            <pc:sldMk cId="2376958513" sldId="260"/>
            <ac:spMk id="7916" creationId="{9F80C622-4616-3F83-C9E8-B7BFD756B03A}"/>
          </ac:spMkLst>
        </pc:spChg>
        <pc:spChg chg="mod">
          <ac:chgData name="White, Alex" userId="eff6cc8c-37d8-483b-9c6c-6b27e9afa9bc" providerId="ADAL" clId="{BF04C754-5BF4-4E83-9615-DB14FA25AF8A}" dt="2023-10-12T11:38:08.274" v="295"/>
          <ac:spMkLst>
            <pc:docMk/>
            <pc:sldMk cId="2376958513" sldId="260"/>
            <ac:spMk id="7917" creationId="{F7CB0821-FE1C-971A-7785-81BE1B1BD2EC}"/>
          </ac:spMkLst>
        </pc:spChg>
        <pc:spChg chg="mod">
          <ac:chgData name="White, Alex" userId="eff6cc8c-37d8-483b-9c6c-6b27e9afa9bc" providerId="ADAL" clId="{BF04C754-5BF4-4E83-9615-DB14FA25AF8A}" dt="2023-10-12T11:38:08.274" v="295"/>
          <ac:spMkLst>
            <pc:docMk/>
            <pc:sldMk cId="2376958513" sldId="260"/>
            <ac:spMk id="7918" creationId="{C8510BC7-33F8-9F69-4DA7-7F18755282AD}"/>
          </ac:spMkLst>
        </pc:spChg>
        <pc:spChg chg="mod">
          <ac:chgData name="White, Alex" userId="eff6cc8c-37d8-483b-9c6c-6b27e9afa9bc" providerId="ADAL" clId="{BF04C754-5BF4-4E83-9615-DB14FA25AF8A}" dt="2023-10-12T11:38:08.274" v="295"/>
          <ac:spMkLst>
            <pc:docMk/>
            <pc:sldMk cId="2376958513" sldId="260"/>
            <ac:spMk id="7919" creationId="{DA729C8F-F3FB-1E07-B5D7-72DAE443B872}"/>
          </ac:spMkLst>
        </pc:spChg>
        <pc:spChg chg="mod">
          <ac:chgData name="White, Alex" userId="eff6cc8c-37d8-483b-9c6c-6b27e9afa9bc" providerId="ADAL" clId="{BF04C754-5BF4-4E83-9615-DB14FA25AF8A}" dt="2023-10-12T11:38:08.274" v="295"/>
          <ac:spMkLst>
            <pc:docMk/>
            <pc:sldMk cId="2376958513" sldId="260"/>
            <ac:spMk id="7920" creationId="{340260A5-B609-BDFA-56A8-23BF75274EB0}"/>
          </ac:spMkLst>
        </pc:spChg>
        <pc:spChg chg="mod">
          <ac:chgData name="White, Alex" userId="eff6cc8c-37d8-483b-9c6c-6b27e9afa9bc" providerId="ADAL" clId="{BF04C754-5BF4-4E83-9615-DB14FA25AF8A}" dt="2023-10-12T11:38:08.274" v="295"/>
          <ac:spMkLst>
            <pc:docMk/>
            <pc:sldMk cId="2376958513" sldId="260"/>
            <ac:spMk id="7921" creationId="{C080DF10-77B7-17B9-BCCA-B209E3C2EDFF}"/>
          </ac:spMkLst>
        </pc:spChg>
        <pc:spChg chg="mod">
          <ac:chgData name="White, Alex" userId="eff6cc8c-37d8-483b-9c6c-6b27e9afa9bc" providerId="ADAL" clId="{BF04C754-5BF4-4E83-9615-DB14FA25AF8A}" dt="2023-10-12T11:38:08.274" v="295"/>
          <ac:spMkLst>
            <pc:docMk/>
            <pc:sldMk cId="2376958513" sldId="260"/>
            <ac:spMk id="7922" creationId="{318D2B54-B56F-1BC4-ED89-FB852F3F23F4}"/>
          </ac:spMkLst>
        </pc:spChg>
        <pc:spChg chg="mod">
          <ac:chgData name="White, Alex" userId="eff6cc8c-37d8-483b-9c6c-6b27e9afa9bc" providerId="ADAL" clId="{BF04C754-5BF4-4E83-9615-DB14FA25AF8A}" dt="2023-10-12T11:38:08.274" v="295"/>
          <ac:spMkLst>
            <pc:docMk/>
            <pc:sldMk cId="2376958513" sldId="260"/>
            <ac:spMk id="7923" creationId="{D58FC8BA-562C-FB9B-86E0-21C24DC545BF}"/>
          </ac:spMkLst>
        </pc:spChg>
        <pc:spChg chg="mod">
          <ac:chgData name="White, Alex" userId="eff6cc8c-37d8-483b-9c6c-6b27e9afa9bc" providerId="ADAL" clId="{BF04C754-5BF4-4E83-9615-DB14FA25AF8A}" dt="2023-10-12T11:38:08.274" v="295"/>
          <ac:spMkLst>
            <pc:docMk/>
            <pc:sldMk cId="2376958513" sldId="260"/>
            <ac:spMk id="7924" creationId="{D9EEC803-E396-C43C-39DB-E272EF030B47}"/>
          </ac:spMkLst>
        </pc:spChg>
        <pc:spChg chg="mod">
          <ac:chgData name="White, Alex" userId="eff6cc8c-37d8-483b-9c6c-6b27e9afa9bc" providerId="ADAL" clId="{BF04C754-5BF4-4E83-9615-DB14FA25AF8A}" dt="2023-10-12T11:38:08.274" v="295"/>
          <ac:spMkLst>
            <pc:docMk/>
            <pc:sldMk cId="2376958513" sldId="260"/>
            <ac:spMk id="7925" creationId="{E165E1FC-1A1A-AB76-2DB2-5FC7E520E090}"/>
          </ac:spMkLst>
        </pc:spChg>
        <pc:spChg chg="mod">
          <ac:chgData name="White, Alex" userId="eff6cc8c-37d8-483b-9c6c-6b27e9afa9bc" providerId="ADAL" clId="{BF04C754-5BF4-4E83-9615-DB14FA25AF8A}" dt="2023-10-12T11:38:08.274" v="295"/>
          <ac:spMkLst>
            <pc:docMk/>
            <pc:sldMk cId="2376958513" sldId="260"/>
            <ac:spMk id="7926" creationId="{660AF41F-DBC0-C90D-5DFA-AF85D84D4AA3}"/>
          </ac:spMkLst>
        </pc:spChg>
        <pc:spChg chg="mod">
          <ac:chgData name="White, Alex" userId="eff6cc8c-37d8-483b-9c6c-6b27e9afa9bc" providerId="ADAL" clId="{BF04C754-5BF4-4E83-9615-DB14FA25AF8A}" dt="2023-10-12T11:38:08.274" v="295"/>
          <ac:spMkLst>
            <pc:docMk/>
            <pc:sldMk cId="2376958513" sldId="260"/>
            <ac:spMk id="7927" creationId="{A11CCC54-90A0-C301-67F6-17A77581FF6E}"/>
          </ac:spMkLst>
        </pc:spChg>
        <pc:spChg chg="mod">
          <ac:chgData name="White, Alex" userId="eff6cc8c-37d8-483b-9c6c-6b27e9afa9bc" providerId="ADAL" clId="{BF04C754-5BF4-4E83-9615-DB14FA25AF8A}" dt="2023-10-12T11:38:08.274" v="295"/>
          <ac:spMkLst>
            <pc:docMk/>
            <pc:sldMk cId="2376958513" sldId="260"/>
            <ac:spMk id="7928" creationId="{8C06D36B-54A6-D89C-52BE-46B343171884}"/>
          </ac:spMkLst>
        </pc:spChg>
        <pc:spChg chg="mod">
          <ac:chgData name="White, Alex" userId="eff6cc8c-37d8-483b-9c6c-6b27e9afa9bc" providerId="ADAL" clId="{BF04C754-5BF4-4E83-9615-DB14FA25AF8A}" dt="2023-10-12T11:38:08.274" v="295"/>
          <ac:spMkLst>
            <pc:docMk/>
            <pc:sldMk cId="2376958513" sldId="260"/>
            <ac:spMk id="7929" creationId="{DB346E95-1D56-4952-47DE-683F1E24F503}"/>
          </ac:spMkLst>
        </pc:spChg>
        <pc:spChg chg="mod">
          <ac:chgData name="White, Alex" userId="eff6cc8c-37d8-483b-9c6c-6b27e9afa9bc" providerId="ADAL" clId="{BF04C754-5BF4-4E83-9615-DB14FA25AF8A}" dt="2023-10-12T11:38:08.274" v="295"/>
          <ac:spMkLst>
            <pc:docMk/>
            <pc:sldMk cId="2376958513" sldId="260"/>
            <ac:spMk id="7930" creationId="{526E90AE-A2B1-A31C-D889-D6505CA935A5}"/>
          </ac:spMkLst>
        </pc:spChg>
        <pc:spChg chg="mod">
          <ac:chgData name="White, Alex" userId="eff6cc8c-37d8-483b-9c6c-6b27e9afa9bc" providerId="ADAL" clId="{BF04C754-5BF4-4E83-9615-DB14FA25AF8A}" dt="2023-10-12T11:38:08.274" v="295"/>
          <ac:spMkLst>
            <pc:docMk/>
            <pc:sldMk cId="2376958513" sldId="260"/>
            <ac:spMk id="7931" creationId="{A6EC18F7-B124-61D8-EE1F-1809955E3D03}"/>
          </ac:spMkLst>
        </pc:spChg>
        <pc:spChg chg="mod">
          <ac:chgData name="White, Alex" userId="eff6cc8c-37d8-483b-9c6c-6b27e9afa9bc" providerId="ADAL" clId="{BF04C754-5BF4-4E83-9615-DB14FA25AF8A}" dt="2023-10-12T11:38:08.274" v="295"/>
          <ac:spMkLst>
            <pc:docMk/>
            <pc:sldMk cId="2376958513" sldId="260"/>
            <ac:spMk id="7932" creationId="{D945C14C-0168-EAB9-7F9E-FA0A26B77BD5}"/>
          </ac:spMkLst>
        </pc:spChg>
        <pc:spChg chg="mod">
          <ac:chgData name="White, Alex" userId="eff6cc8c-37d8-483b-9c6c-6b27e9afa9bc" providerId="ADAL" clId="{BF04C754-5BF4-4E83-9615-DB14FA25AF8A}" dt="2023-10-12T11:38:08.274" v="295"/>
          <ac:spMkLst>
            <pc:docMk/>
            <pc:sldMk cId="2376958513" sldId="260"/>
            <ac:spMk id="7933" creationId="{1FEFDCAB-2831-BB25-B700-E950111A31B7}"/>
          </ac:spMkLst>
        </pc:spChg>
        <pc:spChg chg="mod">
          <ac:chgData name="White, Alex" userId="eff6cc8c-37d8-483b-9c6c-6b27e9afa9bc" providerId="ADAL" clId="{BF04C754-5BF4-4E83-9615-DB14FA25AF8A}" dt="2023-10-12T11:38:08.274" v="295"/>
          <ac:spMkLst>
            <pc:docMk/>
            <pc:sldMk cId="2376958513" sldId="260"/>
            <ac:spMk id="7934" creationId="{15341DBF-39A0-1687-535E-0EBF1543AF71}"/>
          </ac:spMkLst>
        </pc:spChg>
        <pc:spChg chg="mod">
          <ac:chgData name="White, Alex" userId="eff6cc8c-37d8-483b-9c6c-6b27e9afa9bc" providerId="ADAL" clId="{BF04C754-5BF4-4E83-9615-DB14FA25AF8A}" dt="2023-10-12T11:38:08.274" v="295"/>
          <ac:spMkLst>
            <pc:docMk/>
            <pc:sldMk cId="2376958513" sldId="260"/>
            <ac:spMk id="7935" creationId="{87765DB3-C6AE-88DA-8F50-B182A9A782FA}"/>
          </ac:spMkLst>
        </pc:spChg>
        <pc:spChg chg="mod">
          <ac:chgData name="White, Alex" userId="eff6cc8c-37d8-483b-9c6c-6b27e9afa9bc" providerId="ADAL" clId="{BF04C754-5BF4-4E83-9615-DB14FA25AF8A}" dt="2023-10-12T11:38:08.274" v="295"/>
          <ac:spMkLst>
            <pc:docMk/>
            <pc:sldMk cId="2376958513" sldId="260"/>
            <ac:spMk id="7936" creationId="{CE3ADAD7-4220-40A7-2375-67C3CA60208E}"/>
          </ac:spMkLst>
        </pc:spChg>
        <pc:spChg chg="mod">
          <ac:chgData name="White, Alex" userId="eff6cc8c-37d8-483b-9c6c-6b27e9afa9bc" providerId="ADAL" clId="{BF04C754-5BF4-4E83-9615-DB14FA25AF8A}" dt="2023-10-12T11:38:08.274" v="295"/>
          <ac:spMkLst>
            <pc:docMk/>
            <pc:sldMk cId="2376958513" sldId="260"/>
            <ac:spMk id="7937" creationId="{9E8F0F3E-60BA-2C8B-B516-B2169804B74A}"/>
          </ac:spMkLst>
        </pc:spChg>
        <pc:spChg chg="mod">
          <ac:chgData name="White, Alex" userId="eff6cc8c-37d8-483b-9c6c-6b27e9afa9bc" providerId="ADAL" clId="{BF04C754-5BF4-4E83-9615-DB14FA25AF8A}" dt="2023-10-12T11:38:08.274" v="295"/>
          <ac:spMkLst>
            <pc:docMk/>
            <pc:sldMk cId="2376958513" sldId="260"/>
            <ac:spMk id="7938" creationId="{847521B5-55E6-5FA5-374C-3575B9E672EC}"/>
          </ac:spMkLst>
        </pc:spChg>
        <pc:spChg chg="mod">
          <ac:chgData name="White, Alex" userId="eff6cc8c-37d8-483b-9c6c-6b27e9afa9bc" providerId="ADAL" clId="{BF04C754-5BF4-4E83-9615-DB14FA25AF8A}" dt="2023-10-12T11:38:08.274" v="295"/>
          <ac:spMkLst>
            <pc:docMk/>
            <pc:sldMk cId="2376958513" sldId="260"/>
            <ac:spMk id="7939" creationId="{E5770432-9ED2-1103-D91F-6437CFF89DA6}"/>
          </ac:spMkLst>
        </pc:spChg>
        <pc:spChg chg="mod">
          <ac:chgData name="White, Alex" userId="eff6cc8c-37d8-483b-9c6c-6b27e9afa9bc" providerId="ADAL" clId="{BF04C754-5BF4-4E83-9615-DB14FA25AF8A}" dt="2023-10-12T11:38:08.274" v="295"/>
          <ac:spMkLst>
            <pc:docMk/>
            <pc:sldMk cId="2376958513" sldId="260"/>
            <ac:spMk id="7940" creationId="{7F3094A5-B523-BDB0-3D7E-A2145CAB659E}"/>
          </ac:spMkLst>
        </pc:spChg>
        <pc:spChg chg="mod">
          <ac:chgData name="White, Alex" userId="eff6cc8c-37d8-483b-9c6c-6b27e9afa9bc" providerId="ADAL" clId="{BF04C754-5BF4-4E83-9615-DB14FA25AF8A}" dt="2023-10-12T11:38:08.274" v="295"/>
          <ac:spMkLst>
            <pc:docMk/>
            <pc:sldMk cId="2376958513" sldId="260"/>
            <ac:spMk id="7941" creationId="{4846DA0D-1304-F0D6-A396-27795678784A}"/>
          </ac:spMkLst>
        </pc:spChg>
        <pc:spChg chg="mod">
          <ac:chgData name="White, Alex" userId="eff6cc8c-37d8-483b-9c6c-6b27e9afa9bc" providerId="ADAL" clId="{BF04C754-5BF4-4E83-9615-DB14FA25AF8A}" dt="2023-10-12T11:38:08.274" v="295"/>
          <ac:spMkLst>
            <pc:docMk/>
            <pc:sldMk cId="2376958513" sldId="260"/>
            <ac:spMk id="7942" creationId="{989BBC2B-D4C1-5ED6-CC5A-D7C25769B1DD}"/>
          </ac:spMkLst>
        </pc:spChg>
        <pc:spChg chg="mod">
          <ac:chgData name="White, Alex" userId="eff6cc8c-37d8-483b-9c6c-6b27e9afa9bc" providerId="ADAL" clId="{BF04C754-5BF4-4E83-9615-DB14FA25AF8A}" dt="2023-10-12T11:38:08.274" v="295"/>
          <ac:spMkLst>
            <pc:docMk/>
            <pc:sldMk cId="2376958513" sldId="260"/>
            <ac:spMk id="7943" creationId="{811F5870-DA3E-EF23-4BE7-9EDDB7F72F94}"/>
          </ac:spMkLst>
        </pc:spChg>
        <pc:spChg chg="mod">
          <ac:chgData name="White, Alex" userId="eff6cc8c-37d8-483b-9c6c-6b27e9afa9bc" providerId="ADAL" clId="{BF04C754-5BF4-4E83-9615-DB14FA25AF8A}" dt="2023-10-12T11:38:08.274" v="295"/>
          <ac:spMkLst>
            <pc:docMk/>
            <pc:sldMk cId="2376958513" sldId="260"/>
            <ac:spMk id="7944" creationId="{546C6D9E-71A7-8205-57FD-3265DF4458E9}"/>
          </ac:spMkLst>
        </pc:spChg>
        <pc:spChg chg="mod">
          <ac:chgData name="White, Alex" userId="eff6cc8c-37d8-483b-9c6c-6b27e9afa9bc" providerId="ADAL" clId="{BF04C754-5BF4-4E83-9615-DB14FA25AF8A}" dt="2023-10-12T11:38:08.274" v="295"/>
          <ac:spMkLst>
            <pc:docMk/>
            <pc:sldMk cId="2376958513" sldId="260"/>
            <ac:spMk id="7945" creationId="{76647FD4-AF0E-2366-61D9-6CF047F5EF36}"/>
          </ac:spMkLst>
        </pc:spChg>
        <pc:spChg chg="mod">
          <ac:chgData name="White, Alex" userId="eff6cc8c-37d8-483b-9c6c-6b27e9afa9bc" providerId="ADAL" clId="{BF04C754-5BF4-4E83-9615-DB14FA25AF8A}" dt="2023-10-12T11:38:08.274" v="295"/>
          <ac:spMkLst>
            <pc:docMk/>
            <pc:sldMk cId="2376958513" sldId="260"/>
            <ac:spMk id="7946" creationId="{70C9F7B6-8613-BD06-C72F-F967A6691EE9}"/>
          </ac:spMkLst>
        </pc:spChg>
        <pc:spChg chg="mod">
          <ac:chgData name="White, Alex" userId="eff6cc8c-37d8-483b-9c6c-6b27e9afa9bc" providerId="ADAL" clId="{BF04C754-5BF4-4E83-9615-DB14FA25AF8A}" dt="2023-10-12T11:38:08.274" v="295"/>
          <ac:spMkLst>
            <pc:docMk/>
            <pc:sldMk cId="2376958513" sldId="260"/>
            <ac:spMk id="7947" creationId="{C03CA19A-8DB2-AA13-7358-E58901611C35}"/>
          </ac:spMkLst>
        </pc:spChg>
        <pc:spChg chg="mod">
          <ac:chgData name="White, Alex" userId="eff6cc8c-37d8-483b-9c6c-6b27e9afa9bc" providerId="ADAL" clId="{BF04C754-5BF4-4E83-9615-DB14FA25AF8A}" dt="2023-10-12T11:38:08.274" v="295"/>
          <ac:spMkLst>
            <pc:docMk/>
            <pc:sldMk cId="2376958513" sldId="260"/>
            <ac:spMk id="7948" creationId="{029B3C40-69E8-1788-E153-713DB5734320}"/>
          </ac:spMkLst>
        </pc:spChg>
        <pc:spChg chg="mod">
          <ac:chgData name="White, Alex" userId="eff6cc8c-37d8-483b-9c6c-6b27e9afa9bc" providerId="ADAL" clId="{BF04C754-5BF4-4E83-9615-DB14FA25AF8A}" dt="2023-10-12T11:38:08.274" v="295"/>
          <ac:spMkLst>
            <pc:docMk/>
            <pc:sldMk cId="2376958513" sldId="260"/>
            <ac:spMk id="7949" creationId="{3439D105-2AB1-CD6D-9373-8982F9641E0D}"/>
          </ac:spMkLst>
        </pc:spChg>
        <pc:spChg chg="mod">
          <ac:chgData name="White, Alex" userId="eff6cc8c-37d8-483b-9c6c-6b27e9afa9bc" providerId="ADAL" clId="{BF04C754-5BF4-4E83-9615-DB14FA25AF8A}" dt="2023-10-12T11:38:08.274" v="295"/>
          <ac:spMkLst>
            <pc:docMk/>
            <pc:sldMk cId="2376958513" sldId="260"/>
            <ac:spMk id="7950" creationId="{4FFBCF24-AC9E-A0DA-D047-7B7702944A3F}"/>
          </ac:spMkLst>
        </pc:spChg>
        <pc:spChg chg="mod">
          <ac:chgData name="White, Alex" userId="eff6cc8c-37d8-483b-9c6c-6b27e9afa9bc" providerId="ADAL" clId="{BF04C754-5BF4-4E83-9615-DB14FA25AF8A}" dt="2023-10-12T11:38:08.274" v="295"/>
          <ac:spMkLst>
            <pc:docMk/>
            <pc:sldMk cId="2376958513" sldId="260"/>
            <ac:spMk id="7951" creationId="{49E2D528-D8DA-E242-407A-894C8825F808}"/>
          </ac:spMkLst>
        </pc:spChg>
        <pc:spChg chg="mod">
          <ac:chgData name="White, Alex" userId="eff6cc8c-37d8-483b-9c6c-6b27e9afa9bc" providerId="ADAL" clId="{BF04C754-5BF4-4E83-9615-DB14FA25AF8A}" dt="2023-10-12T11:38:08.274" v="295"/>
          <ac:spMkLst>
            <pc:docMk/>
            <pc:sldMk cId="2376958513" sldId="260"/>
            <ac:spMk id="7952" creationId="{9C50E027-B96C-1014-886E-3D3F99D58ED4}"/>
          </ac:spMkLst>
        </pc:spChg>
        <pc:spChg chg="mod">
          <ac:chgData name="White, Alex" userId="eff6cc8c-37d8-483b-9c6c-6b27e9afa9bc" providerId="ADAL" clId="{BF04C754-5BF4-4E83-9615-DB14FA25AF8A}" dt="2023-10-12T11:38:08.274" v="295"/>
          <ac:spMkLst>
            <pc:docMk/>
            <pc:sldMk cId="2376958513" sldId="260"/>
            <ac:spMk id="7953" creationId="{17C68EF3-896F-9A95-CE50-6D2F4AA674D2}"/>
          </ac:spMkLst>
        </pc:spChg>
        <pc:spChg chg="mod">
          <ac:chgData name="White, Alex" userId="eff6cc8c-37d8-483b-9c6c-6b27e9afa9bc" providerId="ADAL" clId="{BF04C754-5BF4-4E83-9615-DB14FA25AF8A}" dt="2023-10-12T11:38:08.274" v="295"/>
          <ac:spMkLst>
            <pc:docMk/>
            <pc:sldMk cId="2376958513" sldId="260"/>
            <ac:spMk id="7954" creationId="{6C3226D4-0E77-465A-5E85-F03264E9613F}"/>
          </ac:spMkLst>
        </pc:spChg>
        <pc:spChg chg="mod">
          <ac:chgData name="White, Alex" userId="eff6cc8c-37d8-483b-9c6c-6b27e9afa9bc" providerId="ADAL" clId="{BF04C754-5BF4-4E83-9615-DB14FA25AF8A}" dt="2023-10-12T11:38:08.274" v="295"/>
          <ac:spMkLst>
            <pc:docMk/>
            <pc:sldMk cId="2376958513" sldId="260"/>
            <ac:spMk id="7955" creationId="{2440EB38-0977-ED0D-8D93-1C4AC638512A}"/>
          </ac:spMkLst>
        </pc:spChg>
        <pc:spChg chg="mod">
          <ac:chgData name="White, Alex" userId="eff6cc8c-37d8-483b-9c6c-6b27e9afa9bc" providerId="ADAL" clId="{BF04C754-5BF4-4E83-9615-DB14FA25AF8A}" dt="2023-10-12T11:38:08.274" v="295"/>
          <ac:spMkLst>
            <pc:docMk/>
            <pc:sldMk cId="2376958513" sldId="260"/>
            <ac:spMk id="7956" creationId="{76DF850C-9CDA-960D-C704-5C57056B4E6B}"/>
          </ac:spMkLst>
        </pc:spChg>
        <pc:spChg chg="mod">
          <ac:chgData name="White, Alex" userId="eff6cc8c-37d8-483b-9c6c-6b27e9afa9bc" providerId="ADAL" clId="{BF04C754-5BF4-4E83-9615-DB14FA25AF8A}" dt="2023-10-12T11:38:08.274" v="295"/>
          <ac:spMkLst>
            <pc:docMk/>
            <pc:sldMk cId="2376958513" sldId="260"/>
            <ac:spMk id="7957" creationId="{68DFD51A-CF4A-DE30-86CF-9696783D9B0E}"/>
          </ac:spMkLst>
        </pc:spChg>
        <pc:spChg chg="mod">
          <ac:chgData name="White, Alex" userId="eff6cc8c-37d8-483b-9c6c-6b27e9afa9bc" providerId="ADAL" clId="{BF04C754-5BF4-4E83-9615-DB14FA25AF8A}" dt="2023-10-12T11:38:08.274" v="295"/>
          <ac:spMkLst>
            <pc:docMk/>
            <pc:sldMk cId="2376958513" sldId="260"/>
            <ac:spMk id="7958" creationId="{1ADAD26A-424A-1F39-31B5-C118255ED634}"/>
          </ac:spMkLst>
        </pc:spChg>
        <pc:spChg chg="mod">
          <ac:chgData name="White, Alex" userId="eff6cc8c-37d8-483b-9c6c-6b27e9afa9bc" providerId="ADAL" clId="{BF04C754-5BF4-4E83-9615-DB14FA25AF8A}" dt="2023-10-12T11:38:08.274" v="295"/>
          <ac:spMkLst>
            <pc:docMk/>
            <pc:sldMk cId="2376958513" sldId="260"/>
            <ac:spMk id="7959" creationId="{916B92E5-1970-B0EA-3267-19301C5480AA}"/>
          </ac:spMkLst>
        </pc:spChg>
        <pc:spChg chg="mod">
          <ac:chgData name="White, Alex" userId="eff6cc8c-37d8-483b-9c6c-6b27e9afa9bc" providerId="ADAL" clId="{BF04C754-5BF4-4E83-9615-DB14FA25AF8A}" dt="2023-10-12T11:38:08.274" v="295"/>
          <ac:spMkLst>
            <pc:docMk/>
            <pc:sldMk cId="2376958513" sldId="260"/>
            <ac:spMk id="7960" creationId="{E7D06A4F-49BD-F652-07F2-8E21E540A90D}"/>
          </ac:spMkLst>
        </pc:spChg>
        <pc:spChg chg="mod">
          <ac:chgData name="White, Alex" userId="eff6cc8c-37d8-483b-9c6c-6b27e9afa9bc" providerId="ADAL" clId="{BF04C754-5BF4-4E83-9615-DB14FA25AF8A}" dt="2023-10-12T11:38:08.274" v="295"/>
          <ac:spMkLst>
            <pc:docMk/>
            <pc:sldMk cId="2376958513" sldId="260"/>
            <ac:spMk id="7961" creationId="{7A66082A-497D-2EEB-8DC8-80F305BEDD3C}"/>
          </ac:spMkLst>
        </pc:spChg>
        <pc:spChg chg="mod">
          <ac:chgData name="White, Alex" userId="eff6cc8c-37d8-483b-9c6c-6b27e9afa9bc" providerId="ADAL" clId="{BF04C754-5BF4-4E83-9615-DB14FA25AF8A}" dt="2023-10-12T11:38:08.274" v="295"/>
          <ac:spMkLst>
            <pc:docMk/>
            <pc:sldMk cId="2376958513" sldId="260"/>
            <ac:spMk id="7962" creationId="{C452D2A1-0242-196C-B903-5497A3934417}"/>
          </ac:spMkLst>
        </pc:spChg>
        <pc:spChg chg="mod">
          <ac:chgData name="White, Alex" userId="eff6cc8c-37d8-483b-9c6c-6b27e9afa9bc" providerId="ADAL" clId="{BF04C754-5BF4-4E83-9615-DB14FA25AF8A}" dt="2023-10-12T11:38:08.274" v="295"/>
          <ac:spMkLst>
            <pc:docMk/>
            <pc:sldMk cId="2376958513" sldId="260"/>
            <ac:spMk id="7963" creationId="{44E0CDC0-C61F-18BA-BCBF-FEA1D10CD69E}"/>
          </ac:spMkLst>
        </pc:spChg>
        <pc:spChg chg="mod">
          <ac:chgData name="White, Alex" userId="eff6cc8c-37d8-483b-9c6c-6b27e9afa9bc" providerId="ADAL" clId="{BF04C754-5BF4-4E83-9615-DB14FA25AF8A}" dt="2023-10-12T11:38:08.274" v="295"/>
          <ac:spMkLst>
            <pc:docMk/>
            <pc:sldMk cId="2376958513" sldId="260"/>
            <ac:spMk id="7964" creationId="{29BEAD2D-A675-CFBA-B3E8-061816C3512E}"/>
          </ac:spMkLst>
        </pc:spChg>
        <pc:spChg chg="mod">
          <ac:chgData name="White, Alex" userId="eff6cc8c-37d8-483b-9c6c-6b27e9afa9bc" providerId="ADAL" clId="{BF04C754-5BF4-4E83-9615-DB14FA25AF8A}" dt="2023-10-12T11:38:08.274" v="295"/>
          <ac:spMkLst>
            <pc:docMk/>
            <pc:sldMk cId="2376958513" sldId="260"/>
            <ac:spMk id="7965" creationId="{61F5A021-94E5-6528-86AE-10190FDD3AC3}"/>
          </ac:spMkLst>
        </pc:spChg>
        <pc:spChg chg="mod">
          <ac:chgData name="White, Alex" userId="eff6cc8c-37d8-483b-9c6c-6b27e9afa9bc" providerId="ADAL" clId="{BF04C754-5BF4-4E83-9615-DB14FA25AF8A}" dt="2023-10-12T11:38:08.274" v="295"/>
          <ac:spMkLst>
            <pc:docMk/>
            <pc:sldMk cId="2376958513" sldId="260"/>
            <ac:spMk id="7966" creationId="{FBEC0FA4-A046-80C7-C90C-05DC51B42E45}"/>
          </ac:spMkLst>
        </pc:spChg>
        <pc:spChg chg="mod">
          <ac:chgData name="White, Alex" userId="eff6cc8c-37d8-483b-9c6c-6b27e9afa9bc" providerId="ADAL" clId="{BF04C754-5BF4-4E83-9615-DB14FA25AF8A}" dt="2023-10-12T11:38:08.274" v="295"/>
          <ac:spMkLst>
            <pc:docMk/>
            <pc:sldMk cId="2376958513" sldId="260"/>
            <ac:spMk id="7967" creationId="{4AFB6338-5F7B-C279-E116-9E6FA9EE42E1}"/>
          </ac:spMkLst>
        </pc:spChg>
        <pc:spChg chg="mod">
          <ac:chgData name="White, Alex" userId="eff6cc8c-37d8-483b-9c6c-6b27e9afa9bc" providerId="ADAL" clId="{BF04C754-5BF4-4E83-9615-DB14FA25AF8A}" dt="2023-10-12T11:38:08.274" v="295"/>
          <ac:spMkLst>
            <pc:docMk/>
            <pc:sldMk cId="2376958513" sldId="260"/>
            <ac:spMk id="7968" creationId="{2E66D23F-CD7C-C10E-EE3D-BECA21428DB6}"/>
          </ac:spMkLst>
        </pc:spChg>
        <pc:spChg chg="mod">
          <ac:chgData name="White, Alex" userId="eff6cc8c-37d8-483b-9c6c-6b27e9afa9bc" providerId="ADAL" clId="{BF04C754-5BF4-4E83-9615-DB14FA25AF8A}" dt="2023-10-12T11:38:08.274" v="295"/>
          <ac:spMkLst>
            <pc:docMk/>
            <pc:sldMk cId="2376958513" sldId="260"/>
            <ac:spMk id="7969" creationId="{89FA0E07-4E55-B088-28B4-E37AEA8FC1E4}"/>
          </ac:spMkLst>
        </pc:spChg>
        <pc:spChg chg="mod">
          <ac:chgData name="White, Alex" userId="eff6cc8c-37d8-483b-9c6c-6b27e9afa9bc" providerId="ADAL" clId="{BF04C754-5BF4-4E83-9615-DB14FA25AF8A}" dt="2023-10-12T11:38:08.274" v="295"/>
          <ac:spMkLst>
            <pc:docMk/>
            <pc:sldMk cId="2376958513" sldId="260"/>
            <ac:spMk id="7970" creationId="{EC55E7EB-4D35-26DE-B65D-41BF533D10D5}"/>
          </ac:spMkLst>
        </pc:spChg>
        <pc:spChg chg="mod">
          <ac:chgData name="White, Alex" userId="eff6cc8c-37d8-483b-9c6c-6b27e9afa9bc" providerId="ADAL" clId="{BF04C754-5BF4-4E83-9615-DB14FA25AF8A}" dt="2023-10-12T11:38:08.274" v="295"/>
          <ac:spMkLst>
            <pc:docMk/>
            <pc:sldMk cId="2376958513" sldId="260"/>
            <ac:spMk id="7971" creationId="{89A0A7C8-0DA2-36A8-F0FE-4B44AA338C1D}"/>
          </ac:spMkLst>
        </pc:spChg>
        <pc:spChg chg="mod">
          <ac:chgData name="White, Alex" userId="eff6cc8c-37d8-483b-9c6c-6b27e9afa9bc" providerId="ADAL" clId="{BF04C754-5BF4-4E83-9615-DB14FA25AF8A}" dt="2023-10-12T11:38:08.274" v="295"/>
          <ac:spMkLst>
            <pc:docMk/>
            <pc:sldMk cId="2376958513" sldId="260"/>
            <ac:spMk id="7972" creationId="{FC6250D0-125D-F1FA-64B5-D98170079812}"/>
          </ac:spMkLst>
        </pc:spChg>
        <pc:spChg chg="mod">
          <ac:chgData name="White, Alex" userId="eff6cc8c-37d8-483b-9c6c-6b27e9afa9bc" providerId="ADAL" clId="{BF04C754-5BF4-4E83-9615-DB14FA25AF8A}" dt="2023-10-12T11:38:08.274" v="295"/>
          <ac:spMkLst>
            <pc:docMk/>
            <pc:sldMk cId="2376958513" sldId="260"/>
            <ac:spMk id="7973" creationId="{EA170046-A121-23F2-BE6E-46D4A6DB28AD}"/>
          </ac:spMkLst>
        </pc:spChg>
        <pc:spChg chg="mod">
          <ac:chgData name="White, Alex" userId="eff6cc8c-37d8-483b-9c6c-6b27e9afa9bc" providerId="ADAL" clId="{BF04C754-5BF4-4E83-9615-DB14FA25AF8A}" dt="2023-10-12T11:38:08.274" v="295"/>
          <ac:spMkLst>
            <pc:docMk/>
            <pc:sldMk cId="2376958513" sldId="260"/>
            <ac:spMk id="7974" creationId="{6E811EEE-86F3-51FD-220E-B71BB3AFE43E}"/>
          </ac:spMkLst>
        </pc:spChg>
        <pc:spChg chg="mod">
          <ac:chgData name="White, Alex" userId="eff6cc8c-37d8-483b-9c6c-6b27e9afa9bc" providerId="ADAL" clId="{BF04C754-5BF4-4E83-9615-DB14FA25AF8A}" dt="2023-10-12T11:38:08.274" v="295"/>
          <ac:spMkLst>
            <pc:docMk/>
            <pc:sldMk cId="2376958513" sldId="260"/>
            <ac:spMk id="7975" creationId="{85DEF87F-A3B4-DA13-6122-2D5B313A3E37}"/>
          </ac:spMkLst>
        </pc:spChg>
        <pc:spChg chg="mod">
          <ac:chgData name="White, Alex" userId="eff6cc8c-37d8-483b-9c6c-6b27e9afa9bc" providerId="ADAL" clId="{BF04C754-5BF4-4E83-9615-DB14FA25AF8A}" dt="2023-10-12T11:38:08.274" v="295"/>
          <ac:spMkLst>
            <pc:docMk/>
            <pc:sldMk cId="2376958513" sldId="260"/>
            <ac:spMk id="7976" creationId="{98FD8F43-E3E7-90BE-194A-A5CAAEB4D1F7}"/>
          </ac:spMkLst>
        </pc:spChg>
        <pc:spChg chg="mod">
          <ac:chgData name="White, Alex" userId="eff6cc8c-37d8-483b-9c6c-6b27e9afa9bc" providerId="ADAL" clId="{BF04C754-5BF4-4E83-9615-DB14FA25AF8A}" dt="2023-10-12T11:38:08.274" v="295"/>
          <ac:spMkLst>
            <pc:docMk/>
            <pc:sldMk cId="2376958513" sldId="260"/>
            <ac:spMk id="7977" creationId="{CAB883C1-0FDC-CCE0-174A-ED94C84F638B}"/>
          </ac:spMkLst>
        </pc:spChg>
        <pc:spChg chg="mod">
          <ac:chgData name="White, Alex" userId="eff6cc8c-37d8-483b-9c6c-6b27e9afa9bc" providerId="ADAL" clId="{BF04C754-5BF4-4E83-9615-DB14FA25AF8A}" dt="2023-10-12T11:38:08.274" v="295"/>
          <ac:spMkLst>
            <pc:docMk/>
            <pc:sldMk cId="2376958513" sldId="260"/>
            <ac:spMk id="7978" creationId="{6234F0D6-0C0A-DB66-98A2-2480D6EC1A2B}"/>
          </ac:spMkLst>
        </pc:spChg>
        <pc:spChg chg="mod">
          <ac:chgData name="White, Alex" userId="eff6cc8c-37d8-483b-9c6c-6b27e9afa9bc" providerId="ADAL" clId="{BF04C754-5BF4-4E83-9615-DB14FA25AF8A}" dt="2023-10-12T11:38:08.274" v="295"/>
          <ac:spMkLst>
            <pc:docMk/>
            <pc:sldMk cId="2376958513" sldId="260"/>
            <ac:spMk id="7979" creationId="{A26323E0-91B5-EE6E-DA34-4BF21DE95C03}"/>
          </ac:spMkLst>
        </pc:spChg>
        <pc:spChg chg="mod">
          <ac:chgData name="White, Alex" userId="eff6cc8c-37d8-483b-9c6c-6b27e9afa9bc" providerId="ADAL" clId="{BF04C754-5BF4-4E83-9615-DB14FA25AF8A}" dt="2023-10-12T11:38:08.274" v="295"/>
          <ac:spMkLst>
            <pc:docMk/>
            <pc:sldMk cId="2376958513" sldId="260"/>
            <ac:spMk id="7980" creationId="{275F3A88-2D0A-1F25-9559-E4638853AD61}"/>
          </ac:spMkLst>
        </pc:spChg>
        <pc:spChg chg="mod">
          <ac:chgData name="White, Alex" userId="eff6cc8c-37d8-483b-9c6c-6b27e9afa9bc" providerId="ADAL" clId="{BF04C754-5BF4-4E83-9615-DB14FA25AF8A}" dt="2023-10-12T11:38:08.274" v="295"/>
          <ac:spMkLst>
            <pc:docMk/>
            <pc:sldMk cId="2376958513" sldId="260"/>
            <ac:spMk id="7981" creationId="{82CA02C0-CC58-6EDD-8835-24DE2031841B}"/>
          </ac:spMkLst>
        </pc:spChg>
        <pc:spChg chg="mod">
          <ac:chgData name="White, Alex" userId="eff6cc8c-37d8-483b-9c6c-6b27e9afa9bc" providerId="ADAL" clId="{BF04C754-5BF4-4E83-9615-DB14FA25AF8A}" dt="2023-10-12T11:38:08.274" v="295"/>
          <ac:spMkLst>
            <pc:docMk/>
            <pc:sldMk cId="2376958513" sldId="260"/>
            <ac:spMk id="7982" creationId="{CEDE145E-9775-A9E6-8C25-FD857C9D1BFB}"/>
          </ac:spMkLst>
        </pc:spChg>
        <pc:spChg chg="mod">
          <ac:chgData name="White, Alex" userId="eff6cc8c-37d8-483b-9c6c-6b27e9afa9bc" providerId="ADAL" clId="{BF04C754-5BF4-4E83-9615-DB14FA25AF8A}" dt="2023-10-12T11:38:08.274" v="295"/>
          <ac:spMkLst>
            <pc:docMk/>
            <pc:sldMk cId="2376958513" sldId="260"/>
            <ac:spMk id="7983" creationId="{2980158A-6F99-C748-52BE-B48C2644D820}"/>
          </ac:spMkLst>
        </pc:spChg>
        <pc:spChg chg="mod">
          <ac:chgData name="White, Alex" userId="eff6cc8c-37d8-483b-9c6c-6b27e9afa9bc" providerId="ADAL" clId="{BF04C754-5BF4-4E83-9615-DB14FA25AF8A}" dt="2023-10-12T11:38:08.274" v="295"/>
          <ac:spMkLst>
            <pc:docMk/>
            <pc:sldMk cId="2376958513" sldId="260"/>
            <ac:spMk id="7984" creationId="{B8C3585F-8292-F085-0E0E-6EF862AC3E89}"/>
          </ac:spMkLst>
        </pc:spChg>
        <pc:spChg chg="mod">
          <ac:chgData name="White, Alex" userId="eff6cc8c-37d8-483b-9c6c-6b27e9afa9bc" providerId="ADAL" clId="{BF04C754-5BF4-4E83-9615-DB14FA25AF8A}" dt="2023-10-12T11:38:08.274" v="295"/>
          <ac:spMkLst>
            <pc:docMk/>
            <pc:sldMk cId="2376958513" sldId="260"/>
            <ac:spMk id="7985" creationId="{48D0F56C-D1E5-7CEC-7ACA-F8C6E8F0F6E7}"/>
          </ac:spMkLst>
        </pc:spChg>
        <pc:spChg chg="mod">
          <ac:chgData name="White, Alex" userId="eff6cc8c-37d8-483b-9c6c-6b27e9afa9bc" providerId="ADAL" clId="{BF04C754-5BF4-4E83-9615-DB14FA25AF8A}" dt="2023-10-12T11:38:08.274" v="295"/>
          <ac:spMkLst>
            <pc:docMk/>
            <pc:sldMk cId="2376958513" sldId="260"/>
            <ac:spMk id="7986" creationId="{382D0A2D-B815-CED4-D753-DDA05E563D5F}"/>
          </ac:spMkLst>
        </pc:spChg>
        <pc:spChg chg="mod">
          <ac:chgData name="White, Alex" userId="eff6cc8c-37d8-483b-9c6c-6b27e9afa9bc" providerId="ADAL" clId="{BF04C754-5BF4-4E83-9615-DB14FA25AF8A}" dt="2023-10-12T11:38:08.274" v="295"/>
          <ac:spMkLst>
            <pc:docMk/>
            <pc:sldMk cId="2376958513" sldId="260"/>
            <ac:spMk id="7987" creationId="{CC162AB6-3B72-0CF9-0A69-3F54FBA6FF21}"/>
          </ac:spMkLst>
        </pc:spChg>
        <pc:spChg chg="mod">
          <ac:chgData name="White, Alex" userId="eff6cc8c-37d8-483b-9c6c-6b27e9afa9bc" providerId="ADAL" clId="{BF04C754-5BF4-4E83-9615-DB14FA25AF8A}" dt="2023-10-12T11:38:08.274" v="295"/>
          <ac:spMkLst>
            <pc:docMk/>
            <pc:sldMk cId="2376958513" sldId="260"/>
            <ac:spMk id="7988" creationId="{0F1417EF-F702-0FE0-E905-E5B2B634EAAB}"/>
          </ac:spMkLst>
        </pc:spChg>
        <pc:spChg chg="mod">
          <ac:chgData name="White, Alex" userId="eff6cc8c-37d8-483b-9c6c-6b27e9afa9bc" providerId="ADAL" clId="{BF04C754-5BF4-4E83-9615-DB14FA25AF8A}" dt="2023-10-12T11:38:08.274" v="295"/>
          <ac:spMkLst>
            <pc:docMk/>
            <pc:sldMk cId="2376958513" sldId="260"/>
            <ac:spMk id="7989" creationId="{59AC4B14-90DB-61D8-BA49-552263DE6122}"/>
          </ac:spMkLst>
        </pc:spChg>
        <pc:spChg chg="mod">
          <ac:chgData name="White, Alex" userId="eff6cc8c-37d8-483b-9c6c-6b27e9afa9bc" providerId="ADAL" clId="{BF04C754-5BF4-4E83-9615-DB14FA25AF8A}" dt="2023-10-12T11:38:08.274" v="295"/>
          <ac:spMkLst>
            <pc:docMk/>
            <pc:sldMk cId="2376958513" sldId="260"/>
            <ac:spMk id="7990" creationId="{BBD5101A-D29E-3A53-4989-C55E90D49310}"/>
          </ac:spMkLst>
        </pc:spChg>
        <pc:spChg chg="mod">
          <ac:chgData name="White, Alex" userId="eff6cc8c-37d8-483b-9c6c-6b27e9afa9bc" providerId="ADAL" clId="{BF04C754-5BF4-4E83-9615-DB14FA25AF8A}" dt="2023-10-12T11:38:08.274" v="295"/>
          <ac:spMkLst>
            <pc:docMk/>
            <pc:sldMk cId="2376958513" sldId="260"/>
            <ac:spMk id="7991" creationId="{D5F94F76-A8E1-6AF5-1563-B9EC8B829768}"/>
          </ac:spMkLst>
        </pc:spChg>
        <pc:spChg chg="mod">
          <ac:chgData name="White, Alex" userId="eff6cc8c-37d8-483b-9c6c-6b27e9afa9bc" providerId="ADAL" clId="{BF04C754-5BF4-4E83-9615-DB14FA25AF8A}" dt="2023-10-12T11:38:08.274" v="295"/>
          <ac:spMkLst>
            <pc:docMk/>
            <pc:sldMk cId="2376958513" sldId="260"/>
            <ac:spMk id="7992" creationId="{122FC7E7-CE95-BBED-49F8-8D07BA3F2F0E}"/>
          </ac:spMkLst>
        </pc:spChg>
        <pc:spChg chg="mod">
          <ac:chgData name="White, Alex" userId="eff6cc8c-37d8-483b-9c6c-6b27e9afa9bc" providerId="ADAL" clId="{BF04C754-5BF4-4E83-9615-DB14FA25AF8A}" dt="2023-10-12T11:38:08.274" v="295"/>
          <ac:spMkLst>
            <pc:docMk/>
            <pc:sldMk cId="2376958513" sldId="260"/>
            <ac:spMk id="7993" creationId="{19F1691C-9D80-DC31-0E4B-D0C2C464D68B}"/>
          </ac:spMkLst>
        </pc:spChg>
        <pc:spChg chg="mod">
          <ac:chgData name="White, Alex" userId="eff6cc8c-37d8-483b-9c6c-6b27e9afa9bc" providerId="ADAL" clId="{BF04C754-5BF4-4E83-9615-DB14FA25AF8A}" dt="2023-10-12T11:38:08.274" v="295"/>
          <ac:spMkLst>
            <pc:docMk/>
            <pc:sldMk cId="2376958513" sldId="260"/>
            <ac:spMk id="7994" creationId="{4B3B1A58-01D8-8861-DE56-B8B9E9C877E1}"/>
          </ac:spMkLst>
        </pc:spChg>
        <pc:spChg chg="mod">
          <ac:chgData name="White, Alex" userId="eff6cc8c-37d8-483b-9c6c-6b27e9afa9bc" providerId="ADAL" clId="{BF04C754-5BF4-4E83-9615-DB14FA25AF8A}" dt="2023-10-12T11:38:08.274" v="295"/>
          <ac:spMkLst>
            <pc:docMk/>
            <pc:sldMk cId="2376958513" sldId="260"/>
            <ac:spMk id="7995" creationId="{A37B8705-1B66-36D4-5C36-FD47711C8412}"/>
          </ac:spMkLst>
        </pc:spChg>
        <pc:spChg chg="mod">
          <ac:chgData name="White, Alex" userId="eff6cc8c-37d8-483b-9c6c-6b27e9afa9bc" providerId="ADAL" clId="{BF04C754-5BF4-4E83-9615-DB14FA25AF8A}" dt="2023-10-12T11:38:08.274" v="295"/>
          <ac:spMkLst>
            <pc:docMk/>
            <pc:sldMk cId="2376958513" sldId="260"/>
            <ac:spMk id="7996" creationId="{BFCA34DE-7280-E7FE-A6E8-B57F4EAEF574}"/>
          </ac:spMkLst>
        </pc:spChg>
        <pc:spChg chg="mod">
          <ac:chgData name="White, Alex" userId="eff6cc8c-37d8-483b-9c6c-6b27e9afa9bc" providerId="ADAL" clId="{BF04C754-5BF4-4E83-9615-DB14FA25AF8A}" dt="2023-10-12T11:38:08.274" v="295"/>
          <ac:spMkLst>
            <pc:docMk/>
            <pc:sldMk cId="2376958513" sldId="260"/>
            <ac:spMk id="7997" creationId="{DDC11C17-8822-A6B9-6814-A80E4F972318}"/>
          </ac:spMkLst>
        </pc:spChg>
        <pc:spChg chg="mod">
          <ac:chgData name="White, Alex" userId="eff6cc8c-37d8-483b-9c6c-6b27e9afa9bc" providerId="ADAL" clId="{BF04C754-5BF4-4E83-9615-DB14FA25AF8A}" dt="2023-10-12T11:38:08.274" v="295"/>
          <ac:spMkLst>
            <pc:docMk/>
            <pc:sldMk cId="2376958513" sldId="260"/>
            <ac:spMk id="7998" creationId="{97F85A20-04F9-DD78-586A-DE49AF5F3BC5}"/>
          </ac:spMkLst>
        </pc:spChg>
        <pc:spChg chg="mod">
          <ac:chgData name="White, Alex" userId="eff6cc8c-37d8-483b-9c6c-6b27e9afa9bc" providerId="ADAL" clId="{BF04C754-5BF4-4E83-9615-DB14FA25AF8A}" dt="2023-10-12T11:38:08.274" v="295"/>
          <ac:spMkLst>
            <pc:docMk/>
            <pc:sldMk cId="2376958513" sldId="260"/>
            <ac:spMk id="7999" creationId="{54F3934D-8DE0-94EB-0F53-581BCC8E1D93}"/>
          </ac:spMkLst>
        </pc:spChg>
        <pc:spChg chg="mod">
          <ac:chgData name="White, Alex" userId="eff6cc8c-37d8-483b-9c6c-6b27e9afa9bc" providerId="ADAL" clId="{BF04C754-5BF4-4E83-9615-DB14FA25AF8A}" dt="2023-10-12T11:38:08.274" v="295"/>
          <ac:spMkLst>
            <pc:docMk/>
            <pc:sldMk cId="2376958513" sldId="260"/>
            <ac:spMk id="8000" creationId="{49FA5725-49F6-6338-8661-F817640F326E}"/>
          </ac:spMkLst>
        </pc:spChg>
        <pc:spChg chg="mod">
          <ac:chgData name="White, Alex" userId="eff6cc8c-37d8-483b-9c6c-6b27e9afa9bc" providerId="ADAL" clId="{BF04C754-5BF4-4E83-9615-DB14FA25AF8A}" dt="2023-10-12T11:38:08.274" v="295"/>
          <ac:spMkLst>
            <pc:docMk/>
            <pc:sldMk cId="2376958513" sldId="260"/>
            <ac:spMk id="8001" creationId="{D75902B6-CB84-F970-F630-AFA9A98BCD1B}"/>
          </ac:spMkLst>
        </pc:spChg>
        <pc:spChg chg="mod">
          <ac:chgData name="White, Alex" userId="eff6cc8c-37d8-483b-9c6c-6b27e9afa9bc" providerId="ADAL" clId="{BF04C754-5BF4-4E83-9615-DB14FA25AF8A}" dt="2023-10-12T11:38:08.274" v="295"/>
          <ac:spMkLst>
            <pc:docMk/>
            <pc:sldMk cId="2376958513" sldId="260"/>
            <ac:spMk id="8002" creationId="{9D486501-B9E3-6FD6-777E-07A20E20C07F}"/>
          </ac:spMkLst>
        </pc:spChg>
        <pc:spChg chg="mod">
          <ac:chgData name="White, Alex" userId="eff6cc8c-37d8-483b-9c6c-6b27e9afa9bc" providerId="ADAL" clId="{BF04C754-5BF4-4E83-9615-DB14FA25AF8A}" dt="2023-10-12T11:38:08.274" v="295"/>
          <ac:spMkLst>
            <pc:docMk/>
            <pc:sldMk cId="2376958513" sldId="260"/>
            <ac:spMk id="8003" creationId="{ADE2DE53-037D-CD07-B357-FE96153460EC}"/>
          </ac:spMkLst>
        </pc:spChg>
        <pc:spChg chg="mod">
          <ac:chgData name="White, Alex" userId="eff6cc8c-37d8-483b-9c6c-6b27e9afa9bc" providerId="ADAL" clId="{BF04C754-5BF4-4E83-9615-DB14FA25AF8A}" dt="2023-10-12T11:38:08.274" v="295"/>
          <ac:spMkLst>
            <pc:docMk/>
            <pc:sldMk cId="2376958513" sldId="260"/>
            <ac:spMk id="8004" creationId="{9A7CFFDC-E64F-5411-9BD5-B0237749468D}"/>
          </ac:spMkLst>
        </pc:spChg>
        <pc:spChg chg="mod">
          <ac:chgData name="White, Alex" userId="eff6cc8c-37d8-483b-9c6c-6b27e9afa9bc" providerId="ADAL" clId="{BF04C754-5BF4-4E83-9615-DB14FA25AF8A}" dt="2023-10-12T11:38:08.274" v="295"/>
          <ac:spMkLst>
            <pc:docMk/>
            <pc:sldMk cId="2376958513" sldId="260"/>
            <ac:spMk id="8005" creationId="{24D54FDF-CB81-40BD-F1AA-7B7E989344B2}"/>
          </ac:spMkLst>
        </pc:spChg>
        <pc:spChg chg="mod">
          <ac:chgData name="White, Alex" userId="eff6cc8c-37d8-483b-9c6c-6b27e9afa9bc" providerId="ADAL" clId="{BF04C754-5BF4-4E83-9615-DB14FA25AF8A}" dt="2023-10-12T11:38:08.274" v="295"/>
          <ac:spMkLst>
            <pc:docMk/>
            <pc:sldMk cId="2376958513" sldId="260"/>
            <ac:spMk id="8006" creationId="{36E240DB-6E2F-F6B6-7B06-715259C370C4}"/>
          </ac:spMkLst>
        </pc:spChg>
        <pc:spChg chg="mod">
          <ac:chgData name="White, Alex" userId="eff6cc8c-37d8-483b-9c6c-6b27e9afa9bc" providerId="ADAL" clId="{BF04C754-5BF4-4E83-9615-DB14FA25AF8A}" dt="2023-10-12T11:38:08.274" v="295"/>
          <ac:spMkLst>
            <pc:docMk/>
            <pc:sldMk cId="2376958513" sldId="260"/>
            <ac:spMk id="8007" creationId="{CB34D5B3-3CD2-ECA2-7B52-B92F0AE23A08}"/>
          </ac:spMkLst>
        </pc:spChg>
        <pc:spChg chg="mod">
          <ac:chgData name="White, Alex" userId="eff6cc8c-37d8-483b-9c6c-6b27e9afa9bc" providerId="ADAL" clId="{BF04C754-5BF4-4E83-9615-DB14FA25AF8A}" dt="2023-10-12T11:38:08.274" v="295"/>
          <ac:spMkLst>
            <pc:docMk/>
            <pc:sldMk cId="2376958513" sldId="260"/>
            <ac:spMk id="8008" creationId="{4B752DC1-A0A8-A061-994F-A7E1600A74E0}"/>
          </ac:spMkLst>
        </pc:spChg>
        <pc:spChg chg="mod">
          <ac:chgData name="White, Alex" userId="eff6cc8c-37d8-483b-9c6c-6b27e9afa9bc" providerId="ADAL" clId="{BF04C754-5BF4-4E83-9615-DB14FA25AF8A}" dt="2023-10-12T11:38:08.274" v="295"/>
          <ac:spMkLst>
            <pc:docMk/>
            <pc:sldMk cId="2376958513" sldId="260"/>
            <ac:spMk id="8009" creationId="{D8C3B831-F4D0-155B-5496-5AE352A17E10}"/>
          </ac:spMkLst>
        </pc:spChg>
        <pc:spChg chg="mod">
          <ac:chgData name="White, Alex" userId="eff6cc8c-37d8-483b-9c6c-6b27e9afa9bc" providerId="ADAL" clId="{BF04C754-5BF4-4E83-9615-DB14FA25AF8A}" dt="2023-10-12T11:38:08.274" v="295"/>
          <ac:spMkLst>
            <pc:docMk/>
            <pc:sldMk cId="2376958513" sldId="260"/>
            <ac:spMk id="8010" creationId="{20AF0AAE-FD30-8226-0410-45B381815E5C}"/>
          </ac:spMkLst>
        </pc:spChg>
        <pc:spChg chg="mod">
          <ac:chgData name="White, Alex" userId="eff6cc8c-37d8-483b-9c6c-6b27e9afa9bc" providerId="ADAL" clId="{BF04C754-5BF4-4E83-9615-DB14FA25AF8A}" dt="2023-10-12T11:38:08.274" v="295"/>
          <ac:spMkLst>
            <pc:docMk/>
            <pc:sldMk cId="2376958513" sldId="260"/>
            <ac:spMk id="8011" creationId="{1D8BD2D6-5DE7-4DB3-A790-195C5203918D}"/>
          </ac:spMkLst>
        </pc:spChg>
        <pc:spChg chg="mod">
          <ac:chgData name="White, Alex" userId="eff6cc8c-37d8-483b-9c6c-6b27e9afa9bc" providerId="ADAL" clId="{BF04C754-5BF4-4E83-9615-DB14FA25AF8A}" dt="2023-10-12T11:38:08.274" v="295"/>
          <ac:spMkLst>
            <pc:docMk/>
            <pc:sldMk cId="2376958513" sldId="260"/>
            <ac:spMk id="8012" creationId="{9E5021F6-3B32-C247-8DBD-F49C0F142E1C}"/>
          </ac:spMkLst>
        </pc:spChg>
        <pc:spChg chg="mod">
          <ac:chgData name="White, Alex" userId="eff6cc8c-37d8-483b-9c6c-6b27e9afa9bc" providerId="ADAL" clId="{BF04C754-5BF4-4E83-9615-DB14FA25AF8A}" dt="2023-10-12T11:38:08.274" v="295"/>
          <ac:spMkLst>
            <pc:docMk/>
            <pc:sldMk cId="2376958513" sldId="260"/>
            <ac:spMk id="8013" creationId="{6783E3FA-CC86-654E-7C2D-44180B08762B}"/>
          </ac:spMkLst>
        </pc:spChg>
        <pc:spChg chg="mod">
          <ac:chgData name="White, Alex" userId="eff6cc8c-37d8-483b-9c6c-6b27e9afa9bc" providerId="ADAL" clId="{BF04C754-5BF4-4E83-9615-DB14FA25AF8A}" dt="2023-10-12T11:38:08.274" v="295"/>
          <ac:spMkLst>
            <pc:docMk/>
            <pc:sldMk cId="2376958513" sldId="260"/>
            <ac:spMk id="8014" creationId="{704612D7-C151-85A9-FAC8-38FA6FD2A01C}"/>
          </ac:spMkLst>
        </pc:spChg>
        <pc:spChg chg="mod">
          <ac:chgData name="White, Alex" userId="eff6cc8c-37d8-483b-9c6c-6b27e9afa9bc" providerId="ADAL" clId="{BF04C754-5BF4-4E83-9615-DB14FA25AF8A}" dt="2023-10-12T11:38:08.274" v="295"/>
          <ac:spMkLst>
            <pc:docMk/>
            <pc:sldMk cId="2376958513" sldId="260"/>
            <ac:spMk id="8015" creationId="{13831A7E-B5ED-24C7-E751-EB3B406A288C}"/>
          </ac:spMkLst>
        </pc:spChg>
        <pc:spChg chg="mod">
          <ac:chgData name="White, Alex" userId="eff6cc8c-37d8-483b-9c6c-6b27e9afa9bc" providerId="ADAL" clId="{BF04C754-5BF4-4E83-9615-DB14FA25AF8A}" dt="2023-10-12T11:38:08.274" v="295"/>
          <ac:spMkLst>
            <pc:docMk/>
            <pc:sldMk cId="2376958513" sldId="260"/>
            <ac:spMk id="8016" creationId="{008CF4CB-6429-17B0-8C19-6D11CADC308B}"/>
          </ac:spMkLst>
        </pc:spChg>
        <pc:spChg chg="mod">
          <ac:chgData name="White, Alex" userId="eff6cc8c-37d8-483b-9c6c-6b27e9afa9bc" providerId="ADAL" clId="{BF04C754-5BF4-4E83-9615-DB14FA25AF8A}" dt="2023-10-12T11:38:08.274" v="295"/>
          <ac:spMkLst>
            <pc:docMk/>
            <pc:sldMk cId="2376958513" sldId="260"/>
            <ac:spMk id="8017" creationId="{E85B4FB7-EC0C-3562-C3AE-809A1467A1E1}"/>
          </ac:spMkLst>
        </pc:spChg>
        <pc:spChg chg="mod">
          <ac:chgData name="White, Alex" userId="eff6cc8c-37d8-483b-9c6c-6b27e9afa9bc" providerId="ADAL" clId="{BF04C754-5BF4-4E83-9615-DB14FA25AF8A}" dt="2023-10-12T11:38:08.274" v="295"/>
          <ac:spMkLst>
            <pc:docMk/>
            <pc:sldMk cId="2376958513" sldId="260"/>
            <ac:spMk id="8018" creationId="{D8055CBF-ED4C-1067-3DF7-863D2AF69057}"/>
          </ac:spMkLst>
        </pc:spChg>
        <pc:spChg chg="mod">
          <ac:chgData name="White, Alex" userId="eff6cc8c-37d8-483b-9c6c-6b27e9afa9bc" providerId="ADAL" clId="{BF04C754-5BF4-4E83-9615-DB14FA25AF8A}" dt="2023-10-12T11:38:08.274" v="295"/>
          <ac:spMkLst>
            <pc:docMk/>
            <pc:sldMk cId="2376958513" sldId="260"/>
            <ac:spMk id="8019" creationId="{17290E23-5330-9F5E-E9F4-04AD60A99B48}"/>
          </ac:spMkLst>
        </pc:spChg>
        <pc:spChg chg="mod">
          <ac:chgData name="White, Alex" userId="eff6cc8c-37d8-483b-9c6c-6b27e9afa9bc" providerId="ADAL" clId="{BF04C754-5BF4-4E83-9615-DB14FA25AF8A}" dt="2023-10-12T11:38:08.274" v="295"/>
          <ac:spMkLst>
            <pc:docMk/>
            <pc:sldMk cId="2376958513" sldId="260"/>
            <ac:spMk id="8020" creationId="{18CBBE0D-82C7-A0A7-522B-4A3DB0D85DA0}"/>
          </ac:spMkLst>
        </pc:spChg>
        <pc:spChg chg="mod">
          <ac:chgData name="White, Alex" userId="eff6cc8c-37d8-483b-9c6c-6b27e9afa9bc" providerId="ADAL" clId="{BF04C754-5BF4-4E83-9615-DB14FA25AF8A}" dt="2023-10-12T11:38:08.274" v="295"/>
          <ac:spMkLst>
            <pc:docMk/>
            <pc:sldMk cId="2376958513" sldId="260"/>
            <ac:spMk id="8021" creationId="{108591FC-B85B-8D0A-ABC9-F4BC8D7B77F8}"/>
          </ac:spMkLst>
        </pc:spChg>
        <pc:spChg chg="mod">
          <ac:chgData name="White, Alex" userId="eff6cc8c-37d8-483b-9c6c-6b27e9afa9bc" providerId="ADAL" clId="{BF04C754-5BF4-4E83-9615-DB14FA25AF8A}" dt="2023-10-12T11:38:08.274" v="295"/>
          <ac:spMkLst>
            <pc:docMk/>
            <pc:sldMk cId="2376958513" sldId="260"/>
            <ac:spMk id="8022" creationId="{E106E986-189E-75B3-E7D3-E0B72702CD88}"/>
          </ac:spMkLst>
        </pc:spChg>
        <pc:spChg chg="mod">
          <ac:chgData name="White, Alex" userId="eff6cc8c-37d8-483b-9c6c-6b27e9afa9bc" providerId="ADAL" clId="{BF04C754-5BF4-4E83-9615-DB14FA25AF8A}" dt="2023-10-12T11:38:08.274" v="295"/>
          <ac:spMkLst>
            <pc:docMk/>
            <pc:sldMk cId="2376958513" sldId="260"/>
            <ac:spMk id="8023" creationId="{C8C4824D-DA49-4614-187E-8B293793941F}"/>
          </ac:spMkLst>
        </pc:spChg>
        <pc:spChg chg="mod">
          <ac:chgData name="White, Alex" userId="eff6cc8c-37d8-483b-9c6c-6b27e9afa9bc" providerId="ADAL" clId="{BF04C754-5BF4-4E83-9615-DB14FA25AF8A}" dt="2023-10-12T11:38:08.274" v="295"/>
          <ac:spMkLst>
            <pc:docMk/>
            <pc:sldMk cId="2376958513" sldId="260"/>
            <ac:spMk id="8024" creationId="{C73C42BB-655F-4359-0F2B-56BEBFC2AC2B}"/>
          </ac:spMkLst>
        </pc:spChg>
        <pc:spChg chg="mod">
          <ac:chgData name="White, Alex" userId="eff6cc8c-37d8-483b-9c6c-6b27e9afa9bc" providerId="ADAL" clId="{BF04C754-5BF4-4E83-9615-DB14FA25AF8A}" dt="2023-10-12T11:38:08.274" v="295"/>
          <ac:spMkLst>
            <pc:docMk/>
            <pc:sldMk cId="2376958513" sldId="260"/>
            <ac:spMk id="8025" creationId="{10DDB6CC-E04D-4555-9A55-E43CAAB3D3D8}"/>
          </ac:spMkLst>
        </pc:spChg>
        <pc:spChg chg="mod">
          <ac:chgData name="White, Alex" userId="eff6cc8c-37d8-483b-9c6c-6b27e9afa9bc" providerId="ADAL" clId="{BF04C754-5BF4-4E83-9615-DB14FA25AF8A}" dt="2023-10-12T11:38:08.274" v="295"/>
          <ac:spMkLst>
            <pc:docMk/>
            <pc:sldMk cId="2376958513" sldId="260"/>
            <ac:spMk id="8026" creationId="{AFAD2F79-F47B-0AE6-C432-09F585A56598}"/>
          </ac:spMkLst>
        </pc:spChg>
        <pc:spChg chg="mod">
          <ac:chgData name="White, Alex" userId="eff6cc8c-37d8-483b-9c6c-6b27e9afa9bc" providerId="ADAL" clId="{BF04C754-5BF4-4E83-9615-DB14FA25AF8A}" dt="2023-10-12T11:38:08.274" v="295"/>
          <ac:spMkLst>
            <pc:docMk/>
            <pc:sldMk cId="2376958513" sldId="260"/>
            <ac:spMk id="8027" creationId="{84EA0949-B654-DB4F-B9BA-8AD60BFE7FEC}"/>
          </ac:spMkLst>
        </pc:spChg>
        <pc:spChg chg="mod">
          <ac:chgData name="White, Alex" userId="eff6cc8c-37d8-483b-9c6c-6b27e9afa9bc" providerId="ADAL" clId="{BF04C754-5BF4-4E83-9615-DB14FA25AF8A}" dt="2023-10-12T11:38:08.274" v="295"/>
          <ac:spMkLst>
            <pc:docMk/>
            <pc:sldMk cId="2376958513" sldId="260"/>
            <ac:spMk id="8028" creationId="{A1951597-36D7-5865-9D53-10816D90A486}"/>
          </ac:spMkLst>
        </pc:spChg>
        <pc:spChg chg="mod">
          <ac:chgData name="White, Alex" userId="eff6cc8c-37d8-483b-9c6c-6b27e9afa9bc" providerId="ADAL" clId="{BF04C754-5BF4-4E83-9615-DB14FA25AF8A}" dt="2023-10-12T11:38:08.274" v="295"/>
          <ac:spMkLst>
            <pc:docMk/>
            <pc:sldMk cId="2376958513" sldId="260"/>
            <ac:spMk id="8029" creationId="{8DE42EDE-BC72-6CC2-1BBB-847894426C5F}"/>
          </ac:spMkLst>
        </pc:spChg>
        <pc:spChg chg="mod">
          <ac:chgData name="White, Alex" userId="eff6cc8c-37d8-483b-9c6c-6b27e9afa9bc" providerId="ADAL" clId="{BF04C754-5BF4-4E83-9615-DB14FA25AF8A}" dt="2023-10-12T11:38:08.274" v="295"/>
          <ac:spMkLst>
            <pc:docMk/>
            <pc:sldMk cId="2376958513" sldId="260"/>
            <ac:spMk id="8030" creationId="{2EE8F922-C18B-00B1-D82F-5F69953930D1}"/>
          </ac:spMkLst>
        </pc:spChg>
        <pc:spChg chg="mod">
          <ac:chgData name="White, Alex" userId="eff6cc8c-37d8-483b-9c6c-6b27e9afa9bc" providerId="ADAL" clId="{BF04C754-5BF4-4E83-9615-DB14FA25AF8A}" dt="2023-10-12T11:38:08.274" v="295"/>
          <ac:spMkLst>
            <pc:docMk/>
            <pc:sldMk cId="2376958513" sldId="260"/>
            <ac:spMk id="8031" creationId="{03B5B6B5-0090-CBDA-8F05-9B49F6E50B5A}"/>
          </ac:spMkLst>
        </pc:spChg>
        <pc:spChg chg="mod">
          <ac:chgData name="White, Alex" userId="eff6cc8c-37d8-483b-9c6c-6b27e9afa9bc" providerId="ADAL" clId="{BF04C754-5BF4-4E83-9615-DB14FA25AF8A}" dt="2023-10-12T11:38:08.274" v="295"/>
          <ac:spMkLst>
            <pc:docMk/>
            <pc:sldMk cId="2376958513" sldId="260"/>
            <ac:spMk id="8032" creationId="{7328BC7F-937F-1E18-DBDB-452D7FF0DCBC}"/>
          </ac:spMkLst>
        </pc:spChg>
        <pc:spChg chg="mod">
          <ac:chgData name="White, Alex" userId="eff6cc8c-37d8-483b-9c6c-6b27e9afa9bc" providerId="ADAL" clId="{BF04C754-5BF4-4E83-9615-DB14FA25AF8A}" dt="2023-10-12T11:38:08.274" v="295"/>
          <ac:spMkLst>
            <pc:docMk/>
            <pc:sldMk cId="2376958513" sldId="260"/>
            <ac:spMk id="8033" creationId="{569105CC-B69C-693F-D32E-323F83649886}"/>
          </ac:spMkLst>
        </pc:spChg>
        <pc:spChg chg="mod">
          <ac:chgData name="White, Alex" userId="eff6cc8c-37d8-483b-9c6c-6b27e9afa9bc" providerId="ADAL" clId="{BF04C754-5BF4-4E83-9615-DB14FA25AF8A}" dt="2023-10-12T11:38:08.274" v="295"/>
          <ac:spMkLst>
            <pc:docMk/>
            <pc:sldMk cId="2376958513" sldId="260"/>
            <ac:spMk id="8034" creationId="{6C0BF7CD-9575-A6E2-85D9-D9734A22D3F7}"/>
          </ac:spMkLst>
        </pc:spChg>
        <pc:spChg chg="mod">
          <ac:chgData name="White, Alex" userId="eff6cc8c-37d8-483b-9c6c-6b27e9afa9bc" providerId="ADAL" clId="{BF04C754-5BF4-4E83-9615-DB14FA25AF8A}" dt="2023-10-12T11:38:08.274" v="295"/>
          <ac:spMkLst>
            <pc:docMk/>
            <pc:sldMk cId="2376958513" sldId="260"/>
            <ac:spMk id="8035" creationId="{7AF740DA-9B7F-BB18-BC0D-F1BE448CFAE7}"/>
          </ac:spMkLst>
        </pc:spChg>
        <pc:spChg chg="mod">
          <ac:chgData name="White, Alex" userId="eff6cc8c-37d8-483b-9c6c-6b27e9afa9bc" providerId="ADAL" clId="{BF04C754-5BF4-4E83-9615-DB14FA25AF8A}" dt="2023-10-12T11:38:08.274" v="295"/>
          <ac:spMkLst>
            <pc:docMk/>
            <pc:sldMk cId="2376958513" sldId="260"/>
            <ac:spMk id="8036" creationId="{6FDA78F4-9372-0E7B-AA4F-731E84386C5A}"/>
          </ac:spMkLst>
        </pc:spChg>
        <pc:spChg chg="mod">
          <ac:chgData name="White, Alex" userId="eff6cc8c-37d8-483b-9c6c-6b27e9afa9bc" providerId="ADAL" clId="{BF04C754-5BF4-4E83-9615-DB14FA25AF8A}" dt="2023-10-12T11:38:08.274" v="295"/>
          <ac:spMkLst>
            <pc:docMk/>
            <pc:sldMk cId="2376958513" sldId="260"/>
            <ac:spMk id="8037" creationId="{E2ADEADB-CCDB-238A-0EAD-9E8CFAE22512}"/>
          </ac:spMkLst>
        </pc:spChg>
        <pc:spChg chg="mod">
          <ac:chgData name="White, Alex" userId="eff6cc8c-37d8-483b-9c6c-6b27e9afa9bc" providerId="ADAL" clId="{BF04C754-5BF4-4E83-9615-DB14FA25AF8A}" dt="2023-10-12T11:38:08.274" v="295"/>
          <ac:spMkLst>
            <pc:docMk/>
            <pc:sldMk cId="2376958513" sldId="260"/>
            <ac:spMk id="8038" creationId="{596494AD-D33E-6860-14B8-D94DB0905D7E}"/>
          </ac:spMkLst>
        </pc:spChg>
        <pc:spChg chg="mod">
          <ac:chgData name="White, Alex" userId="eff6cc8c-37d8-483b-9c6c-6b27e9afa9bc" providerId="ADAL" clId="{BF04C754-5BF4-4E83-9615-DB14FA25AF8A}" dt="2023-10-12T11:38:08.274" v="295"/>
          <ac:spMkLst>
            <pc:docMk/>
            <pc:sldMk cId="2376958513" sldId="260"/>
            <ac:spMk id="8039" creationId="{6929C87F-EABB-7308-1EF4-4010B5026DDF}"/>
          </ac:spMkLst>
        </pc:spChg>
        <pc:spChg chg="mod">
          <ac:chgData name="White, Alex" userId="eff6cc8c-37d8-483b-9c6c-6b27e9afa9bc" providerId="ADAL" clId="{BF04C754-5BF4-4E83-9615-DB14FA25AF8A}" dt="2023-10-12T11:38:08.274" v="295"/>
          <ac:spMkLst>
            <pc:docMk/>
            <pc:sldMk cId="2376958513" sldId="260"/>
            <ac:spMk id="8040" creationId="{6ECAC6E5-4C83-E063-AD5E-D0779F14B4EC}"/>
          </ac:spMkLst>
        </pc:spChg>
        <pc:spChg chg="mod">
          <ac:chgData name="White, Alex" userId="eff6cc8c-37d8-483b-9c6c-6b27e9afa9bc" providerId="ADAL" clId="{BF04C754-5BF4-4E83-9615-DB14FA25AF8A}" dt="2023-10-12T11:38:08.274" v="295"/>
          <ac:spMkLst>
            <pc:docMk/>
            <pc:sldMk cId="2376958513" sldId="260"/>
            <ac:spMk id="8041" creationId="{2C46B19E-E9A8-8EC1-FEEF-A60167CEC1B1}"/>
          </ac:spMkLst>
        </pc:spChg>
        <pc:spChg chg="mod">
          <ac:chgData name="White, Alex" userId="eff6cc8c-37d8-483b-9c6c-6b27e9afa9bc" providerId="ADAL" clId="{BF04C754-5BF4-4E83-9615-DB14FA25AF8A}" dt="2023-10-12T11:38:08.274" v="295"/>
          <ac:spMkLst>
            <pc:docMk/>
            <pc:sldMk cId="2376958513" sldId="260"/>
            <ac:spMk id="8042" creationId="{5E9934EE-9880-60A5-C439-9C2C141139AD}"/>
          </ac:spMkLst>
        </pc:spChg>
        <pc:spChg chg="mod">
          <ac:chgData name="White, Alex" userId="eff6cc8c-37d8-483b-9c6c-6b27e9afa9bc" providerId="ADAL" clId="{BF04C754-5BF4-4E83-9615-DB14FA25AF8A}" dt="2023-10-12T11:38:08.274" v="295"/>
          <ac:spMkLst>
            <pc:docMk/>
            <pc:sldMk cId="2376958513" sldId="260"/>
            <ac:spMk id="8043" creationId="{A5934667-AEC7-ABE5-9207-D28FB997ADCD}"/>
          </ac:spMkLst>
        </pc:spChg>
        <pc:spChg chg="mod">
          <ac:chgData name="White, Alex" userId="eff6cc8c-37d8-483b-9c6c-6b27e9afa9bc" providerId="ADAL" clId="{BF04C754-5BF4-4E83-9615-DB14FA25AF8A}" dt="2023-10-12T11:38:08.274" v="295"/>
          <ac:spMkLst>
            <pc:docMk/>
            <pc:sldMk cId="2376958513" sldId="260"/>
            <ac:spMk id="8044" creationId="{2E650E8E-BE9F-DC2B-E63A-82E9134D3E65}"/>
          </ac:spMkLst>
        </pc:spChg>
        <pc:spChg chg="mod">
          <ac:chgData name="White, Alex" userId="eff6cc8c-37d8-483b-9c6c-6b27e9afa9bc" providerId="ADAL" clId="{BF04C754-5BF4-4E83-9615-DB14FA25AF8A}" dt="2023-10-12T11:38:08.274" v="295"/>
          <ac:spMkLst>
            <pc:docMk/>
            <pc:sldMk cId="2376958513" sldId="260"/>
            <ac:spMk id="8045" creationId="{E0253462-B9FC-1B6F-DC5E-953B4D2562A0}"/>
          </ac:spMkLst>
        </pc:spChg>
        <pc:spChg chg="mod">
          <ac:chgData name="White, Alex" userId="eff6cc8c-37d8-483b-9c6c-6b27e9afa9bc" providerId="ADAL" clId="{BF04C754-5BF4-4E83-9615-DB14FA25AF8A}" dt="2023-10-12T11:38:08.274" v="295"/>
          <ac:spMkLst>
            <pc:docMk/>
            <pc:sldMk cId="2376958513" sldId="260"/>
            <ac:spMk id="8046" creationId="{773679A5-22AB-0040-F472-551FE074F1EA}"/>
          </ac:spMkLst>
        </pc:spChg>
        <pc:spChg chg="mod">
          <ac:chgData name="White, Alex" userId="eff6cc8c-37d8-483b-9c6c-6b27e9afa9bc" providerId="ADAL" clId="{BF04C754-5BF4-4E83-9615-DB14FA25AF8A}" dt="2023-10-12T11:38:08.274" v="295"/>
          <ac:spMkLst>
            <pc:docMk/>
            <pc:sldMk cId="2376958513" sldId="260"/>
            <ac:spMk id="8047" creationId="{523698AB-3A48-59A5-8739-08C3CCC52A61}"/>
          </ac:spMkLst>
        </pc:spChg>
        <pc:spChg chg="mod">
          <ac:chgData name="White, Alex" userId="eff6cc8c-37d8-483b-9c6c-6b27e9afa9bc" providerId="ADAL" clId="{BF04C754-5BF4-4E83-9615-DB14FA25AF8A}" dt="2023-10-12T11:38:08.274" v="295"/>
          <ac:spMkLst>
            <pc:docMk/>
            <pc:sldMk cId="2376958513" sldId="260"/>
            <ac:spMk id="8048" creationId="{9D986BD6-4F7D-D705-A8F5-2ED7915D27B3}"/>
          </ac:spMkLst>
        </pc:spChg>
        <pc:spChg chg="mod">
          <ac:chgData name="White, Alex" userId="eff6cc8c-37d8-483b-9c6c-6b27e9afa9bc" providerId="ADAL" clId="{BF04C754-5BF4-4E83-9615-DB14FA25AF8A}" dt="2023-10-12T11:38:08.274" v="295"/>
          <ac:spMkLst>
            <pc:docMk/>
            <pc:sldMk cId="2376958513" sldId="260"/>
            <ac:spMk id="8049" creationId="{77FB78A4-657F-03CB-80F2-60E3055C9A03}"/>
          </ac:spMkLst>
        </pc:spChg>
        <pc:spChg chg="mod">
          <ac:chgData name="White, Alex" userId="eff6cc8c-37d8-483b-9c6c-6b27e9afa9bc" providerId="ADAL" clId="{BF04C754-5BF4-4E83-9615-DB14FA25AF8A}" dt="2023-10-12T11:38:08.274" v="295"/>
          <ac:spMkLst>
            <pc:docMk/>
            <pc:sldMk cId="2376958513" sldId="260"/>
            <ac:spMk id="8050" creationId="{BB832B55-DFBE-997B-7627-4DBBB120E5E1}"/>
          </ac:spMkLst>
        </pc:spChg>
        <pc:spChg chg="mod">
          <ac:chgData name="White, Alex" userId="eff6cc8c-37d8-483b-9c6c-6b27e9afa9bc" providerId="ADAL" clId="{BF04C754-5BF4-4E83-9615-DB14FA25AF8A}" dt="2023-10-12T11:38:08.274" v="295"/>
          <ac:spMkLst>
            <pc:docMk/>
            <pc:sldMk cId="2376958513" sldId="260"/>
            <ac:spMk id="8051" creationId="{A55F1664-8059-8E94-F256-5D6CC43CA8D7}"/>
          </ac:spMkLst>
        </pc:spChg>
        <pc:spChg chg="mod">
          <ac:chgData name="White, Alex" userId="eff6cc8c-37d8-483b-9c6c-6b27e9afa9bc" providerId="ADAL" clId="{BF04C754-5BF4-4E83-9615-DB14FA25AF8A}" dt="2023-10-12T11:38:08.274" v="295"/>
          <ac:spMkLst>
            <pc:docMk/>
            <pc:sldMk cId="2376958513" sldId="260"/>
            <ac:spMk id="8052" creationId="{8E9B4C4D-739A-91B0-34BF-F6D3CB5DFEB3}"/>
          </ac:spMkLst>
        </pc:spChg>
        <pc:spChg chg="mod">
          <ac:chgData name="White, Alex" userId="eff6cc8c-37d8-483b-9c6c-6b27e9afa9bc" providerId="ADAL" clId="{BF04C754-5BF4-4E83-9615-DB14FA25AF8A}" dt="2023-10-12T11:38:08.274" v="295"/>
          <ac:spMkLst>
            <pc:docMk/>
            <pc:sldMk cId="2376958513" sldId="260"/>
            <ac:spMk id="8053" creationId="{E7596CDC-5CFC-1850-2710-6524ED4DD551}"/>
          </ac:spMkLst>
        </pc:spChg>
        <pc:spChg chg="mod">
          <ac:chgData name="White, Alex" userId="eff6cc8c-37d8-483b-9c6c-6b27e9afa9bc" providerId="ADAL" clId="{BF04C754-5BF4-4E83-9615-DB14FA25AF8A}" dt="2023-10-12T11:38:08.274" v="295"/>
          <ac:spMkLst>
            <pc:docMk/>
            <pc:sldMk cId="2376958513" sldId="260"/>
            <ac:spMk id="8054" creationId="{59771DED-C75E-D5E8-8064-3AA5700B8571}"/>
          </ac:spMkLst>
        </pc:spChg>
        <pc:spChg chg="mod">
          <ac:chgData name="White, Alex" userId="eff6cc8c-37d8-483b-9c6c-6b27e9afa9bc" providerId="ADAL" clId="{BF04C754-5BF4-4E83-9615-DB14FA25AF8A}" dt="2023-10-12T11:38:08.274" v="295"/>
          <ac:spMkLst>
            <pc:docMk/>
            <pc:sldMk cId="2376958513" sldId="260"/>
            <ac:spMk id="8055" creationId="{A7AFCB13-E72C-DF8E-D22D-8F32A22B6797}"/>
          </ac:spMkLst>
        </pc:spChg>
        <pc:spChg chg="mod">
          <ac:chgData name="White, Alex" userId="eff6cc8c-37d8-483b-9c6c-6b27e9afa9bc" providerId="ADAL" clId="{BF04C754-5BF4-4E83-9615-DB14FA25AF8A}" dt="2023-10-12T11:38:08.274" v="295"/>
          <ac:spMkLst>
            <pc:docMk/>
            <pc:sldMk cId="2376958513" sldId="260"/>
            <ac:spMk id="8056" creationId="{24F5D57E-3E83-94F0-B40D-EFFC3CD67386}"/>
          </ac:spMkLst>
        </pc:spChg>
        <pc:spChg chg="mod">
          <ac:chgData name="White, Alex" userId="eff6cc8c-37d8-483b-9c6c-6b27e9afa9bc" providerId="ADAL" clId="{BF04C754-5BF4-4E83-9615-DB14FA25AF8A}" dt="2023-10-12T11:38:08.274" v="295"/>
          <ac:spMkLst>
            <pc:docMk/>
            <pc:sldMk cId="2376958513" sldId="260"/>
            <ac:spMk id="8057" creationId="{674A858E-59CF-366C-FC3D-9C89161CDE3F}"/>
          </ac:spMkLst>
        </pc:spChg>
        <pc:spChg chg="mod">
          <ac:chgData name="White, Alex" userId="eff6cc8c-37d8-483b-9c6c-6b27e9afa9bc" providerId="ADAL" clId="{BF04C754-5BF4-4E83-9615-DB14FA25AF8A}" dt="2023-10-12T11:38:08.274" v="295"/>
          <ac:spMkLst>
            <pc:docMk/>
            <pc:sldMk cId="2376958513" sldId="260"/>
            <ac:spMk id="8058" creationId="{467BFF7A-AC37-BCD2-9371-06DF18206202}"/>
          </ac:spMkLst>
        </pc:spChg>
        <pc:spChg chg="mod">
          <ac:chgData name="White, Alex" userId="eff6cc8c-37d8-483b-9c6c-6b27e9afa9bc" providerId="ADAL" clId="{BF04C754-5BF4-4E83-9615-DB14FA25AF8A}" dt="2023-10-12T11:38:08.274" v="295"/>
          <ac:spMkLst>
            <pc:docMk/>
            <pc:sldMk cId="2376958513" sldId="260"/>
            <ac:spMk id="8059" creationId="{254275A7-E9F7-FCD4-58BC-F4ADDA2E6A48}"/>
          </ac:spMkLst>
        </pc:spChg>
        <pc:spChg chg="mod">
          <ac:chgData name="White, Alex" userId="eff6cc8c-37d8-483b-9c6c-6b27e9afa9bc" providerId="ADAL" clId="{BF04C754-5BF4-4E83-9615-DB14FA25AF8A}" dt="2023-10-12T11:38:08.274" v="295"/>
          <ac:spMkLst>
            <pc:docMk/>
            <pc:sldMk cId="2376958513" sldId="260"/>
            <ac:spMk id="8060" creationId="{628BE6D3-B1EE-41D6-50F9-6DC08B378893}"/>
          </ac:spMkLst>
        </pc:spChg>
        <pc:spChg chg="mod">
          <ac:chgData name="White, Alex" userId="eff6cc8c-37d8-483b-9c6c-6b27e9afa9bc" providerId="ADAL" clId="{BF04C754-5BF4-4E83-9615-DB14FA25AF8A}" dt="2023-10-12T11:38:08.274" v="295"/>
          <ac:spMkLst>
            <pc:docMk/>
            <pc:sldMk cId="2376958513" sldId="260"/>
            <ac:spMk id="8061" creationId="{F6967F21-94A5-B481-724C-BBAE8C725F7A}"/>
          </ac:spMkLst>
        </pc:spChg>
        <pc:spChg chg="mod">
          <ac:chgData name="White, Alex" userId="eff6cc8c-37d8-483b-9c6c-6b27e9afa9bc" providerId="ADAL" clId="{BF04C754-5BF4-4E83-9615-DB14FA25AF8A}" dt="2023-10-12T11:38:08.274" v="295"/>
          <ac:spMkLst>
            <pc:docMk/>
            <pc:sldMk cId="2376958513" sldId="260"/>
            <ac:spMk id="8062" creationId="{50EE240A-9224-8ABB-E38E-327FEE6FEF44}"/>
          </ac:spMkLst>
        </pc:spChg>
        <pc:spChg chg="mod">
          <ac:chgData name="White, Alex" userId="eff6cc8c-37d8-483b-9c6c-6b27e9afa9bc" providerId="ADAL" clId="{BF04C754-5BF4-4E83-9615-DB14FA25AF8A}" dt="2023-10-12T11:38:08.274" v="295"/>
          <ac:spMkLst>
            <pc:docMk/>
            <pc:sldMk cId="2376958513" sldId="260"/>
            <ac:spMk id="8063" creationId="{2BDA5E7C-7A92-9535-566F-EA5B0A101761}"/>
          </ac:spMkLst>
        </pc:spChg>
        <pc:spChg chg="mod">
          <ac:chgData name="White, Alex" userId="eff6cc8c-37d8-483b-9c6c-6b27e9afa9bc" providerId="ADAL" clId="{BF04C754-5BF4-4E83-9615-DB14FA25AF8A}" dt="2023-10-12T11:38:08.274" v="295"/>
          <ac:spMkLst>
            <pc:docMk/>
            <pc:sldMk cId="2376958513" sldId="260"/>
            <ac:spMk id="8064" creationId="{BBB69985-9BB0-D16A-E19F-A5371B2098B0}"/>
          </ac:spMkLst>
        </pc:spChg>
        <pc:spChg chg="mod">
          <ac:chgData name="White, Alex" userId="eff6cc8c-37d8-483b-9c6c-6b27e9afa9bc" providerId="ADAL" clId="{BF04C754-5BF4-4E83-9615-DB14FA25AF8A}" dt="2023-10-12T11:38:08.274" v="295"/>
          <ac:spMkLst>
            <pc:docMk/>
            <pc:sldMk cId="2376958513" sldId="260"/>
            <ac:spMk id="8065" creationId="{1AF50995-A980-6715-3476-89D0FA2641EA}"/>
          </ac:spMkLst>
        </pc:spChg>
        <pc:spChg chg="mod">
          <ac:chgData name="White, Alex" userId="eff6cc8c-37d8-483b-9c6c-6b27e9afa9bc" providerId="ADAL" clId="{BF04C754-5BF4-4E83-9615-DB14FA25AF8A}" dt="2023-10-12T11:38:08.274" v="295"/>
          <ac:spMkLst>
            <pc:docMk/>
            <pc:sldMk cId="2376958513" sldId="260"/>
            <ac:spMk id="8066" creationId="{0707158D-16CC-2F3E-562A-A33908A4834E}"/>
          </ac:spMkLst>
        </pc:spChg>
        <pc:spChg chg="mod">
          <ac:chgData name="White, Alex" userId="eff6cc8c-37d8-483b-9c6c-6b27e9afa9bc" providerId="ADAL" clId="{BF04C754-5BF4-4E83-9615-DB14FA25AF8A}" dt="2023-10-12T11:38:08.274" v="295"/>
          <ac:spMkLst>
            <pc:docMk/>
            <pc:sldMk cId="2376958513" sldId="260"/>
            <ac:spMk id="8067" creationId="{0A579843-2A0A-057D-3692-A1C2DCBA31A1}"/>
          </ac:spMkLst>
        </pc:spChg>
        <pc:spChg chg="mod">
          <ac:chgData name="White, Alex" userId="eff6cc8c-37d8-483b-9c6c-6b27e9afa9bc" providerId="ADAL" clId="{BF04C754-5BF4-4E83-9615-DB14FA25AF8A}" dt="2023-10-12T11:38:08.274" v="295"/>
          <ac:spMkLst>
            <pc:docMk/>
            <pc:sldMk cId="2376958513" sldId="260"/>
            <ac:spMk id="8068" creationId="{38FDFD0D-5713-F037-6A46-8670F6CC82CD}"/>
          </ac:spMkLst>
        </pc:spChg>
        <pc:spChg chg="mod">
          <ac:chgData name="White, Alex" userId="eff6cc8c-37d8-483b-9c6c-6b27e9afa9bc" providerId="ADAL" clId="{BF04C754-5BF4-4E83-9615-DB14FA25AF8A}" dt="2023-10-12T11:38:08.274" v="295"/>
          <ac:spMkLst>
            <pc:docMk/>
            <pc:sldMk cId="2376958513" sldId="260"/>
            <ac:spMk id="8069" creationId="{8194B971-3053-6F81-64C5-05A7697D18B0}"/>
          </ac:spMkLst>
        </pc:spChg>
        <pc:spChg chg="mod">
          <ac:chgData name="White, Alex" userId="eff6cc8c-37d8-483b-9c6c-6b27e9afa9bc" providerId="ADAL" clId="{BF04C754-5BF4-4E83-9615-DB14FA25AF8A}" dt="2023-10-12T11:38:08.274" v="295"/>
          <ac:spMkLst>
            <pc:docMk/>
            <pc:sldMk cId="2376958513" sldId="260"/>
            <ac:spMk id="8070" creationId="{D4787FC8-DA1B-5E63-C962-F2411BAC4A1F}"/>
          </ac:spMkLst>
        </pc:spChg>
        <pc:spChg chg="mod">
          <ac:chgData name="White, Alex" userId="eff6cc8c-37d8-483b-9c6c-6b27e9afa9bc" providerId="ADAL" clId="{BF04C754-5BF4-4E83-9615-DB14FA25AF8A}" dt="2023-10-12T11:38:08.274" v="295"/>
          <ac:spMkLst>
            <pc:docMk/>
            <pc:sldMk cId="2376958513" sldId="260"/>
            <ac:spMk id="8071" creationId="{7664A10F-C54F-0916-0707-4D8E751159D6}"/>
          </ac:spMkLst>
        </pc:spChg>
        <pc:spChg chg="mod">
          <ac:chgData name="White, Alex" userId="eff6cc8c-37d8-483b-9c6c-6b27e9afa9bc" providerId="ADAL" clId="{BF04C754-5BF4-4E83-9615-DB14FA25AF8A}" dt="2023-10-12T11:38:08.274" v="295"/>
          <ac:spMkLst>
            <pc:docMk/>
            <pc:sldMk cId="2376958513" sldId="260"/>
            <ac:spMk id="8072" creationId="{E9DA1BCE-47C8-CD8F-5AAD-BAB6A1CC67A3}"/>
          </ac:spMkLst>
        </pc:spChg>
        <pc:spChg chg="mod">
          <ac:chgData name="White, Alex" userId="eff6cc8c-37d8-483b-9c6c-6b27e9afa9bc" providerId="ADAL" clId="{BF04C754-5BF4-4E83-9615-DB14FA25AF8A}" dt="2023-10-12T11:38:08.274" v="295"/>
          <ac:spMkLst>
            <pc:docMk/>
            <pc:sldMk cId="2376958513" sldId="260"/>
            <ac:spMk id="8073" creationId="{E09E114A-B07D-E120-336B-6292D0DEDFE7}"/>
          </ac:spMkLst>
        </pc:spChg>
        <pc:spChg chg="mod">
          <ac:chgData name="White, Alex" userId="eff6cc8c-37d8-483b-9c6c-6b27e9afa9bc" providerId="ADAL" clId="{BF04C754-5BF4-4E83-9615-DB14FA25AF8A}" dt="2023-10-12T11:38:08.274" v="295"/>
          <ac:spMkLst>
            <pc:docMk/>
            <pc:sldMk cId="2376958513" sldId="260"/>
            <ac:spMk id="8074" creationId="{6863F7E5-A7F2-ACE2-C005-C38E0A4E07D8}"/>
          </ac:spMkLst>
        </pc:spChg>
        <pc:spChg chg="mod">
          <ac:chgData name="White, Alex" userId="eff6cc8c-37d8-483b-9c6c-6b27e9afa9bc" providerId="ADAL" clId="{BF04C754-5BF4-4E83-9615-DB14FA25AF8A}" dt="2023-10-12T11:38:08.274" v="295"/>
          <ac:spMkLst>
            <pc:docMk/>
            <pc:sldMk cId="2376958513" sldId="260"/>
            <ac:spMk id="8075" creationId="{1964472F-9C7E-6E9A-04A1-4F259EAEE083}"/>
          </ac:spMkLst>
        </pc:spChg>
        <pc:spChg chg="mod">
          <ac:chgData name="White, Alex" userId="eff6cc8c-37d8-483b-9c6c-6b27e9afa9bc" providerId="ADAL" clId="{BF04C754-5BF4-4E83-9615-DB14FA25AF8A}" dt="2023-10-12T11:38:08.274" v="295"/>
          <ac:spMkLst>
            <pc:docMk/>
            <pc:sldMk cId="2376958513" sldId="260"/>
            <ac:spMk id="8076" creationId="{D6A52DF1-579E-5F2F-3C3E-481DA3DDA0C6}"/>
          </ac:spMkLst>
        </pc:spChg>
        <pc:spChg chg="mod">
          <ac:chgData name="White, Alex" userId="eff6cc8c-37d8-483b-9c6c-6b27e9afa9bc" providerId="ADAL" clId="{BF04C754-5BF4-4E83-9615-DB14FA25AF8A}" dt="2023-10-12T11:38:08.274" v="295"/>
          <ac:spMkLst>
            <pc:docMk/>
            <pc:sldMk cId="2376958513" sldId="260"/>
            <ac:spMk id="8077" creationId="{615B20DD-8F3C-7652-FEAE-DDB4224661D2}"/>
          </ac:spMkLst>
        </pc:spChg>
        <pc:spChg chg="mod">
          <ac:chgData name="White, Alex" userId="eff6cc8c-37d8-483b-9c6c-6b27e9afa9bc" providerId="ADAL" clId="{BF04C754-5BF4-4E83-9615-DB14FA25AF8A}" dt="2023-10-12T11:38:08.274" v="295"/>
          <ac:spMkLst>
            <pc:docMk/>
            <pc:sldMk cId="2376958513" sldId="260"/>
            <ac:spMk id="8078" creationId="{DC4DA70D-393E-BC59-9872-1BE538408EC8}"/>
          </ac:spMkLst>
        </pc:spChg>
        <pc:spChg chg="mod">
          <ac:chgData name="White, Alex" userId="eff6cc8c-37d8-483b-9c6c-6b27e9afa9bc" providerId="ADAL" clId="{BF04C754-5BF4-4E83-9615-DB14FA25AF8A}" dt="2023-10-12T11:38:08.274" v="295"/>
          <ac:spMkLst>
            <pc:docMk/>
            <pc:sldMk cId="2376958513" sldId="260"/>
            <ac:spMk id="8079" creationId="{17019BED-45B9-D0AA-93D0-A068244F1FD9}"/>
          </ac:spMkLst>
        </pc:spChg>
        <pc:spChg chg="mod">
          <ac:chgData name="White, Alex" userId="eff6cc8c-37d8-483b-9c6c-6b27e9afa9bc" providerId="ADAL" clId="{BF04C754-5BF4-4E83-9615-DB14FA25AF8A}" dt="2023-10-12T11:38:08.274" v="295"/>
          <ac:spMkLst>
            <pc:docMk/>
            <pc:sldMk cId="2376958513" sldId="260"/>
            <ac:spMk id="8080" creationId="{48FE8C3B-FAF3-9FD8-B5E5-3BA3A65D11B8}"/>
          </ac:spMkLst>
        </pc:spChg>
        <pc:spChg chg="mod">
          <ac:chgData name="White, Alex" userId="eff6cc8c-37d8-483b-9c6c-6b27e9afa9bc" providerId="ADAL" clId="{BF04C754-5BF4-4E83-9615-DB14FA25AF8A}" dt="2023-10-12T11:38:08.274" v="295"/>
          <ac:spMkLst>
            <pc:docMk/>
            <pc:sldMk cId="2376958513" sldId="260"/>
            <ac:spMk id="8081" creationId="{B4AAB596-7F7F-680E-393E-FB2AF0668DF3}"/>
          </ac:spMkLst>
        </pc:spChg>
        <pc:spChg chg="mod">
          <ac:chgData name="White, Alex" userId="eff6cc8c-37d8-483b-9c6c-6b27e9afa9bc" providerId="ADAL" clId="{BF04C754-5BF4-4E83-9615-DB14FA25AF8A}" dt="2023-10-12T11:38:08.274" v="295"/>
          <ac:spMkLst>
            <pc:docMk/>
            <pc:sldMk cId="2376958513" sldId="260"/>
            <ac:spMk id="8082" creationId="{1458F0AA-A696-D3F0-3BEB-AC44EE718154}"/>
          </ac:spMkLst>
        </pc:spChg>
        <pc:spChg chg="mod">
          <ac:chgData name="White, Alex" userId="eff6cc8c-37d8-483b-9c6c-6b27e9afa9bc" providerId="ADAL" clId="{BF04C754-5BF4-4E83-9615-DB14FA25AF8A}" dt="2023-10-12T11:38:08.274" v="295"/>
          <ac:spMkLst>
            <pc:docMk/>
            <pc:sldMk cId="2376958513" sldId="260"/>
            <ac:spMk id="8083" creationId="{CBBBDF14-D38B-3F87-090C-957BE8D07CA1}"/>
          </ac:spMkLst>
        </pc:spChg>
        <pc:spChg chg="mod">
          <ac:chgData name="White, Alex" userId="eff6cc8c-37d8-483b-9c6c-6b27e9afa9bc" providerId="ADAL" clId="{BF04C754-5BF4-4E83-9615-DB14FA25AF8A}" dt="2023-10-12T11:38:08.274" v="295"/>
          <ac:spMkLst>
            <pc:docMk/>
            <pc:sldMk cId="2376958513" sldId="260"/>
            <ac:spMk id="8084" creationId="{47619DD8-2A9A-DBB1-726F-FE60AB004783}"/>
          </ac:spMkLst>
        </pc:spChg>
        <pc:spChg chg="mod">
          <ac:chgData name="White, Alex" userId="eff6cc8c-37d8-483b-9c6c-6b27e9afa9bc" providerId="ADAL" clId="{BF04C754-5BF4-4E83-9615-DB14FA25AF8A}" dt="2023-10-12T11:38:08.274" v="295"/>
          <ac:spMkLst>
            <pc:docMk/>
            <pc:sldMk cId="2376958513" sldId="260"/>
            <ac:spMk id="8085" creationId="{71842563-29F4-530B-6884-3DEFCDA99AB0}"/>
          </ac:spMkLst>
        </pc:spChg>
        <pc:spChg chg="mod">
          <ac:chgData name="White, Alex" userId="eff6cc8c-37d8-483b-9c6c-6b27e9afa9bc" providerId="ADAL" clId="{BF04C754-5BF4-4E83-9615-DB14FA25AF8A}" dt="2023-10-12T11:38:08.274" v="295"/>
          <ac:spMkLst>
            <pc:docMk/>
            <pc:sldMk cId="2376958513" sldId="260"/>
            <ac:spMk id="8086" creationId="{F56A3824-C571-0E28-F90F-77773F7FAEC8}"/>
          </ac:spMkLst>
        </pc:spChg>
        <pc:spChg chg="mod">
          <ac:chgData name="White, Alex" userId="eff6cc8c-37d8-483b-9c6c-6b27e9afa9bc" providerId="ADAL" clId="{BF04C754-5BF4-4E83-9615-DB14FA25AF8A}" dt="2023-10-12T11:38:08.274" v="295"/>
          <ac:spMkLst>
            <pc:docMk/>
            <pc:sldMk cId="2376958513" sldId="260"/>
            <ac:spMk id="8087" creationId="{6F73CCD3-37C4-7F96-8807-C0039EA83396}"/>
          </ac:spMkLst>
        </pc:spChg>
        <pc:spChg chg="mod">
          <ac:chgData name="White, Alex" userId="eff6cc8c-37d8-483b-9c6c-6b27e9afa9bc" providerId="ADAL" clId="{BF04C754-5BF4-4E83-9615-DB14FA25AF8A}" dt="2023-10-12T11:38:08.274" v="295"/>
          <ac:spMkLst>
            <pc:docMk/>
            <pc:sldMk cId="2376958513" sldId="260"/>
            <ac:spMk id="8088" creationId="{D0A8096A-D14E-6937-24CC-B5BEBB326888}"/>
          </ac:spMkLst>
        </pc:spChg>
        <pc:spChg chg="mod">
          <ac:chgData name="White, Alex" userId="eff6cc8c-37d8-483b-9c6c-6b27e9afa9bc" providerId="ADAL" clId="{BF04C754-5BF4-4E83-9615-DB14FA25AF8A}" dt="2023-10-12T11:38:08.274" v="295"/>
          <ac:spMkLst>
            <pc:docMk/>
            <pc:sldMk cId="2376958513" sldId="260"/>
            <ac:spMk id="8089" creationId="{78346926-2191-32CA-032B-BBF395B631DB}"/>
          </ac:spMkLst>
        </pc:spChg>
        <pc:spChg chg="mod">
          <ac:chgData name="White, Alex" userId="eff6cc8c-37d8-483b-9c6c-6b27e9afa9bc" providerId="ADAL" clId="{BF04C754-5BF4-4E83-9615-DB14FA25AF8A}" dt="2023-10-12T11:38:08.274" v="295"/>
          <ac:spMkLst>
            <pc:docMk/>
            <pc:sldMk cId="2376958513" sldId="260"/>
            <ac:spMk id="8090" creationId="{AEBAE1E6-98C7-331F-AA1F-A77CB4011D1F}"/>
          </ac:spMkLst>
        </pc:spChg>
        <pc:spChg chg="mod">
          <ac:chgData name="White, Alex" userId="eff6cc8c-37d8-483b-9c6c-6b27e9afa9bc" providerId="ADAL" clId="{BF04C754-5BF4-4E83-9615-DB14FA25AF8A}" dt="2023-10-12T11:38:08.274" v="295"/>
          <ac:spMkLst>
            <pc:docMk/>
            <pc:sldMk cId="2376958513" sldId="260"/>
            <ac:spMk id="8091" creationId="{7CA4102C-0AEB-4808-F825-AE08FDA1BF0B}"/>
          </ac:spMkLst>
        </pc:spChg>
        <pc:spChg chg="mod">
          <ac:chgData name="White, Alex" userId="eff6cc8c-37d8-483b-9c6c-6b27e9afa9bc" providerId="ADAL" clId="{BF04C754-5BF4-4E83-9615-DB14FA25AF8A}" dt="2023-10-12T11:38:08.274" v="295"/>
          <ac:spMkLst>
            <pc:docMk/>
            <pc:sldMk cId="2376958513" sldId="260"/>
            <ac:spMk id="8092" creationId="{9475E9FD-C7DB-17A2-E925-33CF38AE5A42}"/>
          </ac:spMkLst>
        </pc:spChg>
        <pc:spChg chg="mod">
          <ac:chgData name="White, Alex" userId="eff6cc8c-37d8-483b-9c6c-6b27e9afa9bc" providerId="ADAL" clId="{BF04C754-5BF4-4E83-9615-DB14FA25AF8A}" dt="2023-10-12T11:38:08.274" v="295"/>
          <ac:spMkLst>
            <pc:docMk/>
            <pc:sldMk cId="2376958513" sldId="260"/>
            <ac:spMk id="8093" creationId="{BE70DB64-C826-14C7-CABB-8AAE684A4A01}"/>
          </ac:spMkLst>
        </pc:spChg>
        <pc:spChg chg="mod">
          <ac:chgData name="White, Alex" userId="eff6cc8c-37d8-483b-9c6c-6b27e9afa9bc" providerId="ADAL" clId="{BF04C754-5BF4-4E83-9615-DB14FA25AF8A}" dt="2023-10-12T11:38:08.274" v="295"/>
          <ac:spMkLst>
            <pc:docMk/>
            <pc:sldMk cId="2376958513" sldId="260"/>
            <ac:spMk id="8094" creationId="{EEB6FF06-B23E-2A9B-E2C0-39A2CF72D86B}"/>
          </ac:spMkLst>
        </pc:spChg>
        <pc:spChg chg="mod">
          <ac:chgData name="White, Alex" userId="eff6cc8c-37d8-483b-9c6c-6b27e9afa9bc" providerId="ADAL" clId="{BF04C754-5BF4-4E83-9615-DB14FA25AF8A}" dt="2023-10-12T11:38:08.274" v="295"/>
          <ac:spMkLst>
            <pc:docMk/>
            <pc:sldMk cId="2376958513" sldId="260"/>
            <ac:spMk id="8095" creationId="{A20ECD9C-55BF-8C23-C4F2-08BC1932FE57}"/>
          </ac:spMkLst>
        </pc:spChg>
        <pc:spChg chg="mod">
          <ac:chgData name="White, Alex" userId="eff6cc8c-37d8-483b-9c6c-6b27e9afa9bc" providerId="ADAL" clId="{BF04C754-5BF4-4E83-9615-DB14FA25AF8A}" dt="2023-10-12T11:38:08.274" v="295"/>
          <ac:spMkLst>
            <pc:docMk/>
            <pc:sldMk cId="2376958513" sldId="260"/>
            <ac:spMk id="8096" creationId="{F224D9E9-1999-F61A-5B81-A5A7098E4EE5}"/>
          </ac:spMkLst>
        </pc:spChg>
        <pc:spChg chg="mod">
          <ac:chgData name="White, Alex" userId="eff6cc8c-37d8-483b-9c6c-6b27e9afa9bc" providerId="ADAL" clId="{BF04C754-5BF4-4E83-9615-DB14FA25AF8A}" dt="2023-10-12T11:38:08.274" v="295"/>
          <ac:spMkLst>
            <pc:docMk/>
            <pc:sldMk cId="2376958513" sldId="260"/>
            <ac:spMk id="8097" creationId="{AA02041B-B2A7-0DE7-74F1-B96E6946D80E}"/>
          </ac:spMkLst>
        </pc:spChg>
        <pc:spChg chg="mod">
          <ac:chgData name="White, Alex" userId="eff6cc8c-37d8-483b-9c6c-6b27e9afa9bc" providerId="ADAL" clId="{BF04C754-5BF4-4E83-9615-DB14FA25AF8A}" dt="2023-10-12T11:38:08.274" v="295"/>
          <ac:spMkLst>
            <pc:docMk/>
            <pc:sldMk cId="2376958513" sldId="260"/>
            <ac:spMk id="8098" creationId="{DD9C3FAF-E5E1-78BE-EF72-84036997CEB9}"/>
          </ac:spMkLst>
        </pc:spChg>
        <pc:spChg chg="mod">
          <ac:chgData name="White, Alex" userId="eff6cc8c-37d8-483b-9c6c-6b27e9afa9bc" providerId="ADAL" clId="{BF04C754-5BF4-4E83-9615-DB14FA25AF8A}" dt="2023-10-12T11:38:08.274" v="295"/>
          <ac:spMkLst>
            <pc:docMk/>
            <pc:sldMk cId="2376958513" sldId="260"/>
            <ac:spMk id="8099" creationId="{668ED89C-54CC-6BAC-625E-F2A4BC3BB3C8}"/>
          </ac:spMkLst>
        </pc:spChg>
        <pc:spChg chg="mod">
          <ac:chgData name="White, Alex" userId="eff6cc8c-37d8-483b-9c6c-6b27e9afa9bc" providerId="ADAL" clId="{BF04C754-5BF4-4E83-9615-DB14FA25AF8A}" dt="2023-10-12T11:38:08.274" v="295"/>
          <ac:spMkLst>
            <pc:docMk/>
            <pc:sldMk cId="2376958513" sldId="260"/>
            <ac:spMk id="8100" creationId="{B518E32C-2E5D-8DFF-7227-1EA018B34D6F}"/>
          </ac:spMkLst>
        </pc:spChg>
        <pc:spChg chg="mod">
          <ac:chgData name="White, Alex" userId="eff6cc8c-37d8-483b-9c6c-6b27e9afa9bc" providerId="ADAL" clId="{BF04C754-5BF4-4E83-9615-DB14FA25AF8A}" dt="2023-10-12T11:38:08.274" v="295"/>
          <ac:spMkLst>
            <pc:docMk/>
            <pc:sldMk cId="2376958513" sldId="260"/>
            <ac:spMk id="8101" creationId="{48CF04F2-2B98-3E1C-57C9-68DC0CD4AF13}"/>
          </ac:spMkLst>
        </pc:spChg>
        <pc:spChg chg="mod">
          <ac:chgData name="White, Alex" userId="eff6cc8c-37d8-483b-9c6c-6b27e9afa9bc" providerId="ADAL" clId="{BF04C754-5BF4-4E83-9615-DB14FA25AF8A}" dt="2023-10-12T11:38:08.274" v="295"/>
          <ac:spMkLst>
            <pc:docMk/>
            <pc:sldMk cId="2376958513" sldId="260"/>
            <ac:spMk id="8102" creationId="{7E4BD126-5722-394F-A930-424B667698B2}"/>
          </ac:spMkLst>
        </pc:spChg>
        <pc:spChg chg="mod">
          <ac:chgData name="White, Alex" userId="eff6cc8c-37d8-483b-9c6c-6b27e9afa9bc" providerId="ADAL" clId="{BF04C754-5BF4-4E83-9615-DB14FA25AF8A}" dt="2023-10-12T11:38:08.274" v="295"/>
          <ac:spMkLst>
            <pc:docMk/>
            <pc:sldMk cId="2376958513" sldId="260"/>
            <ac:spMk id="8103" creationId="{BD811C16-FD98-4F01-4F70-7591D970EC2F}"/>
          </ac:spMkLst>
        </pc:spChg>
        <pc:spChg chg="mod">
          <ac:chgData name="White, Alex" userId="eff6cc8c-37d8-483b-9c6c-6b27e9afa9bc" providerId="ADAL" clId="{BF04C754-5BF4-4E83-9615-DB14FA25AF8A}" dt="2023-10-12T11:38:08.274" v="295"/>
          <ac:spMkLst>
            <pc:docMk/>
            <pc:sldMk cId="2376958513" sldId="260"/>
            <ac:spMk id="8104" creationId="{FBEC57FE-D1A1-6819-ED6D-0E2FBE087D23}"/>
          </ac:spMkLst>
        </pc:spChg>
        <pc:spChg chg="mod">
          <ac:chgData name="White, Alex" userId="eff6cc8c-37d8-483b-9c6c-6b27e9afa9bc" providerId="ADAL" clId="{BF04C754-5BF4-4E83-9615-DB14FA25AF8A}" dt="2023-10-12T11:38:08.274" v="295"/>
          <ac:spMkLst>
            <pc:docMk/>
            <pc:sldMk cId="2376958513" sldId="260"/>
            <ac:spMk id="8105" creationId="{0750ED86-244B-606F-5AE9-A53E4F05829D}"/>
          </ac:spMkLst>
        </pc:spChg>
        <pc:spChg chg="mod">
          <ac:chgData name="White, Alex" userId="eff6cc8c-37d8-483b-9c6c-6b27e9afa9bc" providerId="ADAL" clId="{BF04C754-5BF4-4E83-9615-DB14FA25AF8A}" dt="2023-10-12T11:38:08.274" v="295"/>
          <ac:spMkLst>
            <pc:docMk/>
            <pc:sldMk cId="2376958513" sldId="260"/>
            <ac:spMk id="8106" creationId="{667D7F79-27CC-7534-3C6F-CFC8AAD9B42E}"/>
          </ac:spMkLst>
        </pc:spChg>
        <pc:spChg chg="mod">
          <ac:chgData name="White, Alex" userId="eff6cc8c-37d8-483b-9c6c-6b27e9afa9bc" providerId="ADAL" clId="{BF04C754-5BF4-4E83-9615-DB14FA25AF8A}" dt="2023-10-12T11:38:08.274" v="295"/>
          <ac:spMkLst>
            <pc:docMk/>
            <pc:sldMk cId="2376958513" sldId="260"/>
            <ac:spMk id="8107" creationId="{38F72693-FA01-B7C2-DD0E-3F02AA4D0198}"/>
          </ac:spMkLst>
        </pc:spChg>
        <pc:spChg chg="mod">
          <ac:chgData name="White, Alex" userId="eff6cc8c-37d8-483b-9c6c-6b27e9afa9bc" providerId="ADAL" clId="{BF04C754-5BF4-4E83-9615-DB14FA25AF8A}" dt="2023-10-12T11:38:08.274" v="295"/>
          <ac:spMkLst>
            <pc:docMk/>
            <pc:sldMk cId="2376958513" sldId="260"/>
            <ac:spMk id="8108" creationId="{F615EB2D-971C-F638-748A-AA64B5213B67}"/>
          </ac:spMkLst>
        </pc:spChg>
        <pc:spChg chg="mod">
          <ac:chgData name="White, Alex" userId="eff6cc8c-37d8-483b-9c6c-6b27e9afa9bc" providerId="ADAL" clId="{BF04C754-5BF4-4E83-9615-DB14FA25AF8A}" dt="2023-10-12T11:38:08.274" v="295"/>
          <ac:spMkLst>
            <pc:docMk/>
            <pc:sldMk cId="2376958513" sldId="260"/>
            <ac:spMk id="8109" creationId="{BF2C55E1-7CD9-B1A3-567D-A1B3BD9A6099}"/>
          </ac:spMkLst>
        </pc:spChg>
        <pc:spChg chg="mod">
          <ac:chgData name="White, Alex" userId="eff6cc8c-37d8-483b-9c6c-6b27e9afa9bc" providerId="ADAL" clId="{BF04C754-5BF4-4E83-9615-DB14FA25AF8A}" dt="2023-10-12T11:38:08.274" v="295"/>
          <ac:spMkLst>
            <pc:docMk/>
            <pc:sldMk cId="2376958513" sldId="260"/>
            <ac:spMk id="8110" creationId="{9E030E45-57F6-EF47-E965-A3955F0E48B1}"/>
          </ac:spMkLst>
        </pc:spChg>
        <pc:spChg chg="mod">
          <ac:chgData name="White, Alex" userId="eff6cc8c-37d8-483b-9c6c-6b27e9afa9bc" providerId="ADAL" clId="{BF04C754-5BF4-4E83-9615-DB14FA25AF8A}" dt="2023-10-12T11:38:08.274" v="295"/>
          <ac:spMkLst>
            <pc:docMk/>
            <pc:sldMk cId="2376958513" sldId="260"/>
            <ac:spMk id="8111" creationId="{008ED8B2-8FFE-EE35-9825-86FFBC828D68}"/>
          </ac:spMkLst>
        </pc:spChg>
        <pc:spChg chg="mod">
          <ac:chgData name="White, Alex" userId="eff6cc8c-37d8-483b-9c6c-6b27e9afa9bc" providerId="ADAL" clId="{BF04C754-5BF4-4E83-9615-DB14FA25AF8A}" dt="2023-10-12T11:38:08.274" v="295"/>
          <ac:spMkLst>
            <pc:docMk/>
            <pc:sldMk cId="2376958513" sldId="260"/>
            <ac:spMk id="8112" creationId="{8B6E558F-1D2A-1614-E4E1-9F127253C61F}"/>
          </ac:spMkLst>
        </pc:spChg>
        <pc:spChg chg="mod">
          <ac:chgData name="White, Alex" userId="eff6cc8c-37d8-483b-9c6c-6b27e9afa9bc" providerId="ADAL" clId="{BF04C754-5BF4-4E83-9615-DB14FA25AF8A}" dt="2023-10-12T11:38:08.274" v="295"/>
          <ac:spMkLst>
            <pc:docMk/>
            <pc:sldMk cId="2376958513" sldId="260"/>
            <ac:spMk id="8113" creationId="{364C29AB-A22F-FB69-036F-DD39B94BEDC9}"/>
          </ac:spMkLst>
        </pc:spChg>
        <pc:spChg chg="mod">
          <ac:chgData name="White, Alex" userId="eff6cc8c-37d8-483b-9c6c-6b27e9afa9bc" providerId="ADAL" clId="{BF04C754-5BF4-4E83-9615-DB14FA25AF8A}" dt="2023-10-12T11:38:08.274" v="295"/>
          <ac:spMkLst>
            <pc:docMk/>
            <pc:sldMk cId="2376958513" sldId="260"/>
            <ac:spMk id="8114" creationId="{9671FF46-047A-FBE9-36AD-FB40BDE8B84E}"/>
          </ac:spMkLst>
        </pc:spChg>
        <pc:spChg chg="mod">
          <ac:chgData name="White, Alex" userId="eff6cc8c-37d8-483b-9c6c-6b27e9afa9bc" providerId="ADAL" clId="{BF04C754-5BF4-4E83-9615-DB14FA25AF8A}" dt="2023-10-12T11:38:08.274" v="295"/>
          <ac:spMkLst>
            <pc:docMk/>
            <pc:sldMk cId="2376958513" sldId="260"/>
            <ac:spMk id="8115" creationId="{04D867C6-0225-283F-5D8A-7737F306EFB3}"/>
          </ac:spMkLst>
        </pc:spChg>
        <pc:spChg chg="mod">
          <ac:chgData name="White, Alex" userId="eff6cc8c-37d8-483b-9c6c-6b27e9afa9bc" providerId="ADAL" clId="{BF04C754-5BF4-4E83-9615-DB14FA25AF8A}" dt="2023-10-12T11:38:08.274" v="295"/>
          <ac:spMkLst>
            <pc:docMk/>
            <pc:sldMk cId="2376958513" sldId="260"/>
            <ac:spMk id="8116" creationId="{830FA742-F05A-8B7A-DBBE-53A0842C5BFB}"/>
          </ac:spMkLst>
        </pc:spChg>
        <pc:spChg chg="mod">
          <ac:chgData name="White, Alex" userId="eff6cc8c-37d8-483b-9c6c-6b27e9afa9bc" providerId="ADAL" clId="{BF04C754-5BF4-4E83-9615-DB14FA25AF8A}" dt="2023-10-12T11:38:08.274" v="295"/>
          <ac:spMkLst>
            <pc:docMk/>
            <pc:sldMk cId="2376958513" sldId="260"/>
            <ac:spMk id="8117" creationId="{3754B6F9-0E31-CC13-EB54-EFFE0FEBFE22}"/>
          </ac:spMkLst>
        </pc:spChg>
        <pc:spChg chg="mod">
          <ac:chgData name="White, Alex" userId="eff6cc8c-37d8-483b-9c6c-6b27e9afa9bc" providerId="ADAL" clId="{BF04C754-5BF4-4E83-9615-DB14FA25AF8A}" dt="2023-10-12T11:38:08.274" v="295"/>
          <ac:spMkLst>
            <pc:docMk/>
            <pc:sldMk cId="2376958513" sldId="260"/>
            <ac:spMk id="8118" creationId="{4995FCE1-2F73-9BA6-992D-6B3670CE4FDA}"/>
          </ac:spMkLst>
        </pc:spChg>
        <pc:spChg chg="mod">
          <ac:chgData name="White, Alex" userId="eff6cc8c-37d8-483b-9c6c-6b27e9afa9bc" providerId="ADAL" clId="{BF04C754-5BF4-4E83-9615-DB14FA25AF8A}" dt="2023-10-12T11:38:08.274" v="295"/>
          <ac:spMkLst>
            <pc:docMk/>
            <pc:sldMk cId="2376958513" sldId="260"/>
            <ac:spMk id="8119" creationId="{EBAD1358-B86D-F388-D8BB-2852A1ED617D}"/>
          </ac:spMkLst>
        </pc:spChg>
        <pc:spChg chg="mod">
          <ac:chgData name="White, Alex" userId="eff6cc8c-37d8-483b-9c6c-6b27e9afa9bc" providerId="ADAL" clId="{BF04C754-5BF4-4E83-9615-DB14FA25AF8A}" dt="2023-10-12T11:38:08.274" v="295"/>
          <ac:spMkLst>
            <pc:docMk/>
            <pc:sldMk cId="2376958513" sldId="260"/>
            <ac:spMk id="8120" creationId="{7F426243-5545-3E74-30E7-B4397DB08187}"/>
          </ac:spMkLst>
        </pc:spChg>
        <pc:spChg chg="mod">
          <ac:chgData name="White, Alex" userId="eff6cc8c-37d8-483b-9c6c-6b27e9afa9bc" providerId="ADAL" clId="{BF04C754-5BF4-4E83-9615-DB14FA25AF8A}" dt="2023-10-12T11:38:08.274" v="295"/>
          <ac:spMkLst>
            <pc:docMk/>
            <pc:sldMk cId="2376958513" sldId="260"/>
            <ac:spMk id="8121" creationId="{4B821BEA-38E7-33C2-0B06-2B0339BB0CDA}"/>
          </ac:spMkLst>
        </pc:spChg>
        <pc:spChg chg="mod">
          <ac:chgData name="White, Alex" userId="eff6cc8c-37d8-483b-9c6c-6b27e9afa9bc" providerId="ADAL" clId="{BF04C754-5BF4-4E83-9615-DB14FA25AF8A}" dt="2023-10-12T11:38:08.274" v="295"/>
          <ac:spMkLst>
            <pc:docMk/>
            <pc:sldMk cId="2376958513" sldId="260"/>
            <ac:spMk id="8122" creationId="{8D3AEB1C-E8DE-0A5A-7BCD-A543D46E6B61}"/>
          </ac:spMkLst>
        </pc:spChg>
        <pc:spChg chg="mod">
          <ac:chgData name="White, Alex" userId="eff6cc8c-37d8-483b-9c6c-6b27e9afa9bc" providerId="ADAL" clId="{BF04C754-5BF4-4E83-9615-DB14FA25AF8A}" dt="2023-10-12T11:38:08.274" v="295"/>
          <ac:spMkLst>
            <pc:docMk/>
            <pc:sldMk cId="2376958513" sldId="260"/>
            <ac:spMk id="8123" creationId="{5451AEBD-0832-0EA7-39D1-BB2BAC305E97}"/>
          </ac:spMkLst>
        </pc:spChg>
        <pc:spChg chg="mod">
          <ac:chgData name="White, Alex" userId="eff6cc8c-37d8-483b-9c6c-6b27e9afa9bc" providerId="ADAL" clId="{BF04C754-5BF4-4E83-9615-DB14FA25AF8A}" dt="2023-10-12T11:38:08.274" v="295"/>
          <ac:spMkLst>
            <pc:docMk/>
            <pc:sldMk cId="2376958513" sldId="260"/>
            <ac:spMk id="8124" creationId="{0316368F-4E3E-F065-7214-9B019A2DE0F2}"/>
          </ac:spMkLst>
        </pc:spChg>
        <pc:spChg chg="mod">
          <ac:chgData name="White, Alex" userId="eff6cc8c-37d8-483b-9c6c-6b27e9afa9bc" providerId="ADAL" clId="{BF04C754-5BF4-4E83-9615-DB14FA25AF8A}" dt="2023-10-12T11:38:08.274" v="295"/>
          <ac:spMkLst>
            <pc:docMk/>
            <pc:sldMk cId="2376958513" sldId="260"/>
            <ac:spMk id="8125" creationId="{2DBA6648-8B5B-20EB-7CA5-DDDA093F22C8}"/>
          </ac:spMkLst>
        </pc:spChg>
        <pc:spChg chg="mod">
          <ac:chgData name="White, Alex" userId="eff6cc8c-37d8-483b-9c6c-6b27e9afa9bc" providerId="ADAL" clId="{BF04C754-5BF4-4E83-9615-DB14FA25AF8A}" dt="2023-10-12T11:38:08.274" v="295"/>
          <ac:spMkLst>
            <pc:docMk/>
            <pc:sldMk cId="2376958513" sldId="260"/>
            <ac:spMk id="8126" creationId="{FDBC680A-3916-DC30-F791-19464E71988D}"/>
          </ac:spMkLst>
        </pc:spChg>
        <pc:spChg chg="mod">
          <ac:chgData name="White, Alex" userId="eff6cc8c-37d8-483b-9c6c-6b27e9afa9bc" providerId="ADAL" clId="{BF04C754-5BF4-4E83-9615-DB14FA25AF8A}" dt="2023-10-12T11:38:08.274" v="295"/>
          <ac:spMkLst>
            <pc:docMk/>
            <pc:sldMk cId="2376958513" sldId="260"/>
            <ac:spMk id="8127" creationId="{6A4C829C-D087-2755-06DF-744C26D448BC}"/>
          </ac:spMkLst>
        </pc:spChg>
        <pc:spChg chg="mod">
          <ac:chgData name="White, Alex" userId="eff6cc8c-37d8-483b-9c6c-6b27e9afa9bc" providerId="ADAL" clId="{BF04C754-5BF4-4E83-9615-DB14FA25AF8A}" dt="2023-10-12T11:38:08.274" v="295"/>
          <ac:spMkLst>
            <pc:docMk/>
            <pc:sldMk cId="2376958513" sldId="260"/>
            <ac:spMk id="8128" creationId="{A10AA3A5-49F5-762E-7EAB-A478B1D23AD2}"/>
          </ac:spMkLst>
        </pc:spChg>
        <pc:spChg chg="mod">
          <ac:chgData name="White, Alex" userId="eff6cc8c-37d8-483b-9c6c-6b27e9afa9bc" providerId="ADAL" clId="{BF04C754-5BF4-4E83-9615-DB14FA25AF8A}" dt="2023-10-12T11:38:08.274" v="295"/>
          <ac:spMkLst>
            <pc:docMk/>
            <pc:sldMk cId="2376958513" sldId="260"/>
            <ac:spMk id="8129" creationId="{1D0AA71C-072F-D25E-7821-F47CBD072503}"/>
          </ac:spMkLst>
        </pc:spChg>
        <pc:spChg chg="mod">
          <ac:chgData name="White, Alex" userId="eff6cc8c-37d8-483b-9c6c-6b27e9afa9bc" providerId="ADAL" clId="{BF04C754-5BF4-4E83-9615-DB14FA25AF8A}" dt="2023-10-12T11:38:08.274" v="295"/>
          <ac:spMkLst>
            <pc:docMk/>
            <pc:sldMk cId="2376958513" sldId="260"/>
            <ac:spMk id="8130" creationId="{7B4EDCA6-491F-3EFA-6755-3EED3A0918FB}"/>
          </ac:spMkLst>
        </pc:spChg>
        <pc:spChg chg="mod">
          <ac:chgData name="White, Alex" userId="eff6cc8c-37d8-483b-9c6c-6b27e9afa9bc" providerId="ADAL" clId="{BF04C754-5BF4-4E83-9615-DB14FA25AF8A}" dt="2023-10-12T11:38:08.274" v="295"/>
          <ac:spMkLst>
            <pc:docMk/>
            <pc:sldMk cId="2376958513" sldId="260"/>
            <ac:spMk id="8131" creationId="{1064122B-51E4-769D-EE7C-723914AA875D}"/>
          </ac:spMkLst>
        </pc:spChg>
        <pc:spChg chg="mod">
          <ac:chgData name="White, Alex" userId="eff6cc8c-37d8-483b-9c6c-6b27e9afa9bc" providerId="ADAL" clId="{BF04C754-5BF4-4E83-9615-DB14FA25AF8A}" dt="2023-10-12T11:38:08.274" v="295"/>
          <ac:spMkLst>
            <pc:docMk/>
            <pc:sldMk cId="2376958513" sldId="260"/>
            <ac:spMk id="8132" creationId="{B27E4A11-A8E4-70BD-CF1B-CE9690EAD05B}"/>
          </ac:spMkLst>
        </pc:spChg>
        <pc:spChg chg="mod">
          <ac:chgData name="White, Alex" userId="eff6cc8c-37d8-483b-9c6c-6b27e9afa9bc" providerId="ADAL" clId="{BF04C754-5BF4-4E83-9615-DB14FA25AF8A}" dt="2023-10-12T11:38:08.274" v="295"/>
          <ac:spMkLst>
            <pc:docMk/>
            <pc:sldMk cId="2376958513" sldId="260"/>
            <ac:spMk id="8133" creationId="{06DC7BF4-19B3-E94F-4E84-9E7FDAAB6A16}"/>
          </ac:spMkLst>
        </pc:spChg>
        <pc:spChg chg="mod">
          <ac:chgData name="White, Alex" userId="eff6cc8c-37d8-483b-9c6c-6b27e9afa9bc" providerId="ADAL" clId="{BF04C754-5BF4-4E83-9615-DB14FA25AF8A}" dt="2023-10-12T11:38:08.274" v="295"/>
          <ac:spMkLst>
            <pc:docMk/>
            <pc:sldMk cId="2376958513" sldId="260"/>
            <ac:spMk id="8134" creationId="{D0610989-7EA5-E1B6-FE47-15DA6AA094DC}"/>
          </ac:spMkLst>
        </pc:spChg>
        <pc:spChg chg="mod">
          <ac:chgData name="White, Alex" userId="eff6cc8c-37d8-483b-9c6c-6b27e9afa9bc" providerId="ADAL" clId="{BF04C754-5BF4-4E83-9615-DB14FA25AF8A}" dt="2023-10-12T11:38:08.274" v="295"/>
          <ac:spMkLst>
            <pc:docMk/>
            <pc:sldMk cId="2376958513" sldId="260"/>
            <ac:spMk id="8135" creationId="{DE48FA98-B875-4380-8048-AAD4DBAE589C}"/>
          </ac:spMkLst>
        </pc:spChg>
        <pc:spChg chg="mod">
          <ac:chgData name="White, Alex" userId="eff6cc8c-37d8-483b-9c6c-6b27e9afa9bc" providerId="ADAL" clId="{BF04C754-5BF4-4E83-9615-DB14FA25AF8A}" dt="2023-10-12T11:38:08.274" v="295"/>
          <ac:spMkLst>
            <pc:docMk/>
            <pc:sldMk cId="2376958513" sldId="260"/>
            <ac:spMk id="8136" creationId="{03FB3B36-7243-FE84-5274-330C4B422589}"/>
          </ac:spMkLst>
        </pc:spChg>
        <pc:spChg chg="mod">
          <ac:chgData name="White, Alex" userId="eff6cc8c-37d8-483b-9c6c-6b27e9afa9bc" providerId="ADAL" clId="{BF04C754-5BF4-4E83-9615-DB14FA25AF8A}" dt="2023-10-12T11:38:08.274" v="295"/>
          <ac:spMkLst>
            <pc:docMk/>
            <pc:sldMk cId="2376958513" sldId="260"/>
            <ac:spMk id="8137" creationId="{D0FD3D1F-301E-357F-6CB6-95F985795EFF}"/>
          </ac:spMkLst>
        </pc:spChg>
        <pc:spChg chg="mod">
          <ac:chgData name="White, Alex" userId="eff6cc8c-37d8-483b-9c6c-6b27e9afa9bc" providerId="ADAL" clId="{BF04C754-5BF4-4E83-9615-DB14FA25AF8A}" dt="2023-10-12T11:38:08.274" v="295"/>
          <ac:spMkLst>
            <pc:docMk/>
            <pc:sldMk cId="2376958513" sldId="260"/>
            <ac:spMk id="8138" creationId="{5A70DD51-DDF2-37D6-A2C3-95F56FB39A57}"/>
          </ac:spMkLst>
        </pc:spChg>
        <pc:spChg chg="mod">
          <ac:chgData name="White, Alex" userId="eff6cc8c-37d8-483b-9c6c-6b27e9afa9bc" providerId="ADAL" clId="{BF04C754-5BF4-4E83-9615-DB14FA25AF8A}" dt="2023-10-12T11:38:08.274" v="295"/>
          <ac:spMkLst>
            <pc:docMk/>
            <pc:sldMk cId="2376958513" sldId="260"/>
            <ac:spMk id="8139" creationId="{74F7BF07-DE47-EEDD-1065-8B284F46C5CC}"/>
          </ac:spMkLst>
        </pc:spChg>
        <pc:spChg chg="mod">
          <ac:chgData name="White, Alex" userId="eff6cc8c-37d8-483b-9c6c-6b27e9afa9bc" providerId="ADAL" clId="{BF04C754-5BF4-4E83-9615-DB14FA25AF8A}" dt="2023-10-12T11:38:08.274" v="295"/>
          <ac:spMkLst>
            <pc:docMk/>
            <pc:sldMk cId="2376958513" sldId="260"/>
            <ac:spMk id="8140" creationId="{4CCCE74A-9C2E-F6B2-D7E4-F77D383F72CF}"/>
          </ac:spMkLst>
        </pc:spChg>
        <pc:spChg chg="mod">
          <ac:chgData name="White, Alex" userId="eff6cc8c-37d8-483b-9c6c-6b27e9afa9bc" providerId="ADAL" clId="{BF04C754-5BF4-4E83-9615-DB14FA25AF8A}" dt="2023-10-12T11:38:08.274" v="295"/>
          <ac:spMkLst>
            <pc:docMk/>
            <pc:sldMk cId="2376958513" sldId="260"/>
            <ac:spMk id="8141" creationId="{0B5D8315-ACD1-31AD-7404-A07E0783FAF3}"/>
          </ac:spMkLst>
        </pc:spChg>
        <pc:spChg chg="mod">
          <ac:chgData name="White, Alex" userId="eff6cc8c-37d8-483b-9c6c-6b27e9afa9bc" providerId="ADAL" clId="{BF04C754-5BF4-4E83-9615-DB14FA25AF8A}" dt="2023-10-12T11:38:08.274" v="295"/>
          <ac:spMkLst>
            <pc:docMk/>
            <pc:sldMk cId="2376958513" sldId="260"/>
            <ac:spMk id="8142" creationId="{94726695-21AC-062F-00BC-D437C0822059}"/>
          </ac:spMkLst>
        </pc:spChg>
        <pc:spChg chg="mod">
          <ac:chgData name="White, Alex" userId="eff6cc8c-37d8-483b-9c6c-6b27e9afa9bc" providerId="ADAL" clId="{BF04C754-5BF4-4E83-9615-DB14FA25AF8A}" dt="2023-10-12T11:38:08.274" v="295"/>
          <ac:spMkLst>
            <pc:docMk/>
            <pc:sldMk cId="2376958513" sldId="260"/>
            <ac:spMk id="8143" creationId="{94723B0C-A361-A9C4-BC41-46AEE3E3EE90}"/>
          </ac:spMkLst>
        </pc:spChg>
        <pc:spChg chg="mod">
          <ac:chgData name="White, Alex" userId="eff6cc8c-37d8-483b-9c6c-6b27e9afa9bc" providerId="ADAL" clId="{BF04C754-5BF4-4E83-9615-DB14FA25AF8A}" dt="2023-10-12T11:38:08.274" v="295"/>
          <ac:spMkLst>
            <pc:docMk/>
            <pc:sldMk cId="2376958513" sldId="260"/>
            <ac:spMk id="8144" creationId="{A3CB48B1-1504-16C8-9B8C-3AADE6E0E139}"/>
          </ac:spMkLst>
        </pc:spChg>
        <pc:spChg chg="mod">
          <ac:chgData name="White, Alex" userId="eff6cc8c-37d8-483b-9c6c-6b27e9afa9bc" providerId="ADAL" clId="{BF04C754-5BF4-4E83-9615-DB14FA25AF8A}" dt="2023-10-12T11:38:08.274" v="295"/>
          <ac:spMkLst>
            <pc:docMk/>
            <pc:sldMk cId="2376958513" sldId="260"/>
            <ac:spMk id="8145" creationId="{AC981129-5B29-46D9-791D-DD59E3679328}"/>
          </ac:spMkLst>
        </pc:spChg>
        <pc:spChg chg="mod">
          <ac:chgData name="White, Alex" userId="eff6cc8c-37d8-483b-9c6c-6b27e9afa9bc" providerId="ADAL" clId="{BF04C754-5BF4-4E83-9615-DB14FA25AF8A}" dt="2023-10-12T11:38:08.274" v="295"/>
          <ac:spMkLst>
            <pc:docMk/>
            <pc:sldMk cId="2376958513" sldId="260"/>
            <ac:spMk id="8146" creationId="{BAFE0EA4-01FB-72AA-1458-88E1B21DCBF3}"/>
          </ac:spMkLst>
        </pc:spChg>
        <pc:spChg chg="mod">
          <ac:chgData name="White, Alex" userId="eff6cc8c-37d8-483b-9c6c-6b27e9afa9bc" providerId="ADAL" clId="{BF04C754-5BF4-4E83-9615-DB14FA25AF8A}" dt="2023-10-12T11:38:08.274" v="295"/>
          <ac:spMkLst>
            <pc:docMk/>
            <pc:sldMk cId="2376958513" sldId="260"/>
            <ac:spMk id="8147" creationId="{6E2DCAD3-2DE4-0DB0-F55B-60F4EAC0B1AD}"/>
          </ac:spMkLst>
        </pc:spChg>
        <pc:spChg chg="mod">
          <ac:chgData name="White, Alex" userId="eff6cc8c-37d8-483b-9c6c-6b27e9afa9bc" providerId="ADAL" clId="{BF04C754-5BF4-4E83-9615-DB14FA25AF8A}" dt="2023-10-12T11:38:08.274" v="295"/>
          <ac:spMkLst>
            <pc:docMk/>
            <pc:sldMk cId="2376958513" sldId="260"/>
            <ac:spMk id="8148" creationId="{BD83479F-52D1-209A-9160-41CDCBD69D40}"/>
          </ac:spMkLst>
        </pc:spChg>
        <pc:spChg chg="mod">
          <ac:chgData name="White, Alex" userId="eff6cc8c-37d8-483b-9c6c-6b27e9afa9bc" providerId="ADAL" clId="{BF04C754-5BF4-4E83-9615-DB14FA25AF8A}" dt="2023-10-12T11:38:08.274" v="295"/>
          <ac:spMkLst>
            <pc:docMk/>
            <pc:sldMk cId="2376958513" sldId="260"/>
            <ac:spMk id="8149" creationId="{E0D74AE3-7816-50CF-5157-FC5AD056C4A4}"/>
          </ac:spMkLst>
        </pc:spChg>
        <pc:spChg chg="mod">
          <ac:chgData name="White, Alex" userId="eff6cc8c-37d8-483b-9c6c-6b27e9afa9bc" providerId="ADAL" clId="{BF04C754-5BF4-4E83-9615-DB14FA25AF8A}" dt="2023-10-12T11:38:08.274" v="295"/>
          <ac:spMkLst>
            <pc:docMk/>
            <pc:sldMk cId="2376958513" sldId="260"/>
            <ac:spMk id="8150" creationId="{F2D4D12B-2148-D5E8-2831-336B5384F728}"/>
          </ac:spMkLst>
        </pc:spChg>
        <pc:spChg chg="mod">
          <ac:chgData name="White, Alex" userId="eff6cc8c-37d8-483b-9c6c-6b27e9afa9bc" providerId="ADAL" clId="{BF04C754-5BF4-4E83-9615-DB14FA25AF8A}" dt="2023-10-12T11:38:08.274" v="295"/>
          <ac:spMkLst>
            <pc:docMk/>
            <pc:sldMk cId="2376958513" sldId="260"/>
            <ac:spMk id="8151" creationId="{4CC80ECE-43E4-DE86-FE02-829DFB9AC6C2}"/>
          </ac:spMkLst>
        </pc:spChg>
        <pc:spChg chg="mod">
          <ac:chgData name="White, Alex" userId="eff6cc8c-37d8-483b-9c6c-6b27e9afa9bc" providerId="ADAL" clId="{BF04C754-5BF4-4E83-9615-DB14FA25AF8A}" dt="2023-10-12T11:38:08.274" v="295"/>
          <ac:spMkLst>
            <pc:docMk/>
            <pc:sldMk cId="2376958513" sldId="260"/>
            <ac:spMk id="8152" creationId="{4E22AF76-7E90-37C7-69F7-4E917794E3A7}"/>
          </ac:spMkLst>
        </pc:spChg>
        <pc:spChg chg="mod">
          <ac:chgData name="White, Alex" userId="eff6cc8c-37d8-483b-9c6c-6b27e9afa9bc" providerId="ADAL" clId="{BF04C754-5BF4-4E83-9615-DB14FA25AF8A}" dt="2023-10-12T11:38:08.274" v="295"/>
          <ac:spMkLst>
            <pc:docMk/>
            <pc:sldMk cId="2376958513" sldId="260"/>
            <ac:spMk id="8153" creationId="{01B63796-AF5C-FE4E-1894-0FD35E159646}"/>
          </ac:spMkLst>
        </pc:spChg>
        <pc:spChg chg="mod">
          <ac:chgData name="White, Alex" userId="eff6cc8c-37d8-483b-9c6c-6b27e9afa9bc" providerId="ADAL" clId="{BF04C754-5BF4-4E83-9615-DB14FA25AF8A}" dt="2023-10-12T11:38:08.274" v="295"/>
          <ac:spMkLst>
            <pc:docMk/>
            <pc:sldMk cId="2376958513" sldId="260"/>
            <ac:spMk id="8154" creationId="{25C36AB0-5ACB-8F60-6DCA-C56E5EDD768F}"/>
          </ac:spMkLst>
        </pc:spChg>
        <pc:spChg chg="mod">
          <ac:chgData name="White, Alex" userId="eff6cc8c-37d8-483b-9c6c-6b27e9afa9bc" providerId="ADAL" clId="{BF04C754-5BF4-4E83-9615-DB14FA25AF8A}" dt="2023-10-12T11:38:08.274" v="295"/>
          <ac:spMkLst>
            <pc:docMk/>
            <pc:sldMk cId="2376958513" sldId="260"/>
            <ac:spMk id="8155" creationId="{9B8F185F-65D3-0B9F-29C5-B620CB94FD25}"/>
          </ac:spMkLst>
        </pc:spChg>
        <pc:spChg chg="mod">
          <ac:chgData name="White, Alex" userId="eff6cc8c-37d8-483b-9c6c-6b27e9afa9bc" providerId="ADAL" clId="{BF04C754-5BF4-4E83-9615-DB14FA25AF8A}" dt="2023-10-12T11:38:08.274" v="295"/>
          <ac:spMkLst>
            <pc:docMk/>
            <pc:sldMk cId="2376958513" sldId="260"/>
            <ac:spMk id="8156" creationId="{C000B7C2-F422-D7B5-7DD8-36FAB06A2853}"/>
          </ac:spMkLst>
        </pc:spChg>
        <pc:spChg chg="mod">
          <ac:chgData name="White, Alex" userId="eff6cc8c-37d8-483b-9c6c-6b27e9afa9bc" providerId="ADAL" clId="{BF04C754-5BF4-4E83-9615-DB14FA25AF8A}" dt="2023-10-12T11:38:08.274" v="295"/>
          <ac:spMkLst>
            <pc:docMk/>
            <pc:sldMk cId="2376958513" sldId="260"/>
            <ac:spMk id="8157" creationId="{C0C69D53-6B70-D559-01B2-D80CA421B79B}"/>
          </ac:spMkLst>
        </pc:spChg>
        <pc:spChg chg="mod">
          <ac:chgData name="White, Alex" userId="eff6cc8c-37d8-483b-9c6c-6b27e9afa9bc" providerId="ADAL" clId="{BF04C754-5BF4-4E83-9615-DB14FA25AF8A}" dt="2023-10-12T11:38:08.274" v="295"/>
          <ac:spMkLst>
            <pc:docMk/>
            <pc:sldMk cId="2376958513" sldId="260"/>
            <ac:spMk id="8158" creationId="{D3053569-EFDD-A3F1-6FD8-9C4BF93C49A5}"/>
          </ac:spMkLst>
        </pc:spChg>
        <pc:spChg chg="mod">
          <ac:chgData name="White, Alex" userId="eff6cc8c-37d8-483b-9c6c-6b27e9afa9bc" providerId="ADAL" clId="{BF04C754-5BF4-4E83-9615-DB14FA25AF8A}" dt="2023-10-12T11:38:08.274" v="295"/>
          <ac:spMkLst>
            <pc:docMk/>
            <pc:sldMk cId="2376958513" sldId="260"/>
            <ac:spMk id="8159" creationId="{988186CC-10FC-0928-1A21-20438D772A98}"/>
          </ac:spMkLst>
        </pc:spChg>
        <pc:spChg chg="mod">
          <ac:chgData name="White, Alex" userId="eff6cc8c-37d8-483b-9c6c-6b27e9afa9bc" providerId="ADAL" clId="{BF04C754-5BF4-4E83-9615-DB14FA25AF8A}" dt="2023-10-12T11:38:08.274" v="295"/>
          <ac:spMkLst>
            <pc:docMk/>
            <pc:sldMk cId="2376958513" sldId="260"/>
            <ac:spMk id="8160" creationId="{FE52F0CB-C22D-F79B-4623-958F609AAA50}"/>
          </ac:spMkLst>
        </pc:spChg>
        <pc:spChg chg="mod">
          <ac:chgData name="White, Alex" userId="eff6cc8c-37d8-483b-9c6c-6b27e9afa9bc" providerId="ADAL" clId="{BF04C754-5BF4-4E83-9615-DB14FA25AF8A}" dt="2023-10-12T11:38:08.274" v="295"/>
          <ac:spMkLst>
            <pc:docMk/>
            <pc:sldMk cId="2376958513" sldId="260"/>
            <ac:spMk id="8161" creationId="{3139EC69-54BB-5F31-3764-EBA9D359ECC4}"/>
          </ac:spMkLst>
        </pc:spChg>
        <pc:spChg chg="mod">
          <ac:chgData name="White, Alex" userId="eff6cc8c-37d8-483b-9c6c-6b27e9afa9bc" providerId="ADAL" clId="{BF04C754-5BF4-4E83-9615-DB14FA25AF8A}" dt="2023-10-12T11:38:08.274" v="295"/>
          <ac:spMkLst>
            <pc:docMk/>
            <pc:sldMk cId="2376958513" sldId="260"/>
            <ac:spMk id="8162" creationId="{AF3EEB68-1181-485E-31E6-2F8C3D128070}"/>
          </ac:spMkLst>
        </pc:spChg>
        <pc:spChg chg="mod">
          <ac:chgData name="White, Alex" userId="eff6cc8c-37d8-483b-9c6c-6b27e9afa9bc" providerId="ADAL" clId="{BF04C754-5BF4-4E83-9615-DB14FA25AF8A}" dt="2023-10-12T11:38:08.274" v="295"/>
          <ac:spMkLst>
            <pc:docMk/>
            <pc:sldMk cId="2376958513" sldId="260"/>
            <ac:spMk id="8163" creationId="{F8AE0EBC-11AE-56F7-FAFD-829EAB502716}"/>
          </ac:spMkLst>
        </pc:spChg>
        <pc:spChg chg="mod">
          <ac:chgData name="White, Alex" userId="eff6cc8c-37d8-483b-9c6c-6b27e9afa9bc" providerId="ADAL" clId="{BF04C754-5BF4-4E83-9615-DB14FA25AF8A}" dt="2023-10-12T11:38:08.274" v="295"/>
          <ac:spMkLst>
            <pc:docMk/>
            <pc:sldMk cId="2376958513" sldId="260"/>
            <ac:spMk id="8164" creationId="{46FCA97F-F67F-C7B8-E4F1-FA7302EE4244}"/>
          </ac:spMkLst>
        </pc:spChg>
        <pc:spChg chg="mod">
          <ac:chgData name="White, Alex" userId="eff6cc8c-37d8-483b-9c6c-6b27e9afa9bc" providerId="ADAL" clId="{BF04C754-5BF4-4E83-9615-DB14FA25AF8A}" dt="2023-10-12T11:38:08.274" v="295"/>
          <ac:spMkLst>
            <pc:docMk/>
            <pc:sldMk cId="2376958513" sldId="260"/>
            <ac:spMk id="8165" creationId="{09A2B6B0-560E-3A24-091C-FE17DC19EB6F}"/>
          </ac:spMkLst>
        </pc:spChg>
        <pc:spChg chg="mod">
          <ac:chgData name="White, Alex" userId="eff6cc8c-37d8-483b-9c6c-6b27e9afa9bc" providerId="ADAL" clId="{BF04C754-5BF4-4E83-9615-DB14FA25AF8A}" dt="2023-10-12T11:38:08.274" v="295"/>
          <ac:spMkLst>
            <pc:docMk/>
            <pc:sldMk cId="2376958513" sldId="260"/>
            <ac:spMk id="8166" creationId="{3BBE3D8A-A34D-5921-D1D2-22EFCC5A7824}"/>
          </ac:spMkLst>
        </pc:spChg>
        <pc:spChg chg="mod">
          <ac:chgData name="White, Alex" userId="eff6cc8c-37d8-483b-9c6c-6b27e9afa9bc" providerId="ADAL" clId="{BF04C754-5BF4-4E83-9615-DB14FA25AF8A}" dt="2023-10-12T11:38:08.274" v="295"/>
          <ac:spMkLst>
            <pc:docMk/>
            <pc:sldMk cId="2376958513" sldId="260"/>
            <ac:spMk id="8167" creationId="{C9BB7A3D-FDDA-B9B4-7032-5CA0382E976B}"/>
          </ac:spMkLst>
        </pc:spChg>
        <pc:spChg chg="mod">
          <ac:chgData name="White, Alex" userId="eff6cc8c-37d8-483b-9c6c-6b27e9afa9bc" providerId="ADAL" clId="{BF04C754-5BF4-4E83-9615-DB14FA25AF8A}" dt="2023-10-12T11:38:08.274" v="295"/>
          <ac:spMkLst>
            <pc:docMk/>
            <pc:sldMk cId="2376958513" sldId="260"/>
            <ac:spMk id="8168" creationId="{0EA192DE-F823-8A74-14CE-0B198082DB4B}"/>
          </ac:spMkLst>
        </pc:spChg>
        <pc:spChg chg="mod">
          <ac:chgData name="White, Alex" userId="eff6cc8c-37d8-483b-9c6c-6b27e9afa9bc" providerId="ADAL" clId="{BF04C754-5BF4-4E83-9615-DB14FA25AF8A}" dt="2023-10-12T11:38:08.274" v="295"/>
          <ac:spMkLst>
            <pc:docMk/>
            <pc:sldMk cId="2376958513" sldId="260"/>
            <ac:spMk id="8169" creationId="{7F5063E0-F6B6-A3EF-EA90-D71895BF6C4E}"/>
          </ac:spMkLst>
        </pc:spChg>
        <pc:spChg chg="mod">
          <ac:chgData name="White, Alex" userId="eff6cc8c-37d8-483b-9c6c-6b27e9afa9bc" providerId="ADAL" clId="{BF04C754-5BF4-4E83-9615-DB14FA25AF8A}" dt="2023-10-12T11:38:08.274" v="295"/>
          <ac:spMkLst>
            <pc:docMk/>
            <pc:sldMk cId="2376958513" sldId="260"/>
            <ac:spMk id="8170" creationId="{6A0DBF89-7A02-420E-B6DD-DFC15E374F52}"/>
          </ac:spMkLst>
        </pc:spChg>
        <pc:spChg chg="mod">
          <ac:chgData name="White, Alex" userId="eff6cc8c-37d8-483b-9c6c-6b27e9afa9bc" providerId="ADAL" clId="{BF04C754-5BF4-4E83-9615-DB14FA25AF8A}" dt="2023-10-12T11:38:08.274" v="295"/>
          <ac:spMkLst>
            <pc:docMk/>
            <pc:sldMk cId="2376958513" sldId="260"/>
            <ac:spMk id="8171" creationId="{AEB1C55E-CE7E-C10B-D8FA-5BCB1B87CFA0}"/>
          </ac:spMkLst>
        </pc:spChg>
        <pc:spChg chg="mod">
          <ac:chgData name="White, Alex" userId="eff6cc8c-37d8-483b-9c6c-6b27e9afa9bc" providerId="ADAL" clId="{BF04C754-5BF4-4E83-9615-DB14FA25AF8A}" dt="2023-10-12T11:38:08.274" v="295"/>
          <ac:spMkLst>
            <pc:docMk/>
            <pc:sldMk cId="2376958513" sldId="260"/>
            <ac:spMk id="8172" creationId="{DEF94ED0-C00F-0884-5B5B-6E3E11BBB99A}"/>
          </ac:spMkLst>
        </pc:spChg>
        <pc:spChg chg="mod">
          <ac:chgData name="White, Alex" userId="eff6cc8c-37d8-483b-9c6c-6b27e9afa9bc" providerId="ADAL" clId="{BF04C754-5BF4-4E83-9615-DB14FA25AF8A}" dt="2023-10-12T11:38:08.274" v="295"/>
          <ac:spMkLst>
            <pc:docMk/>
            <pc:sldMk cId="2376958513" sldId="260"/>
            <ac:spMk id="8173" creationId="{BB321A15-0DDD-59A6-48DD-22879EB5F7C7}"/>
          </ac:spMkLst>
        </pc:spChg>
        <pc:spChg chg="mod">
          <ac:chgData name="White, Alex" userId="eff6cc8c-37d8-483b-9c6c-6b27e9afa9bc" providerId="ADAL" clId="{BF04C754-5BF4-4E83-9615-DB14FA25AF8A}" dt="2023-10-12T11:38:08.274" v="295"/>
          <ac:spMkLst>
            <pc:docMk/>
            <pc:sldMk cId="2376958513" sldId="260"/>
            <ac:spMk id="8174" creationId="{D1BBBCEA-5B62-6D22-8438-AC1F7297367B}"/>
          </ac:spMkLst>
        </pc:spChg>
        <pc:spChg chg="mod">
          <ac:chgData name="White, Alex" userId="eff6cc8c-37d8-483b-9c6c-6b27e9afa9bc" providerId="ADAL" clId="{BF04C754-5BF4-4E83-9615-DB14FA25AF8A}" dt="2023-10-12T11:38:08.274" v="295"/>
          <ac:spMkLst>
            <pc:docMk/>
            <pc:sldMk cId="2376958513" sldId="260"/>
            <ac:spMk id="8175" creationId="{25EDE4A8-4800-93F3-8007-D132BC0438AA}"/>
          </ac:spMkLst>
        </pc:spChg>
        <pc:spChg chg="mod">
          <ac:chgData name="White, Alex" userId="eff6cc8c-37d8-483b-9c6c-6b27e9afa9bc" providerId="ADAL" clId="{BF04C754-5BF4-4E83-9615-DB14FA25AF8A}" dt="2023-10-12T11:38:08.274" v="295"/>
          <ac:spMkLst>
            <pc:docMk/>
            <pc:sldMk cId="2376958513" sldId="260"/>
            <ac:spMk id="8176" creationId="{CAF2E33F-195F-F9C7-7892-FCA61D66A47A}"/>
          </ac:spMkLst>
        </pc:spChg>
        <pc:spChg chg="mod">
          <ac:chgData name="White, Alex" userId="eff6cc8c-37d8-483b-9c6c-6b27e9afa9bc" providerId="ADAL" clId="{BF04C754-5BF4-4E83-9615-DB14FA25AF8A}" dt="2023-10-12T11:38:08.274" v="295"/>
          <ac:spMkLst>
            <pc:docMk/>
            <pc:sldMk cId="2376958513" sldId="260"/>
            <ac:spMk id="8177" creationId="{F9863C15-7DA2-0D0B-A995-F7444433F6C3}"/>
          </ac:spMkLst>
        </pc:spChg>
        <pc:spChg chg="mod">
          <ac:chgData name="White, Alex" userId="eff6cc8c-37d8-483b-9c6c-6b27e9afa9bc" providerId="ADAL" clId="{BF04C754-5BF4-4E83-9615-DB14FA25AF8A}" dt="2023-10-12T11:38:08.274" v="295"/>
          <ac:spMkLst>
            <pc:docMk/>
            <pc:sldMk cId="2376958513" sldId="260"/>
            <ac:spMk id="8178" creationId="{21094D73-394F-3218-50BC-9EDCD1C7D39D}"/>
          </ac:spMkLst>
        </pc:spChg>
        <pc:spChg chg="mod">
          <ac:chgData name="White, Alex" userId="eff6cc8c-37d8-483b-9c6c-6b27e9afa9bc" providerId="ADAL" clId="{BF04C754-5BF4-4E83-9615-DB14FA25AF8A}" dt="2023-10-12T11:38:08.274" v="295"/>
          <ac:spMkLst>
            <pc:docMk/>
            <pc:sldMk cId="2376958513" sldId="260"/>
            <ac:spMk id="8179" creationId="{A55DF526-3BF2-6294-01F3-B41215602A54}"/>
          </ac:spMkLst>
        </pc:spChg>
        <pc:spChg chg="mod">
          <ac:chgData name="White, Alex" userId="eff6cc8c-37d8-483b-9c6c-6b27e9afa9bc" providerId="ADAL" clId="{BF04C754-5BF4-4E83-9615-DB14FA25AF8A}" dt="2023-10-12T11:38:08.274" v="295"/>
          <ac:spMkLst>
            <pc:docMk/>
            <pc:sldMk cId="2376958513" sldId="260"/>
            <ac:spMk id="8180" creationId="{8AF3B01C-DCF6-88E7-95B4-E44092BBEF07}"/>
          </ac:spMkLst>
        </pc:spChg>
        <pc:spChg chg="mod">
          <ac:chgData name="White, Alex" userId="eff6cc8c-37d8-483b-9c6c-6b27e9afa9bc" providerId="ADAL" clId="{BF04C754-5BF4-4E83-9615-DB14FA25AF8A}" dt="2023-10-12T11:38:08.274" v="295"/>
          <ac:spMkLst>
            <pc:docMk/>
            <pc:sldMk cId="2376958513" sldId="260"/>
            <ac:spMk id="8181" creationId="{6207EA04-CA1C-FDD4-C7CA-EECE17CBEE59}"/>
          </ac:spMkLst>
        </pc:spChg>
        <pc:spChg chg="mod">
          <ac:chgData name="White, Alex" userId="eff6cc8c-37d8-483b-9c6c-6b27e9afa9bc" providerId="ADAL" clId="{BF04C754-5BF4-4E83-9615-DB14FA25AF8A}" dt="2023-10-12T11:38:08.274" v="295"/>
          <ac:spMkLst>
            <pc:docMk/>
            <pc:sldMk cId="2376958513" sldId="260"/>
            <ac:spMk id="8182" creationId="{5302B779-38FD-0558-832A-967AF933CB5B}"/>
          </ac:spMkLst>
        </pc:spChg>
        <pc:spChg chg="mod">
          <ac:chgData name="White, Alex" userId="eff6cc8c-37d8-483b-9c6c-6b27e9afa9bc" providerId="ADAL" clId="{BF04C754-5BF4-4E83-9615-DB14FA25AF8A}" dt="2023-10-12T11:38:08.274" v="295"/>
          <ac:spMkLst>
            <pc:docMk/>
            <pc:sldMk cId="2376958513" sldId="260"/>
            <ac:spMk id="8183" creationId="{9F8475F7-F8BD-EB2A-8BB2-DC3800A1D615}"/>
          </ac:spMkLst>
        </pc:spChg>
        <pc:spChg chg="mod">
          <ac:chgData name="White, Alex" userId="eff6cc8c-37d8-483b-9c6c-6b27e9afa9bc" providerId="ADAL" clId="{BF04C754-5BF4-4E83-9615-DB14FA25AF8A}" dt="2023-10-12T11:38:08.274" v="295"/>
          <ac:spMkLst>
            <pc:docMk/>
            <pc:sldMk cId="2376958513" sldId="260"/>
            <ac:spMk id="8184" creationId="{49524298-DE8C-51D4-BA34-20A83D72DC5E}"/>
          </ac:spMkLst>
        </pc:spChg>
        <pc:spChg chg="mod">
          <ac:chgData name="White, Alex" userId="eff6cc8c-37d8-483b-9c6c-6b27e9afa9bc" providerId="ADAL" clId="{BF04C754-5BF4-4E83-9615-DB14FA25AF8A}" dt="2023-10-12T11:38:08.274" v="295"/>
          <ac:spMkLst>
            <pc:docMk/>
            <pc:sldMk cId="2376958513" sldId="260"/>
            <ac:spMk id="8185" creationId="{3F3BE427-939D-EE1E-348E-4BEF0143D82C}"/>
          </ac:spMkLst>
        </pc:spChg>
        <pc:spChg chg="mod">
          <ac:chgData name="White, Alex" userId="eff6cc8c-37d8-483b-9c6c-6b27e9afa9bc" providerId="ADAL" clId="{BF04C754-5BF4-4E83-9615-DB14FA25AF8A}" dt="2023-10-12T11:38:08.274" v="295"/>
          <ac:spMkLst>
            <pc:docMk/>
            <pc:sldMk cId="2376958513" sldId="260"/>
            <ac:spMk id="8186" creationId="{CA818B48-0BDB-38CB-7666-1B2686DF5612}"/>
          </ac:spMkLst>
        </pc:spChg>
        <pc:spChg chg="mod">
          <ac:chgData name="White, Alex" userId="eff6cc8c-37d8-483b-9c6c-6b27e9afa9bc" providerId="ADAL" clId="{BF04C754-5BF4-4E83-9615-DB14FA25AF8A}" dt="2023-10-12T11:38:08.274" v="295"/>
          <ac:spMkLst>
            <pc:docMk/>
            <pc:sldMk cId="2376958513" sldId="260"/>
            <ac:spMk id="8187" creationId="{D89278F8-34E2-4690-5FBE-903CC6EF412A}"/>
          </ac:spMkLst>
        </pc:spChg>
        <pc:spChg chg="mod">
          <ac:chgData name="White, Alex" userId="eff6cc8c-37d8-483b-9c6c-6b27e9afa9bc" providerId="ADAL" clId="{BF04C754-5BF4-4E83-9615-DB14FA25AF8A}" dt="2023-10-12T11:38:08.274" v="295"/>
          <ac:spMkLst>
            <pc:docMk/>
            <pc:sldMk cId="2376958513" sldId="260"/>
            <ac:spMk id="8188" creationId="{8A32B7A2-E18F-5FF6-A666-8CE70775CE80}"/>
          </ac:spMkLst>
        </pc:spChg>
        <pc:spChg chg="mod">
          <ac:chgData name="White, Alex" userId="eff6cc8c-37d8-483b-9c6c-6b27e9afa9bc" providerId="ADAL" clId="{BF04C754-5BF4-4E83-9615-DB14FA25AF8A}" dt="2023-10-12T11:38:08.274" v="295"/>
          <ac:spMkLst>
            <pc:docMk/>
            <pc:sldMk cId="2376958513" sldId="260"/>
            <ac:spMk id="8189" creationId="{33DA9EC2-D582-8030-79DE-5B2529A8FE1B}"/>
          </ac:spMkLst>
        </pc:spChg>
        <pc:spChg chg="mod">
          <ac:chgData name="White, Alex" userId="eff6cc8c-37d8-483b-9c6c-6b27e9afa9bc" providerId="ADAL" clId="{BF04C754-5BF4-4E83-9615-DB14FA25AF8A}" dt="2023-10-12T11:38:08.274" v="295"/>
          <ac:spMkLst>
            <pc:docMk/>
            <pc:sldMk cId="2376958513" sldId="260"/>
            <ac:spMk id="8190" creationId="{7D320BD7-EB57-4F5D-32CB-DC8B1A2E2FE9}"/>
          </ac:spMkLst>
        </pc:spChg>
        <pc:spChg chg="mod">
          <ac:chgData name="White, Alex" userId="eff6cc8c-37d8-483b-9c6c-6b27e9afa9bc" providerId="ADAL" clId="{BF04C754-5BF4-4E83-9615-DB14FA25AF8A}" dt="2023-10-12T11:38:08.274" v="295"/>
          <ac:spMkLst>
            <pc:docMk/>
            <pc:sldMk cId="2376958513" sldId="260"/>
            <ac:spMk id="8191" creationId="{21A38FD2-97FE-61B2-5617-C395CC75A43A}"/>
          </ac:spMkLst>
        </pc:spChg>
        <pc:spChg chg="mod">
          <ac:chgData name="White, Alex" userId="eff6cc8c-37d8-483b-9c6c-6b27e9afa9bc" providerId="ADAL" clId="{BF04C754-5BF4-4E83-9615-DB14FA25AF8A}" dt="2023-10-12T11:38:08.274" v="295"/>
          <ac:spMkLst>
            <pc:docMk/>
            <pc:sldMk cId="2376958513" sldId="260"/>
            <ac:spMk id="8192" creationId="{EAC4FEC4-6653-2104-8A55-25F617B49D5E}"/>
          </ac:spMkLst>
        </pc:spChg>
        <pc:spChg chg="mod">
          <ac:chgData name="White, Alex" userId="eff6cc8c-37d8-483b-9c6c-6b27e9afa9bc" providerId="ADAL" clId="{BF04C754-5BF4-4E83-9615-DB14FA25AF8A}" dt="2023-10-12T11:38:08.274" v="295"/>
          <ac:spMkLst>
            <pc:docMk/>
            <pc:sldMk cId="2376958513" sldId="260"/>
            <ac:spMk id="8193" creationId="{04F18D5A-E2E1-EE77-EEDD-FBA81541173E}"/>
          </ac:spMkLst>
        </pc:spChg>
        <pc:spChg chg="mod">
          <ac:chgData name="White, Alex" userId="eff6cc8c-37d8-483b-9c6c-6b27e9afa9bc" providerId="ADAL" clId="{BF04C754-5BF4-4E83-9615-DB14FA25AF8A}" dt="2023-10-12T11:38:08.274" v="295"/>
          <ac:spMkLst>
            <pc:docMk/>
            <pc:sldMk cId="2376958513" sldId="260"/>
            <ac:spMk id="8194" creationId="{BAAC3D20-354A-E198-E38E-77731E2BD6CB}"/>
          </ac:spMkLst>
        </pc:spChg>
        <pc:spChg chg="mod">
          <ac:chgData name="White, Alex" userId="eff6cc8c-37d8-483b-9c6c-6b27e9afa9bc" providerId="ADAL" clId="{BF04C754-5BF4-4E83-9615-DB14FA25AF8A}" dt="2023-10-12T11:38:08.274" v="295"/>
          <ac:spMkLst>
            <pc:docMk/>
            <pc:sldMk cId="2376958513" sldId="260"/>
            <ac:spMk id="8195" creationId="{5A231050-FAB4-897D-BF3F-06A8E06D9408}"/>
          </ac:spMkLst>
        </pc:spChg>
        <pc:spChg chg="mod">
          <ac:chgData name="White, Alex" userId="eff6cc8c-37d8-483b-9c6c-6b27e9afa9bc" providerId="ADAL" clId="{BF04C754-5BF4-4E83-9615-DB14FA25AF8A}" dt="2023-10-12T11:38:08.274" v="295"/>
          <ac:spMkLst>
            <pc:docMk/>
            <pc:sldMk cId="2376958513" sldId="260"/>
            <ac:spMk id="8196" creationId="{BDE946FA-145B-4884-AE2A-BAF060D51C79}"/>
          </ac:spMkLst>
        </pc:spChg>
        <pc:spChg chg="mod">
          <ac:chgData name="White, Alex" userId="eff6cc8c-37d8-483b-9c6c-6b27e9afa9bc" providerId="ADAL" clId="{BF04C754-5BF4-4E83-9615-DB14FA25AF8A}" dt="2023-10-12T11:38:08.274" v="295"/>
          <ac:spMkLst>
            <pc:docMk/>
            <pc:sldMk cId="2376958513" sldId="260"/>
            <ac:spMk id="8197" creationId="{332C6872-066B-E9E8-A999-6B4D565DE194}"/>
          </ac:spMkLst>
        </pc:spChg>
        <pc:spChg chg="mod">
          <ac:chgData name="White, Alex" userId="eff6cc8c-37d8-483b-9c6c-6b27e9afa9bc" providerId="ADAL" clId="{BF04C754-5BF4-4E83-9615-DB14FA25AF8A}" dt="2023-10-12T11:38:08.274" v="295"/>
          <ac:spMkLst>
            <pc:docMk/>
            <pc:sldMk cId="2376958513" sldId="260"/>
            <ac:spMk id="8198" creationId="{45AA031B-F580-808F-E0CA-05D52898A1D4}"/>
          </ac:spMkLst>
        </pc:spChg>
        <pc:spChg chg="mod">
          <ac:chgData name="White, Alex" userId="eff6cc8c-37d8-483b-9c6c-6b27e9afa9bc" providerId="ADAL" clId="{BF04C754-5BF4-4E83-9615-DB14FA25AF8A}" dt="2023-10-12T11:38:08.274" v="295"/>
          <ac:spMkLst>
            <pc:docMk/>
            <pc:sldMk cId="2376958513" sldId="260"/>
            <ac:spMk id="8199" creationId="{7A9070B1-C6EA-24EA-E72F-A41899D78B5B}"/>
          </ac:spMkLst>
        </pc:spChg>
        <pc:spChg chg="mod">
          <ac:chgData name="White, Alex" userId="eff6cc8c-37d8-483b-9c6c-6b27e9afa9bc" providerId="ADAL" clId="{BF04C754-5BF4-4E83-9615-DB14FA25AF8A}" dt="2023-10-12T11:38:08.274" v="295"/>
          <ac:spMkLst>
            <pc:docMk/>
            <pc:sldMk cId="2376958513" sldId="260"/>
            <ac:spMk id="8200" creationId="{3A1D536D-EA27-8EC0-5D76-2FCC9EB58D70}"/>
          </ac:spMkLst>
        </pc:spChg>
        <pc:spChg chg="mod">
          <ac:chgData name="White, Alex" userId="eff6cc8c-37d8-483b-9c6c-6b27e9afa9bc" providerId="ADAL" clId="{BF04C754-5BF4-4E83-9615-DB14FA25AF8A}" dt="2023-10-12T11:38:08.274" v="295"/>
          <ac:spMkLst>
            <pc:docMk/>
            <pc:sldMk cId="2376958513" sldId="260"/>
            <ac:spMk id="8201" creationId="{EA9BBE9B-06B9-10FB-D7A0-C6E262397970}"/>
          </ac:spMkLst>
        </pc:spChg>
        <pc:spChg chg="mod">
          <ac:chgData name="White, Alex" userId="eff6cc8c-37d8-483b-9c6c-6b27e9afa9bc" providerId="ADAL" clId="{BF04C754-5BF4-4E83-9615-DB14FA25AF8A}" dt="2023-10-12T11:38:08.274" v="295"/>
          <ac:spMkLst>
            <pc:docMk/>
            <pc:sldMk cId="2376958513" sldId="260"/>
            <ac:spMk id="8202" creationId="{ED060CA1-5A18-9AD0-3C34-C3587E38C1AF}"/>
          </ac:spMkLst>
        </pc:spChg>
        <pc:spChg chg="mod">
          <ac:chgData name="White, Alex" userId="eff6cc8c-37d8-483b-9c6c-6b27e9afa9bc" providerId="ADAL" clId="{BF04C754-5BF4-4E83-9615-DB14FA25AF8A}" dt="2023-10-12T11:38:08.274" v="295"/>
          <ac:spMkLst>
            <pc:docMk/>
            <pc:sldMk cId="2376958513" sldId="260"/>
            <ac:spMk id="8203" creationId="{EDBC3CDF-84AC-3D85-C793-D35BE355A558}"/>
          </ac:spMkLst>
        </pc:spChg>
        <pc:spChg chg="mod">
          <ac:chgData name="White, Alex" userId="eff6cc8c-37d8-483b-9c6c-6b27e9afa9bc" providerId="ADAL" clId="{BF04C754-5BF4-4E83-9615-DB14FA25AF8A}" dt="2023-10-12T11:38:08.274" v="295"/>
          <ac:spMkLst>
            <pc:docMk/>
            <pc:sldMk cId="2376958513" sldId="260"/>
            <ac:spMk id="8204" creationId="{BC5BDC38-27D3-F272-2FCB-C1F68E572FE3}"/>
          </ac:spMkLst>
        </pc:spChg>
        <pc:spChg chg="mod">
          <ac:chgData name="White, Alex" userId="eff6cc8c-37d8-483b-9c6c-6b27e9afa9bc" providerId="ADAL" clId="{BF04C754-5BF4-4E83-9615-DB14FA25AF8A}" dt="2023-10-12T11:38:08.274" v="295"/>
          <ac:spMkLst>
            <pc:docMk/>
            <pc:sldMk cId="2376958513" sldId="260"/>
            <ac:spMk id="8205" creationId="{19D5AE05-6832-42FB-7A22-C7411291A57D}"/>
          </ac:spMkLst>
        </pc:spChg>
        <pc:spChg chg="mod">
          <ac:chgData name="White, Alex" userId="eff6cc8c-37d8-483b-9c6c-6b27e9afa9bc" providerId="ADAL" clId="{BF04C754-5BF4-4E83-9615-DB14FA25AF8A}" dt="2023-10-12T11:38:08.274" v="295"/>
          <ac:spMkLst>
            <pc:docMk/>
            <pc:sldMk cId="2376958513" sldId="260"/>
            <ac:spMk id="8206" creationId="{4E86D916-499B-C319-6CFA-79DF7B124885}"/>
          </ac:spMkLst>
        </pc:spChg>
        <pc:spChg chg="mod">
          <ac:chgData name="White, Alex" userId="eff6cc8c-37d8-483b-9c6c-6b27e9afa9bc" providerId="ADAL" clId="{BF04C754-5BF4-4E83-9615-DB14FA25AF8A}" dt="2023-10-12T11:38:08.274" v="295"/>
          <ac:spMkLst>
            <pc:docMk/>
            <pc:sldMk cId="2376958513" sldId="260"/>
            <ac:spMk id="8207" creationId="{C1568D89-77A7-DB79-8388-70012608B027}"/>
          </ac:spMkLst>
        </pc:spChg>
        <pc:spChg chg="mod">
          <ac:chgData name="White, Alex" userId="eff6cc8c-37d8-483b-9c6c-6b27e9afa9bc" providerId="ADAL" clId="{BF04C754-5BF4-4E83-9615-DB14FA25AF8A}" dt="2023-10-12T11:38:08.274" v="295"/>
          <ac:spMkLst>
            <pc:docMk/>
            <pc:sldMk cId="2376958513" sldId="260"/>
            <ac:spMk id="8208" creationId="{467DB2F4-783B-2310-4A36-F30297040FF4}"/>
          </ac:spMkLst>
        </pc:spChg>
        <pc:spChg chg="mod">
          <ac:chgData name="White, Alex" userId="eff6cc8c-37d8-483b-9c6c-6b27e9afa9bc" providerId="ADAL" clId="{BF04C754-5BF4-4E83-9615-DB14FA25AF8A}" dt="2023-10-12T11:38:08.274" v="295"/>
          <ac:spMkLst>
            <pc:docMk/>
            <pc:sldMk cId="2376958513" sldId="260"/>
            <ac:spMk id="8209" creationId="{F1C272AB-AD0C-89E9-ADB4-FB275C7434F4}"/>
          </ac:spMkLst>
        </pc:spChg>
        <pc:spChg chg="mod">
          <ac:chgData name="White, Alex" userId="eff6cc8c-37d8-483b-9c6c-6b27e9afa9bc" providerId="ADAL" clId="{BF04C754-5BF4-4E83-9615-DB14FA25AF8A}" dt="2023-10-12T11:38:08.274" v="295"/>
          <ac:spMkLst>
            <pc:docMk/>
            <pc:sldMk cId="2376958513" sldId="260"/>
            <ac:spMk id="8210" creationId="{4487F93F-D6CB-9E5F-E504-6933F09D608A}"/>
          </ac:spMkLst>
        </pc:spChg>
        <pc:spChg chg="mod">
          <ac:chgData name="White, Alex" userId="eff6cc8c-37d8-483b-9c6c-6b27e9afa9bc" providerId="ADAL" clId="{BF04C754-5BF4-4E83-9615-DB14FA25AF8A}" dt="2023-10-12T11:38:08.274" v="295"/>
          <ac:spMkLst>
            <pc:docMk/>
            <pc:sldMk cId="2376958513" sldId="260"/>
            <ac:spMk id="8211" creationId="{E18CCDA1-5E81-EE0A-F049-4DB9356CC0C3}"/>
          </ac:spMkLst>
        </pc:spChg>
        <pc:spChg chg="mod">
          <ac:chgData name="White, Alex" userId="eff6cc8c-37d8-483b-9c6c-6b27e9afa9bc" providerId="ADAL" clId="{BF04C754-5BF4-4E83-9615-DB14FA25AF8A}" dt="2023-10-12T11:38:08.274" v="295"/>
          <ac:spMkLst>
            <pc:docMk/>
            <pc:sldMk cId="2376958513" sldId="260"/>
            <ac:spMk id="8212" creationId="{DA3AD063-79CB-2B11-A8C3-A185DEB37721}"/>
          </ac:spMkLst>
        </pc:spChg>
        <pc:spChg chg="mod">
          <ac:chgData name="White, Alex" userId="eff6cc8c-37d8-483b-9c6c-6b27e9afa9bc" providerId="ADAL" clId="{BF04C754-5BF4-4E83-9615-DB14FA25AF8A}" dt="2023-10-12T11:38:08.274" v="295"/>
          <ac:spMkLst>
            <pc:docMk/>
            <pc:sldMk cId="2376958513" sldId="260"/>
            <ac:spMk id="8213" creationId="{E61E6FA7-11A0-3CC3-AD39-42F6AA85EC5B}"/>
          </ac:spMkLst>
        </pc:spChg>
        <pc:spChg chg="mod">
          <ac:chgData name="White, Alex" userId="eff6cc8c-37d8-483b-9c6c-6b27e9afa9bc" providerId="ADAL" clId="{BF04C754-5BF4-4E83-9615-DB14FA25AF8A}" dt="2023-10-12T11:38:08.274" v="295"/>
          <ac:spMkLst>
            <pc:docMk/>
            <pc:sldMk cId="2376958513" sldId="260"/>
            <ac:spMk id="8214" creationId="{5E19C30C-2C2D-63B6-3942-2E1437AE71C7}"/>
          </ac:spMkLst>
        </pc:spChg>
        <pc:spChg chg="mod">
          <ac:chgData name="White, Alex" userId="eff6cc8c-37d8-483b-9c6c-6b27e9afa9bc" providerId="ADAL" clId="{BF04C754-5BF4-4E83-9615-DB14FA25AF8A}" dt="2023-10-12T11:38:08.274" v="295"/>
          <ac:spMkLst>
            <pc:docMk/>
            <pc:sldMk cId="2376958513" sldId="260"/>
            <ac:spMk id="8215" creationId="{E74DCFA5-D52C-D8F0-346E-B2FAC638A67B}"/>
          </ac:spMkLst>
        </pc:spChg>
        <pc:spChg chg="mod">
          <ac:chgData name="White, Alex" userId="eff6cc8c-37d8-483b-9c6c-6b27e9afa9bc" providerId="ADAL" clId="{BF04C754-5BF4-4E83-9615-DB14FA25AF8A}" dt="2023-10-12T11:38:08.274" v="295"/>
          <ac:spMkLst>
            <pc:docMk/>
            <pc:sldMk cId="2376958513" sldId="260"/>
            <ac:spMk id="8216" creationId="{FA6CBA90-7CB9-02DB-5A7D-3C5597F81F3E}"/>
          </ac:spMkLst>
        </pc:spChg>
        <pc:spChg chg="mod">
          <ac:chgData name="White, Alex" userId="eff6cc8c-37d8-483b-9c6c-6b27e9afa9bc" providerId="ADAL" clId="{BF04C754-5BF4-4E83-9615-DB14FA25AF8A}" dt="2023-10-12T11:38:08.274" v="295"/>
          <ac:spMkLst>
            <pc:docMk/>
            <pc:sldMk cId="2376958513" sldId="260"/>
            <ac:spMk id="8217" creationId="{1F701D2F-CC77-42F6-B810-292C28FB321F}"/>
          </ac:spMkLst>
        </pc:spChg>
        <pc:spChg chg="mod">
          <ac:chgData name="White, Alex" userId="eff6cc8c-37d8-483b-9c6c-6b27e9afa9bc" providerId="ADAL" clId="{BF04C754-5BF4-4E83-9615-DB14FA25AF8A}" dt="2023-10-12T11:38:08.274" v="295"/>
          <ac:spMkLst>
            <pc:docMk/>
            <pc:sldMk cId="2376958513" sldId="260"/>
            <ac:spMk id="8218" creationId="{124FB98F-2FA1-45CF-3D15-74ABFF0ED7EF}"/>
          </ac:spMkLst>
        </pc:spChg>
        <pc:spChg chg="mod">
          <ac:chgData name="White, Alex" userId="eff6cc8c-37d8-483b-9c6c-6b27e9afa9bc" providerId="ADAL" clId="{BF04C754-5BF4-4E83-9615-DB14FA25AF8A}" dt="2023-10-12T11:38:08.274" v="295"/>
          <ac:spMkLst>
            <pc:docMk/>
            <pc:sldMk cId="2376958513" sldId="260"/>
            <ac:spMk id="8219" creationId="{518B90D7-9F0E-451E-9A85-B7EEB3090322}"/>
          </ac:spMkLst>
        </pc:spChg>
        <pc:spChg chg="mod">
          <ac:chgData name="White, Alex" userId="eff6cc8c-37d8-483b-9c6c-6b27e9afa9bc" providerId="ADAL" clId="{BF04C754-5BF4-4E83-9615-DB14FA25AF8A}" dt="2023-10-12T11:38:08.274" v="295"/>
          <ac:spMkLst>
            <pc:docMk/>
            <pc:sldMk cId="2376958513" sldId="260"/>
            <ac:spMk id="8220" creationId="{0B131542-86FD-96F7-5E59-686F0C228C47}"/>
          </ac:spMkLst>
        </pc:spChg>
        <pc:spChg chg="mod">
          <ac:chgData name="White, Alex" userId="eff6cc8c-37d8-483b-9c6c-6b27e9afa9bc" providerId="ADAL" clId="{BF04C754-5BF4-4E83-9615-DB14FA25AF8A}" dt="2023-10-12T11:38:08.274" v="295"/>
          <ac:spMkLst>
            <pc:docMk/>
            <pc:sldMk cId="2376958513" sldId="260"/>
            <ac:spMk id="8221" creationId="{FE1C2755-E31A-BE21-3E4D-ADE64EF8F46D}"/>
          </ac:spMkLst>
        </pc:spChg>
        <pc:spChg chg="mod">
          <ac:chgData name="White, Alex" userId="eff6cc8c-37d8-483b-9c6c-6b27e9afa9bc" providerId="ADAL" clId="{BF04C754-5BF4-4E83-9615-DB14FA25AF8A}" dt="2023-10-12T11:38:08.274" v="295"/>
          <ac:spMkLst>
            <pc:docMk/>
            <pc:sldMk cId="2376958513" sldId="260"/>
            <ac:spMk id="8222" creationId="{E505A998-977D-BC91-0DE3-D86A2B5D22AE}"/>
          </ac:spMkLst>
        </pc:spChg>
        <pc:spChg chg="mod">
          <ac:chgData name="White, Alex" userId="eff6cc8c-37d8-483b-9c6c-6b27e9afa9bc" providerId="ADAL" clId="{BF04C754-5BF4-4E83-9615-DB14FA25AF8A}" dt="2023-10-12T11:38:08.274" v="295"/>
          <ac:spMkLst>
            <pc:docMk/>
            <pc:sldMk cId="2376958513" sldId="260"/>
            <ac:spMk id="8223" creationId="{5D088F27-1B8A-467D-67EE-0964D5A77ABB}"/>
          </ac:spMkLst>
        </pc:spChg>
        <pc:spChg chg="mod">
          <ac:chgData name="White, Alex" userId="eff6cc8c-37d8-483b-9c6c-6b27e9afa9bc" providerId="ADAL" clId="{BF04C754-5BF4-4E83-9615-DB14FA25AF8A}" dt="2023-10-12T11:38:08.274" v="295"/>
          <ac:spMkLst>
            <pc:docMk/>
            <pc:sldMk cId="2376958513" sldId="260"/>
            <ac:spMk id="8224" creationId="{459577A4-1765-C29B-3977-788BE94068B4}"/>
          </ac:spMkLst>
        </pc:spChg>
        <pc:spChg chg="mod">
          <ac:chgData name="White, Alex" userId="eff6cc8c-37d8-483b-9c6c-6b27e9afa9bc" providerId="ADAL" clId="{BF04C754-5BF4-4E83-9615-DB14FA25AF8A}" dt="2023-10-12T11:38:08.274" v="295"/>
          <ac:spMkLst>
            <pc:docMk/>
            <pc:sldMk cId="2376958513" sldId="260"/>
            <ac:spMk id="8225" creationId="{F7D4FE2E-5232-3D36-9BE5-02F2880338D2}"/>
          </ac:spMkLst>
        </pc:spChg>
        <pc:spChg chg="mod">
          <ac:chgData name="White, Alex" userId="eff6cc8c-37d8-483b-9c6c-6b27e9afa9bc" providerId="ADAL" clId="{BF04C754-5BF4-4E83-9615-DB14FA25AF8A}" dt="2023-10-12T11:38:08.274" v="295"/>
          <ac:spMkLst>
            <pc:docMk/>
            <pc:sldMk cId="2376958513" sldId="260"/>
            <ac:spMk id="8226" creationId="{F182593B-F13D-6CA4-1FED-48C16BD5497B}"/>
          </ac:spMkLst>
        </pc:spChg>
        <pc:spChg chg="mod">
          <ac:chgData name="White, Alex" userId="eff6cc8c-37d8-483b-9c6c-6b27e9afa9bc" providerId="ADAL" clId="{BF04C754-5BF4-4E83-9615-DB14FA25AF8A}" dt="2023-10-12T11:38:08.274" v="295"/>
          <ac:spMkLst>
            <pc:docMk/>
            <pc:sldMk cId="2376958513" sldId="260"/>
            <ac:spMk id="8227" creationId="{72D856A4-7401-B542-DFD7-F1A448230EA5}"/>
          </ac:spMkLst>
        </pc:spChg>
        <pc:spChg chg="mod">
          <ac:chgData name="White, Alex" userId="eff6cc8c-37d8-483b-9c6c-6b27e9afa9bc" providerId="ADAL" clId="{BF04C754-5BF4-4E83-9615-DB14FA25AF8A}" dt="2023-10-12T11:38:08.274" v="295"/>
          <ac:spMkLst>
            <pc:docMk/>
            <pc:sldMk cId="2376958513" sldId="260"/>
            <ac:spMk id="8228" creationId="{7B8EDF89-9345-262D-0D9A-380BE8E4720A}"/>
          </ac:spMkLst>
        </pc:spChg>
        <pc:spChg chg="mod">
          <ac:chgData name="White, Alex" userId="eff6cc8c-37d8-483b-9c6c-6b27e9afa9bc" providerId="ADAL" clId="{BF04C754-5BF4-4E83-9615-DB14FA25AF8A}" dt="2023-10-12T11:38:08.274" v="295"/>
          <ac:spMkLst>
            <pc:docMk/>
            <pc:sldMk cId="2376958513" sldId="260"/>
            <ac:spMk id="8229" creationId="{20C1FC77-A4F0-DFC6-3EBF-4AE2B5D747D1}"/>
          </ac:spMkLst>
        </pc:spChg>
        <pc:spChg chg="mod">
          <ac:chgData name="White, Alex" userId="eff6cc8c-37d8-483b-9c6c-6b27e9afa9bc" providerId="ADAL" clId="{BF04C754-5BF4-4E83-9615-DB14FA25AF8A}" dt="2023-10-12T11:38:08.274" v="295"/>
          <ac:spMkLst>
            <pc:docMk/>
            <pc:sldMk cId="2376958513" sldId="260"/>
            <ac:spMk id="8230" creationId="{1705978E-8599-11A4-B506-333D7FDAB6F7}"/>
          </ac:spMkLst>
        </pc:spChg>
        <pc:spChg chg="mod">
          <ac:chgData name="White, Alex" userId="eff6cc8c-37d8-483b-9c6c-6b27e9afa9bc" providerId="ADAL" clId="{BF04C754-5BF4-4E83-9615-DB14FA25AF8A}" dt="2023-10-12T11:38:08.274" v="295"/>
          <ac:spMkLst>
            <pc:docMk/>
            <pc:sldMk cId="2376958513" sldId="260"/>
            <ac:spMk id="8231" creationId="{A70A5030-F57D-36E0-71A9-716D8D7D026A}"/>
          </ac:spMkLst>
        </pc:spChg>
        <pc:spChg chg="mod">
          <ac:chgData name="White, Alex" userId="eff6cc8c-37d8-483b-9c6c-6b27e9afa9bc" providerId="ADAL" clId="{BF04C754-5BF4-4E83-9615-DB14FA25AF8A}" dt="2023-10-12T11:38:08.274" v="295"/>
          <ac:spMkLst>
            <pc:docMk/>
            <pc:sldMk cId="2376958513" sldId="260"/>
            <ac:spMk id="8232" creationId="{D4958481-F8AF-9824-FCA7-AF961DB02441}"/>
          </ac:spMkLst>
        </pc:spChg>
        <pc:spChg chg="mod">
          <ac:chgData name="White, Alex" userId="eff6cc8c-37d8-483b-9c6c-6b27e9afa9bc" providerId="ADAL" clId="{BF04C754-5BF4-4E83-9615-DB14FA25AF8A}" dt="2023-10-12T11:38:08.274" v="295"/>
          <ac:spMkLst>
            <pc:docMk/>
            <pc:sldMk cId="2376958513" sldId="260"/>
            <ac:spMk id="8233" creationId="{5BA6753E-93AB-4E1F-A4B0-729A1FBCE9B0}"/>
          </ac:spMkLst>
        </pc:spChg>
        <pc:spChg chg="mod">
          <ac:chgData name="White, Alex" userId="eff6cc8c-37d8-483b-9c6c-6b27e9afa9bc" providerId="ADAL" clId="{BF04C754-5BF4-4E83-9615-DB14FA25AF8A}" dt="2023-10-12T11:38:08.274" v="295"/>
          <ac:spMkLst>
            <pc:docMk/>
            <pc:sldMk cId="2376958513" sldId="260"/>
            <ac:spMk id="8234" creationId="{B044E86A-AA20-06E4-2B26-9BF3E2F57E93}"/>
          </ac:spMkLst>
        </pc:spChg>
        <pc:spChg chg="mod">
          <ac:chgData name="White, Alex" userId="eff6cc8c-37d8-483b-9c6c-6b27e9afa9bc" providerId="ADAL" clId="{BF04C754-5BF4-4E83-9615-DB14FA25AF8A}" dt="2023-10-12T11:38:08.274" v="295"/>
          <ac:spMkLst>
            <pc:docMk/>
            <pc:sldMk cId="2376958513" sldId="260"/>
            <ac:spMk id="8235" creationId="{2C6F29B3-A238-8F77-C2C5-481A6E024463}"/>
          </ac:spMkLst>
        </pc:spChg>
        <pc:spChg chg="mod">
          <ac:chgData name="White, Alex" userId="eff6cc8c-37d8-483b-9c6c-6b27e9afa9bc" providerId="ADAL" clId="{BF04C754-5BF4-4E83-9615-DB14FA25AF8A}" dt="2023-10-12T11:38:08.274" v="295"/>
          <ac:spMkLst>
            <pc:docMk/>
            <pc:sldMk cId="2376958513" sldId="260"/>
            <ac:spMk id="8236" creationId="{A0D513C9-4DDC-D0AE-936E-DC152CCC58A8}"/>
          </ac:spMkLst>
        </pc:spChg>
        <pc:spChg chg="mod">
          <ac:chgData name="White, Alex" userId="eff6cc8c-37d8-483b-9c6c-6b27e9afa9bc" providerId="ADAL" clId="{BF04C754-5BF4-4E83-9615-DB14FA25AF8A}" dt="2023-10-12T11:38:08.274" v="295"/>
          <ac:spMkLst>
            <pc:docMk/>
            <pc:sldMk cId="2376958513" sldId="260"/>
            <ac:spMk id="8237" creationId="{1929CF30-51A2-203D-8ABA-BE8DA6ABB59A}"/>
          </ac:spMkLst>
        </pc:spChg>
        <pc:spChg chg="mod">
          <ac:chgData name="White, Alex" userId="eff6cc8c-37d8-483b-9c6c-6b27e9afa9bc" providerId="ADAL" clId="{BF04C754-5BF4-4E83-9615-DB14FA25AF8A}" dt="2023-10-12T11:38:08.274" v="295"/>
          <ac:spMkLst>
            <pc:docMk/>
            <pc:sldMk cId="2376958513" sldId="260"/>
            <ac:spMk id="8238" creationId="{21222861-732E-1F96-C523-618B630EAC44}"/>
          </ac:spMkLst>
        </pc:spChg>
        <pc:spChg chg="mod">
          <ac:chgData name="White, Alex" userId="eff6cc8c-37d8-483b-9c6c-6b27e9afa9bc" providerId="ADAL" clId="{BF04C754-5BF4-4E83-9615-DB14FA25AF8A}" dt="2023-10-12T11:38:08.274" v="295"/>
          <ac:spMkLst>
            <pc:docMk/>
            <pc:sldMk cId="2376958513" sldId="260"/>
            <ac:spMk id="8239" creationId="{2D0FAA0E-3A21-555C-06C9-E90E2D2D651E}"/>
          </ac:spMkLst>
        </pc:spChg>
        <pc:spChg chg="mod">
          <ac:chgData name="White, Alex" userId="eff6cc8c-37d8-483b-9c6c-6b27e9afa9bc" providerId="ADAL" clId="{BF04C754-5BF4-4E83-9615-DB14FA25AF8A}" dt="2023-10-12T11:38:08.274" v="295"/>
          <ac:spMkLst>
            <pc:docMk/>
            <pc:sldMk cId="2376958513" sldId="260"/>
            <ac:spMk id="8240" creationId="{731258DB-9F05-6F33-355A-C64A176AC6D0}"/>
          </ac:spMkLst>
        </pc:spChg>
        <pc:spChg chg="mod">
          <ac:chgData name="White, Alex" userId="eff6cc8c-37d8-483b-9c6c-6b27e9afa9bc" providerId="ADAL" clId="{BF04C754-5BF4-4E83-9615-DB14FA25AF8A}" dt="2023-10-12T11:38:08.274" v="295"/>
          <ac:spMkLst>
            <pc:docMk/>
            <pc:sldMk cId="2376958513" sldId="260"/>
            <ac:spMk id="8241" creationId="{347116E1-3B1B-7ACF-A0FA-2F12B9D919D0}"/>
          </ac:spMkLst>
        </pc:spChg>
        <pc:spChg chg="mod">
          <ac:chgData name="White, Alex" userId="eff6cc8c-37d8-483b-9c6c-6b27e9afa9bc" providerId="ADAL" clId="{BF04C754-5BF4-4E83-9615-DB14FA25AF8A}" dt="2023-10-12T11:38:08.274" v="295"/>
          <ac:spMkLst>
            <pc:docMk/>
            <pc:sldMk cId="2376958513" sldId="260"/>
            <ac:spMk id="8242" creationId="{E32A64AA-26F7-8BF7-1558-9FCD4C6AC953}"/>
          </ac:spMkLst>
        </pc:spChg>
        <pc:spChg chg="mod">
          <ac:chgData name="White, Alex" userId="eff6cc8c-37d8-483b-9c6c-6b27e9afa9bc" providerId="ADAL" clId="{BF04C754-5BF4-4E83-9615-DB14FA25AF8A}" dt="2023-10-12T11:38:08.274" v="295"/>
          <ac:spMkLst>
            <pc:docMk/>
            <pc:sldMk cId="2376958513" sldId="260"/>
            <ac:spMk id="8243" creationId="{F35C4C61-78D2-DBB0-419C-66E8ACEF5DC4}"/>
          </ac:spMkLst>
        </pc:spChg>
        <pc:spChg chg="mod">
          <ac:chgData name="White, Alex" userId="eff6cc8c-37d8-483b-9c6c-6b27e9afa9bc" providerId="ADAL" clId="{BF04C754-5BF4-4E83-9615-DB14FA25AF8A}" dt="2023-10-12T11:38:08.274" v="295"/>
          <ac:spMkLst>
            <pc:docMk/>
            <pc:sldMk cId="2376958513" sldId="260"/>
            <ac:spMk id="8244" creationId="{B79B78BE-B74E-2FA3-C931-E6070FDEB0F2}"/>
          </ac:spMkLst>
        </pc:spChg>
        <pc:spChg chg="mod">
          <ac:chgData name="White, Alex" userId="eff6cc8c-37d8-483b-9c6c-6b27e9afa9bc" providerId="ADAL" clId="{BF04C754-5BF4-4E83-9615-DB14FA25AF8A}" dt="2023-10-12T11:38:08.274" v="295"/>
          <ac:spMkLst>
            <pc:docMk/>
            <pc:sldMk cId="2376958513" sldId="260"/>
            <ac:spMk id="8245" creationId="{3807F2F7-2207-BA1D-68D6-A2AA0FDB507A}"/>
          </ac:spMkLst>
        </pc:spChg>
        <pc:spChg chg="mod">
          <ac:chgData name="White, Alex" userId="eff6cc8c-37d8-483b-9c6c-6b27e9afa9bc" providerId="ADAL" clId="{BF04C754-5BF4-4E83-9615-DB14FA25AF8A}" dt="2023-10-12T11:38:08.274" v="295"/>
          <ac:spMkLst>
            <pc:docMk/>
            <pc:sldMk cId="2376958513" sldId="260"/>
            <ac:spMk id="8246" creationId="{A2D9EFB6-0CFC-E0AA-2859-3AAE594DD19E}"/>
          </ac:spMkLst>
        </pc:spChg>
        <pc:spChg chg="mod">
          <ac:chgData name="White, Alex" userId="eff6cc8c-37d8-483b-9c6c-6b27e9afa9bc" providerId="ADAL" clId="{BF04C754-5BF4-4E83-9615-DB14FA25AF8A}" dt="2023-10-12T11:38:08.274" v="295"/>
          <ac:spMkLst>
            <pc:docMk/>
            <pc:sldMk cId="2376958513" sldId="260"/>
            <ac:spMk id="8247" creationId="{7A4BFC47-B015-86ED-1076-B5AFEFC8BA6A}"/>
          </ac:spMkLst>
        </pc:spChg>
        <pc:spChg chg="mod">
          <ac:chgData name="White, Alex" userId="eff6cc8c-37d8-483b-9c6c-6b27e9afa9bc" providerId="ADAL" clId="{BF04C754-5BF4-4E83-9615-DB14FA25AF8A}" dt="2023-10-12T11:38:08.274" v="295"/>
          <ac:spMkLst>
            <pc:docMk/>
            <pc:sldMk cId="2376958513" sldId="260"/>
            <ac:spMk id="8248" creationId="{268CA4D8-7BF2-C854-22F8-78E928D8BE71}"/>
          </ac:spMkLst>
        </pc:spChg>
        <pc:spChg chg="mod">
          <ac:chgData name="White, Alex" userId="eff6cc8c-37d8-483b-9c6c-6b27e9afa9bc" providerId="ADAL" clId="{BF04C754-5BF4-4E83-9615-DB14FA25AF8A}" dt="2023-10-12T11:38:08.274" v="295"/>
          <ac:spMkLst>
            <pc:docMk/>
            <pc:sldMk cId="2376958513" sldId="260"/>
            <ac:spMk id="8249" creationId="{710C1595-F06B-AB6B-9C04-429270774FBB}"/>
          </ac:spMkLst>
        </pc:spChg>
        <pc:spChg chg="mod">
          <ac:chgData name="White, Alex" userId="eff6cc8c-37d8-483b-9c6c-6b27e9afa9bc" providerId="ADAL" clId="{BF04C754-5BF4-4E83-9615-DB14FA25AF8A}" dt="2023-10-12T11:38:08.274" v="295"/>
          <ac:spMkLst>
            <pc:docMk/>
            <pc:sldMk cId="2376958513" sldId="260"/>
            <ac:spMk id="8250" creationId="{27DD095E-72F1-9601-643F-09EBD7EF776A}"/>
          </ac:spMkLst>
        </pc:spChg>
        <pc:spChg chg="mod">
          <ac:chgData name="White, Alex" userId="eff6cc8c-37d8-483b-9c6c-6b27e9afa9bc" providerId="ADAL" clId="{BF04C754-5BF4-4E83-9615-DB14FA25AF8A}" dt="2023-10-12T11:38:08.274" v="295"/>
          <ac:spMkLst>
            <pc:docMk/>
            <pc:sldMk cId="2376958513" sldId="260"/>
            <ac:spMk id="8251" creationId="{8C9BF113-BBEA-0686-4901-25D9840BEF0E}"/>
          </ac:spMkLst>
        </pc:spChg>
        <pc:spChg chg="mod">
          <ac:chgData name="White, Alex" userId="eff6cc8c-37d8-483b-9c6c-6b27e9afa9bc" providerId="ADAL" clId="{BF04C754-5BF4-4E83-9615-DB14FA25AF8A}" dt="2023-10-12T11:38:08.274" v="295"/>
          <ac:spMkLst>
            <pc:docMk/>
            <pc:sldMk cId="2376958513" sldId="260"/>
            <ac:spMk id="8252" creationId="{23A1E107-6779-9A57-EC37-37A741134354}"/>
          </ac:spMkLst>
        </pc:spChg>
        <pc:spChg chg="mod">
          <ac:chgData name="White, Alex" userId="eff6cc8c-37d8-483b-9c6c-6b27e9afa9bc" providerId="ADAL" clId="{BF04C754-5BF4-4E83-9615-DB14FA25AF8A}" dt="2023-10-12T11:38:08.274" v="295"/>
          <ac:spMkLst>
            <pc:docMk/>
            <pc:sldMk cId="2376958513" sldId="260"/>
            <ac:spMk id="8253" creationId="{E3E376E2-8F4D-A2B3-4692-38C6CAB15F18}"/>
          </ac:spMkLst>
        </pc:spChg>
        <pc:spChg chg="mod">
          <ac:chgData name="White, Alex" userId="eff6cc8c-37d8-483b-9c6c-6b27e9afa9bc" providerId="ADAL" clId="{BF04C754-5BF4-4E83-9615-DB14FA25AF8A}" dt="2023-10-12T11:38:08.274" v="295"/>
          <ac:spMkLst>
            <pc:docMk/>
            <pc:sldMk cId="2376958513" sldId="260"/>
            <ac:spMk id="8254" creationId="{520F434B-97FA-5423-8604-9110A207A90C}"/>
          </ac:spMkLst>
        </pc:spChg>
        <pc:spChg chg="mod">
          <ac:chgData name="White, Alex" userId="eff6cc8c-37d8-483b-9c6c-6b27e9afa9bc" providerId="ADAL" clId="{BF04C754-5BF4-4E83-9615-DB14FA25AF8A}" dt="2023-10-12T11:38:08.274" v="295"/>
          <ac:spMkLst>
            <pc:docMk/>
            <pc:sldMk cId="2376958513" sldId="260"/>
            <ac:spMk id="8255" creationId="{B677501A-2E6F-DC24-22A9-237AAF21F687}"/>
          </ac:spMkLst>
        </pc:spChg>
        <pc:spChg chg="mod">
          <ac:chgData name="White, Alex" userId="eff6cc8c-37d8-483b-9c6c-6b27e9afa9bc" providerId="ADAL" clId="{BF04C754-5BF4-4E83-9615-DB14FA25AF8A}" dt="2023-10-12T11:38:08.274" v="295"/>
          <ac:spMkLst>
            <pc:docMk/>
            <pc:sldMk cId="2376958513" sldId="260"/>
            <ac:spMk id="8256" creationId="{A09A4DCD-1D9E-C549-57DE-61B91FE4C8A3}"/>
          </ac:spMkLst>
        </pc:spChg>
        <pc:spChg chg="mod">
          <ac:chgData name="White, Alex" userId="eff6cc8c-37d8-483b-9c6c-6b27e9afa9bc" providerId="ADAL" clId="{BF04C754-5BF4-4E83-9615-DB14FA25AF8A}" dt="2023-10-12T11:38:08.274" v="295"/>
          <ac:spMkLst>
            <pc:docMk/>
            <pc:sldMk cId="2376958513" sldId="260"/>
            <ac:spMk id="8257" creationId="{314ACA41-CE08-39AB-360C-BC0E424E0E23}"/>
          </ac:spMkLst>
        </pc:spChg>
        <pc:spChg chg="mod">
          <ac:chgData name="White, Alex" userId="eff6cc8c-37d8-483b-9c6c-6b27e9afa9bc" providerId="ADAL" clId="{BF04C754-5BF4-4E83-9615-DB14FA25AF8A}" dt="2023-10-12T11:38:08.274" v="295"/>
          <ac:spMkLst>
            <pc:docMk/>
            <pc:sldMk cId="2376958513" sldId="260"/>
            <ac:spMk id="8258" creationId="{CCB41C4E-03FF-9D7C-00A1-E7B0C7EFAD89}"/>
          </ac:spMkLst>
        </pc:spChg>
        <pc:spChg chg="mod">
          <ac:chgData name="White, Alex" userId="eff6cc8c-37d8-483b-9c6c-6b27e9afa9bc" providerId="ADAL" clId="{BF04C754-5BF4-4E83-9615-DB14FA25AF8A}" dt="2023-10-12T11:38:08.274" v="295"/>
          <ac:spMkLst>
            <pc:docMk/>
            <pc:sldMk cId="2376958513" sldId="260"/>
            <ac:spMk id="8259" creationId="{B7A29828-7523-E58A-F9B0-8AB662B46391}"/>
          </ac:spMkLst>
        </pc:spChg>
        <pc:spChg chg="mod">
          <ac:chgData name="White, Alex" userId="eff6cc8c-37d8-483b-9c6c-6b27e9afa9bc" providerId="ADAL" clId="{BF04C754-5BF4-4E83-9615-DB14FA25AF8A}" dt="2023-10-12T11:38:08.274" v="295"/>
          <ac:spMkLst>
            <pc:docMk/>
            <pc:sldMk cId="2376958513" sldId="260"/>
            <ac:spMk id="8260" creationId="{2410CDC6-AA12-B230-6DF2-53E971ACF03D}"/>
          </ac:spMkLst>
        </pc:spChg>
        <pc:spChg chg="mod">
          <ac:chgData name="White, Alex" userId="eff6cc8c-37d8-483b-9c6c-6b27e9afa9bc" providerId="ADAL" clId="{BF04C754-5BF4-4E83-9615-DB14FA25AF8A}" dt="2023-10-12T11:38:08.274" v="295"/>
          <ac:spMkLst>
            <pc:docMk/>
            <pc:sldMk cId="2376958513" sldId="260"/>
            <ac:spMk id="8261" creationId="{3077F7B0-9566-16CA-77CE-B33742236FBA}"/>
          </ac:spMkLst>
        </pc:spChg>
        <pc:spChg chg="mod">
          <ac:chgData name="White, Alex" userId="eff6cc8c-37d8-483b-9c6c-6b27e9afa9bc" providerId="ADAL" clId="{BF04C754-5BF4-4E83-9615-DB14FA25AF8A}" dt="2023-10-12T11:38:08.274" v="295"/>
          <ac:spMkLst>
            <pc:docMk/>
            <pc:sldMk cId="2376958513" sldId="260"/>
            <ac:spMk id="8262" creationId="{9EA76C18-CDC9-6C2D-83AC-F2FF9A46AB6B}"/>
          </ac:spMkLst>
        </pc:spChg>
        <pc:spChg chg="mod">
          <ac:chgData name="White, Alex" userId="eff6cc8c-37d8-483b-9c6c-6b27e9afa9bc" providerId="ADAL" clId="{BF04C754-5BF4-4E83-9615-DB14FA25AF8A}" dt="2023-10-12T11:38:08.274" v="295"/>
          <ac:spMkLst>
            <pc:docMk/>
            <pc:sldMk cId="2376958513" sldId="260"/>
            <ac:spMk id="8263" creationId="{4281D9D8-8E03-1E39-8197-7445AEBC77C4}"/>
          </ac:spMkLst>
        </pc:spChg>
        <pc:spChg chg="mod">
          <ac:chgData name="White, Alex" userId="eff6cc8c-37d8-483b-9c6c-6b27e9afa9bc" providerId="ADAL" clId="{BF04C754-5BF4-4E83-9615-DB14FA25AF8A}" dt="2023-10-12T11:38:08.274" v="295"/>
          <ac:spMkLst>
            <pc:docMk/>
            <pc:sldMk cId="2376958513" sldId="260"/>
            <ac:spMk id="8264" creationId="{A2B0DB04-2E38-2C3C-21EE-898B4F2ACD53}"/>
          </ac:spMkLst>
        </pc:spChg>
        <pc:spChg chg="mod">
          <ac:chgData name="White, Alex" userId="eff6cc8c-37d8-483b-9c6c-6b27e9afa9bc" providerId="ADAL" clId="{BF04C754-5BF4-4E83-9615-DB14FA25AF8A}" dt="2023-10-12T11:38:08.274" v="295"/>
          <ac:spMkLst>
            <pc:docMk/>
            <pc:sldMk cId="2376958513" sldId="260"/>
            <ac:spMk id="8265" creationId="{7DB0CAC9-53FF-8EFD-192F-9252CCF351BD}"/>
          </ac:spMkLst>
        </pc:spChg>
        <pc:spChg chg="mod">
          <ac:chgData name="White, Alex" userId="eff6cc8c-37d8-483b-9c6c-6b27e9afa9bc" providerId="ADAL" clId="{BF04C754-5BF4-4E83-9615-DB14FA25AF8A}" dt="2023-10-12T11:38:08.274" v="295"/>
          <ac:spMkLst>
            <pc:docMk/>
            <pc:sldMk cId="2376958513" sldId="260"/>
            <ac:spMk id="8266" creationId="{7C983408-9FDD-5EFD-1BCE-E6FF594F4396}"/>
          </ac:spMkLst>
        </pc:spChg>
        <pc:spChg chg="mod">
          <ac:chgData name="White, Alex" userId="eff6cc8c-37d8-483b-9c6c-6b27e9afa9bc" providerId="ADAL" clId="{BF04C754-5BF4-4E83-9615-DB14FA25AF8A}" dt="2023-10-12T11:38:08.274" v="295"/>
          <ac:spMkLst>
            <pc:docMk/>
            <pc:sldMk cId="2376958513" sldId="260"/>
            <ac:spMk id="8267" creationId="{2F3008C5-3E50-1564-9C0A-7D6ED38E451D}"/>
          </ac:spMkLst>
        </pc:spChg>
        <pc:spChg chg="mod">
          <ac:chgData name="White, Alex" userId="eff6cc8c-37d8-483b-9c6c-6b27e9afa9bc" providerId="ADAL" clId="{BF04C754-5BF4-4E83-9615-DB14FA25AF8A}" dt="2023-10-12T11:38:08.274" v="295"/>
          <ac:spMkLst>
            <pc:docMk/>
            <pc:sldMk cId="2376958513" sldId="260"/>
            <ac:spMk id="8268" creationId="{4A219A22-A0C0-8367-4126-BCE2677F010D}"/>
          </ac:spMkLst>
        </pc:spChg>
        <pc:spChg chg="mod">
          <ac:chgData name="White, Alex" userId="eff6cc8c-37d8-483b-9c6c-6b27e9afa9bc" providerId="ADAL" clId="{BF04C754-5BF4-4E83-9615-DB14FA25AF8A}" dt="2023-10-12T11:38:08.274" v="295"/>
          <ac:spMkLst>
            <pc:docMk/>
            <pc:sldMk cId="2376958513" sldId="260"/>
            <ac:spMk id="8269" creationId="{78F196AC-1228-8360-DB0E-AD044EC43C43}"/>
          </ac:spMkLst>
        </pc:spChg>
        <pc:spChg chg="mod">
          <ac:chgData name="White, Alex" userId="eff6cc8c-37d8-483b-9c6c-6b27e9afa9bc" providerId="ADAL" clId="{BF04C754-5BF4-4E83-9615-DB14FA25AF8A}" dt="2023-10-12T11:38:08.274" v="295"/>
          <ac:spMkLst>
            <pc:docMk/>
            <pc:sldMk cId="2376958513" sldId="260"/>
            <ac:spMk id="8270" creationId="{05F0D008-1C2C-B445-8095-127893851A7F}"/>
          </ac:spMkLst>
        </pc:spChg>
        <pc:spChg chg="mod">
          <ac:chgData name="White, Alex" userId="eff6cc8c-37d8-483b-9c6c-6b27e9afa9bc" providerId="ADAL" clId="{BF04C754-5BF4-4E83-9615-DB14FA25AF8A}" dt="2023-10-12T11:38:08.274" v="295"/>
          <ac:spMkLst>
            <pc:docMk/>
            <pc:sldMk cId="2376958513" sldId="260"/>
            <ac:spMk id="8271" creationId="{630751AA-7161-A0CF-A4FA-EEE272D90654}"/>
          </ac:spMkLst>
        </pc:spChg>
        <pc:spChg chg="mod">
          <ac:chgData name="White, Alex" userId="eff6cc8c-37d8-483b-9c6c-6b27e9afa9bc" providerId="ADAL" clId="{BF04C754-5BF4-4E83-9615-DB14FA25AF8A}" dt="2023-10-12T11:38:08.274" v="295"/>
          <ac:spMkLst>
            <pc:docMk/>
            <pc:sldMk cId="2376958513" sldId="260"/>
            <ac:spMk id="8272" creationId="{1456F6E8-8EBD-2DC0-5D7C-6A471D813B2F}"/>
          </ac:spMkLst>
        </pc:spChg>
        <pc:spChg chg="mod">
          <ac:chgData name="White, Alex" userId="eff6cc8c-37d8-483b-9c6c-6b27e9afa9bc" providerId="ADAL" clId="{BF04C754-5BF4-4E83-9615-DB14FA25AF8A}" dt="2023-10-12T11:38:08.274" v="295"/>
          <ac:spMkLst>
            <pc:docMk/>
            <pc:sldMk cId="2376958513" sldId="260"/>
            <ac:spMk id="8273" creationId="{690B1DB6-FA20-E517-43B8-E418558C5C72}"/>
          </ac:spMkLst>
        </pc:spChg>
        <pc:spChg chg="mod">
          <ac:chgData name="White, Alex" userId="eff6cc8c-37d8-483b-9c6c-6b27e9afa9bc" providerId="ADAL" clId="{BF04C754-5BF4-4E83-9615-DB14FA25AF8A}" dt="2023-10-12T11:38:08.274" v="295"/>
          <ac:spMkLst>
            <pc:docMk/>
            <pc:sldMk cId="2376958513" sldId="260"/>
            <ac:spMk id="8274" creationId="{4FEFCC94-147E-BEBD-D9E5-EB1934427DC9}"/>
          </ac:spMkLst>
        </pc:spChg>
        <pc:spChg chg="mod">
          <ac:chgData name="White, Alex" userId="eff6cc8c-37d8-483b-9c6c-6b27e9afa9bc" providerId="ADAL" clId="{BF04C754-5BF4-4E83-9615-DB14FA25AF8A}" dt="2023-10-12T11:38:08.274" v="295"/>
          <ac:spMkLst>
            <pc:docMk/>
            <pc:sldMk cId="2376958513" sldId="260"/>
            <ac:spMk id="8275" creationId="{351058E4-E7DC-213B-34B2-4FFE18803EDF}"/>
          </ac:spMkLst>
        </pc:spChg>
        <pc:spChg chg="mod">
          <ac:chgData name="White, Alex" userId="eff6cc8c-37d8-483b-9c6c-6b27e9afa9bc" providerId="ADAL" clId="{BF04C754-5BF4-4E83-9615-DB14FA25AF8A}" dt="2023-10-12T11:38:08.274" v="295"/>
          <ac:spMkLst>
            <pc:docMk/>
            <pc:sldMk cId="2376958513" sldId="260"/>
            <ac:spMk id="8276" creationId="{37FA5F40-84D9-59A9-1427-8EE3938CC785}"/>
          </ac:spMkLst>
        </pc:spChg>
        <pc:spChg chg="mod">
          <ac:chgData name="White, Alex" userId="eff6cc8c-37d8-483b-9c6c-6b27e9afa9bc" providerId="ADAL" clId="{BF04C754-5BF4-4E83-9615-DB14FA25AF8A}" dt="2023-10-12T11:38:08.274" v="295"/>
          <ac:spMkLst>
            <pc:docMk/>
            <pc:sldMk cId="2376958513" sldId="260"/>
            <ac:spMk id="8277" creationId="{77F14FE3-3C53-58E5-D937-223988D96693}"/>
          </ac:spMkLst>
        </pc:spChg>
        <pc:spChg chg="mod">
          <ac:chgData name="White, Alex" userId="eff6cc8c-37d8-483b-9c6c-6b27e9afa9bc" providerId="ADAL" clId="{BF04C754-5BF4-4E83-9615-DB14FA25AF8A}" dt="2023-10-12T11:38:08.274" v="295"/>
          <ac:spMkLst>
            <pc:docMk/>
            <pc:sldMk cId="2376958513" sldId="260"/>
            <ac:spMk id="8278" creationId="{59875774-3694-156E-5A1E-89E7E5773842}"/>
          </ac:spMkLst>
        </pc:spChg>
        <pc:spChg chg="mod">
          <ac:chgData name="White, Alex" userId="eff6cc8c-37d8-483b-9c6c-6b27e9afa9bc" providerId="ADAL" clId="{BF04C754-5BF4-4E83-9615-DB14FA25AF8A}" dt="2023-10-12T11:38:08.274" v="295"/>
          <ac:spMkLst>
            <pc:docMk/>
            <pc:sldMk cId="2376958513" sldId="260"/>
            <ac:spMk id="8279" creationId="{8423797E-23AB-5C02-83A7-408CCB02FB3E}"/>
          </ac:spMkLst>
        </pc:spChg>
        <pc:spChg chg="mod">
          <ac:chgData name="White, Alex" userId="eff6cc8c-37d8-483b-9c6c-6b27e9afa9bc" providerId="ADAL" clId="{BF04C754-5BF4-4E83-9615-DB14FA25AF8A}" dt="2023-10-12T11:38:08.274" v="295"/>
          <ac:spMkLst>
            <pc:docMk/>
            <pc:sldMk cId="2376958513" sldId="260"/>
            <ac:spMk id="8280" creationId="{28D9FEEC-CD3F-D3D9-7553-2D181D8A0B26}"/>
          </ac:spMkLst>
        </pc:spChg>
        <pc:spChg chg="mod">
          <ac:chgData name="White, Alex" userId="eff6cc8c-37d8-483b-9c6c-6b27e9afa9bc" providerId="ADAL" clId="{BF04C754-5BF4-4E83-9615-DB14FA25AF8A}" dt="2023-10-12T11:38:08.274" v="295"/>
          <ac:spMkLst>
            <pc:docMk/>
            <pc:sldMk cId="2376958513" sldId="260"/>
            <ac:spMk id="8281" creationId="{C9D575EF-F949-FC66-1EFF-6C0A4BE09349}"/>
          </ac:spMkLst>
        </pc:spChg>
        <pc:spChg chg="mod">
          <ac:chgData name="White, Alex" userId="eff6cc8c-37d8-483b-9c6c-6b27e9afa9bc" providerId="ADAL" clId="{BF04C754-5BF4-4E83-9615-DB14FA25AF8A}" dt="2023-10-12T11:38:08.274" v="295"/>
          <ac:spMkLst>
            <pc:docMk/>
            <pc:sldMk cId="2376958513" sldId="260"/>
            <ac:spMk id="8282" creationId="{BD62D69B-7C9C-D9AB-8D36-20F06019E79B}"/>
          </ac:spMkLst>
        </pc:spChg>
        <pc:spChg chg="mod">
          <ac:chgData name="White, Alex" userId="eff6cc8c-37d8-483b-9c6c-6b27e9afa9bc" providerId="ADAL" clId="{BF04C754-5BF4-4E83-9615-DB14FA25AF8A}" dt="2023-10-12T11:38:08.274" v="295"/>
          <ac:spMkLst>
            <pc:docMk/>
            <pc:sldMk cId="2376958513" sldId="260"/>
            <ac:spMk id="8283" creationId="{F3944FEB-46B4-7169-2AAB-4A5B8BCC84B9}"/>
          </ac:spMkLst>
        </pc:spChg>
        <pc:spChg chg="mod">
          <ac:chgData name="White, Alex" userId="eff6cc8c-37d8-483b-9c6c-6b27e9afa9bc" providerId="ADAL" clId="{BF04C754-5BF4-4E83-9615-DB14FA25AF8A}" dt="2023-10-12T11:38:08.274" v="295"/>
          <ac:spMkLst>
            <pc:docMk/>
            <pc:sldMk cId="2376958513" sldId="260"/>
            <ac:spMk id="8284" creationId="{654F8882-630F-8181-BA62-6E62BD5B8538}"/>
          </ac:spMkLst>
        </pc:spChg>
        <pc:spChg chg="mod">
          <ac:chgData name="White, Alex" userId="eff6cc8c-37d8-483b-9c6c-6b27e9afa9bc" providerId="ADAL" clId="{BF04C754-5BF4-4E83-9615-DB14FA25AF8A}" dt="2023-10-12T11:38:08.274" v="295"/>
          <ac:spMkLst>
            <pc:docMk/>
            <pc:sldMk cId="2376958513" sldId="260"/>
            <ac:spMk id="8285" creationId="{1DC2695D-ED4D-3534-F2AE-5DD375BAB5B4}"/>
          </ac:spMkLst>
        </pc:spChg>
        <pc:spChg chg="mod">
          <ac:chgData name="White, Alex" userId="eff6cc8c-37d8-483b-9c6c-6b27e9afa9bc" providerId="ADAL" clId="{BF04C754-5BF4-4E83-9615-DB14FA25AF8A}" dt="2023-10-12T11:38:08.274" v="295"/>
          <ac:spMkLst>
            <pc:docMk/>
            <pc:sldMk cId="2376958513" sldId="260"/>
            <ac:spMk id="8286" creationId="{28282607-6E5C-803A-940E-419EC97F9F42}"/>
          </ac:spMkLst>
        </pc:spChg>
        <pc:spChg chg="mod">
          <ac:chgData name="White, Alex" userId="eff6cc8c-37d8-483b-9c6c-6b27e9afa9bc" providerId="ADAL" clId="{BF04C754-5BF4-4E83-9615-DB14FA25AF8A}" dt="2023-10-12T11:38:08.274" v="295"/>
          <ac:spMkLst>
            <pc:docMk/>
            <pc:sldMk cId="2376958513" sldId="260"/>
            <ac:spMk id="8287" creationId="{42B90F93-6906-EAFB-F337-E72171ECFCBD}"/>
          </ac:spMkLst>
        </pc:spChg>
        <pc:spChg chg="mod">
          <ac:chgData name="White, Alex" userId="eff6cc8c-37d8-483b-9c6c-6b27e9afa9bc" providerId="ADAL" clId="{BF04C754-5BF4-4E83-9615-DB14FA25AF8A}" dt="2023-10-12T11:38:08.274" v="295"/>
          <ac:spMkLst>
            <pc:docMk/>
            <pc:sldMk cId="2376958513" sldId="260"/>
            <ac:spMk id="8288" creationId="{390F2AFE-527C-DB7E-D87E-85F30407A37E}"/>
          </ac:spMkLst>
        </pc:spChg>
        <pc:spChg chg="mod">
          <ac:chgData name="White, Alex" userId="eff6cc8c-37d8-483b-9c6c-6b27e9afa9bc" providerId="ADAL" clId="{BF04C754-5BF4-4E83-9615-DB14FA25AF8A}" dt="2023-10-12T11:38:08.274" v="295"/>
          <ac:spMkLst>
            <pc:docMk/>
            <pc:sldMk cId="2376958513" sldId="260"/>
            <ac:spMk id="8289" creationId="{A9FE9551-0FD0-B50E-A371-CA3C82D83FC2}"/>
          </ac:spMkLst>
        </pc:spChg>
        <pc:spChg chg="mod">
          <ac:chgData name="White, Alex" userId="eff6cc8c-37d8-483b-9c6c-6b27e9afa9bc" providerId="ADAL" clId="{BF04C754-5BF4-4E83-9615-DB14FA25AF8A}" dt="2023-10-12T11:38:08.274" v="295"/>
          <ac:spMkLst>
            <pc:docMk/>
            <pc:sldMk cId="2376958513" sldId="260"/>
            <ac:spMk id="8290" creationId="{A6272978-0E72-BDF1-3AF7-A1232E58D617}"/>
          </ac:spMkLst>
        </pc:spChg>
        <pc:spChg chg="mod">
          <ac:chgData name="White, Alex" userId="eff6cc8c-37d8-483b-9c6c-6b27e9afa9bc" providerId="ADAL" clId="{BF04C754-5BF4-4E83-9615-DB14FA25AF8A}" dt="2023-10-12T11:38:08.274" v="295"/>
          <ac:spMkLst>
            <pc:docMk/>
            <pc:sldMk cId="2376958513" sldId="260"/>
            <ac:spMk id="8291" creationId="{AD6A58CA-D1E9-991B-229C-92D772501E46}"/>
          </ac:spMkLst>
        </pc:spChg>
        <pc:spChg chg="mod">
          <ac:chgData name="White, Alex" userId="eff6cc8c-37d8-483b-9c6c-6b27e9afa9bc" providerId="ADAL" clId="{BF04C754-5BF4-4E83-9615-DB14FA25AF8A}" dt="2023-10-12T11:38:08.274" v="295"/>
          <ac:spMkLst>
            <pc:docMk/>
            <pc:sldMk cId="2376958513" sldId="260"/>
            <ac:spMk id="8292" creationId="{1BB09987-F680-62C9-6883-A6B5C3360C21}"/>
          </ac:spMkLst>
        </pc:spChg>
        <pc:spChg chg="mod">
          <ac:chgData name="White, Alex" userId="eff6cc8c-37d8-483b-9c6c-6b27e9afa9bc" providerId="ADAL" clId="{BF04C754-5BF4-4E83-9615-DB14FA25AF8A}" dt="2023-10-12T11:38:08.274" v="295"/>
          <ac:spMkLst>
            <pc:docMk/>
            <pc:sldMk cId="2376958513" sldId="260"/>
            <ac:spMk id="8293" creationId="{C360FE1C-51AB-2C2B-FBB3-77BC5604DF6F}"/>
          </ac:spMkLst>
        </pc:spChg>
        <pc:spChg chg="mod">
          <ac:chgData name="White, Alex" userId="eff6cc8c-37d8-483b-9c6c-6b27e9afa9bc" providerId="ADAL" clId="{BF04C754-5BF4-4E83-9615-DB14FA25AF8A}" dt="2023-10-12T11:38:08.274" v="295"/>
          <ac:spMkLst>
            <pc:docMk/>
            <pc:sldMk cId="2376958513" sldId="260"/>
            <ac:spMk id="8294" creationId="{C2C9DD5A-72DE-C00E-E2C8-BE123D1BBA93}"/>
          </ac:spMkLst>
        </pc:spChg>
        <pc:spChg chg="mod">
          <ac:chgData name="White, Alex" userId="eff6cc8c-37d8-483b-9c6c-6b27e9afa9bc" providerId="ADAL" clId="{BF04C754-5BF4-4E83-9615-DB14FA25AF8A}" dt="2023-10-12T11:38:08.274" v="295"/>
          <ac:spMkLst>
            <pc:docMk/>
            <pc:sldMk cId="2376958513" sldId="260"/>
            <ac:spMk id="8295" creationId="{C67ADF21-7084-B7E0-3C46-E9BDB00A30C2}"/>
          </ac:spMkLst>
        </pc:spChg>
        <pc:spChg chg="mod">
          <ac:chgData name="White, Alex" userId="eff6cc8c-37d8-483b-9c6c-6b27e9afa9bc" providerId="ADAL" clId="{BF04C754-5BF4-4E83-9615-DB14FA25AF8A}" dt="2023-10-12T11:38:08.274" v="295"/>
          <ac:spMkLst>
            <pc:docMk/>
            <pc:sldMk cId="2376958513" sldId="260"/>
            <ac:spMk id="8296" creationId="{0C5DAFF0-A47C-D05E-19B1-05A97FF12371}"/>
          </ac:spMkLst>
        </pc:spChg>
        <pc:spChg chg="mod">
          <ac:chgData name="White, Alex" userId="eff6cc8c-37d8-483b-9c6c-6b27e9afa9bc" providerId="ADAL" clId="{BF04C754-5BF4-4E83-9615-DB14FA25AF8A}" dt="2023-10-12T11:38:08.274" v="295"/>
          <ac:spMkLst>
            <pc:docMk/>
            <pc:sldMk cId="2376958513" sldId="260"/>
            <ac:spMk id="8297" creationId="{F84A44F2-9478-6444-F53F-3217884EAD00}"/>
          </ac:spMkLst>
        </pc:spChg>
        <pc:spChg chg="mod">
          <ac:chgData name="White, Alex" userId="eff6cc8c-37d8-483b-9c6c-6b27e9afa9bc" providerId="ADAL" clId="{BF04C754-5BF4-4E83-9615-DB14FA25AF8A}" dt="2023-10-12T11:38:08.274" v="295"/>
          <ac:spMkLst>
            <pc:docMk/>
            <pc:sldMk cId="2376958513" sldId="260"/>
            <ac:spMk id="8298" creationId="{FBF5448F-80C5-3B19-8C43-7148001C6EAA}"/>
          </ac:spMkLst>
        </pc:spChg>
        <pc:spChg chg="mod">
          <ac:chgData name="White, Alex" userId="eff6cc8c-37d8-483b-9c6c-6b27e9afa9bc" providerId="ADAL" clId="{BF04C754-5BF4-4E83-9615-DB14FA25AF8A}" dt="2023-10-12T11:38:08.274" v="295"/>
          <ac:spMkLst>
            <pc:docMk/>
            <pc:sldMk cId="2376958513" sldId="260"/>
            <ac:spMk id="8299" creationId="{F65631BC-250F-9C8D-1876-A62B3E58869A}"/>
          </ac:spMkLst>
        </pc:spChg>
        <pc:spChg chg="mod">
          <ac:chgData name="White, Alex" userId="eff6cc8c-37d8-483b-9c6c-6b27e9afa9bc" providerId="ADAL" clId="{BF04C754-5BF4-4E83-9615-DB14FA25AF8A}" dt="2023-10-12T11:38:08.274" v="295"/>
          <ac:spMkLst>
            <pc:docMk/>
            <pc:sldMk cId="2376958513" sldId="260"/>
            <ac:spMk id="8300" creationId="{5BECBD8F-D420-D11B-E073-2F677199A24B}"/>
          </ac:spMkLst>
        </pc:spChg>
        <pc:spChg chg="mod">
          <ac:chgData name="White, Alex" userId="eff6cc8c-37d8-483b-9c6c-6b27e9afa9bc" providerId="ADAL" clId="{BF04C754-5BF4-4E83-9615-DB14FA25AF8A}" dt="2023-10-12T11:38:08.274" v="295"/>
          <ac:spMkLst>
            <pc:docMk/>
            <pc:sldMk cId="2376958513" sldId="260"/>
            <ac:spMk id="8301" creationId="{68EC0E95-4139-EAB5-8451-D0718694312B}"/>
          </ac:spMkLst>
        </pc:spChg>
        <pc:spChg chg="mod">
          <ac:chgData name="White, Alex" userId="eff6cc8c-37d8-483b-9c6c-6b27e9afa9bc" providerId="ADAL" clId="{BF04C754-5BF4-4E83-9615-DB14FA25AF8A}" dt="2023-10-12T11:38:08.274" v="295"/>
          <ac:spMkLst>
            <pc:docMk/>
            <pc:sldMk cId="2376958513" sldId="260"/>
            <ac:spMk id="8302" creationId="{594457CE-9917-6559-566F-6F5E4F4AA650}"/>
          </ac:spMkLst>
        </pc:spChg>
        <pc:spChg chg="mod">
          <ac:chgData name="White, Alex" userId="eff6cc8c-37d8-483b-9c6c-6b27e9afa9bc" providerId="ADAL" clId="{BF04C754-5BF4-4E83-9615-DB14FA25AF8A}" dt="2023-10-12T11:38:08.274" v="295"/>
          <ac:spMkLst>
            <pc:docMk/>
            <pc:sldMk cId="2376958513" sldId="260"/>
            <ac:spMk id="8303" creationId="{FABCF461-FDA0-E9F6-620E-A5618FE1FDD5}"/>
          </ac:spMkLst>
        </pc:spChg>
        <pc:spChg chg="mod">
          <ac:chgData name="White, Alex" userId="eff6cc8c-37d8-483b-9c6c-6b27e9afa9bc" providerId="ADAL" clId="{BF04C754-5BF4-4E83-9615-DB14FA25AF8A}" dt="2023-10-12T11:38:08.274" v="295"/>
          <ac:spMkLst>
            <pc:docMk/>
            <pc:sldMk cId="2376958513" sldId="260"/>
            <ac:spMk id="8304" creationId="{9391E180-289C-26F2-392F-22A10E7CEF42}"/>
          </ac:spMkLst>
        </pc:spChg>
        <pc:spChg chg="mod">
          <ac:chgData name="White, Alex" userId="eff6cc8c-37d8-483b-9c6c-6b27e9afa9bc" providerId="ADAL" clId="{BF04C754-5BF4-4E83-9615-DB14FA25AF8A}" dt="2023-10-12T11:38:08.274" v="295"/>
          <ac:spMkLst>
            <pc:docMk/>
            <pc:sldMk cId="2376958513" sldId="260"/>
            <ac:spMk id="8305" creationId="{B17D5E30-7B35-A105-348A-5129CC30B37E}"/>
          </ac:spMkLst>
        </pc:spChg>
        <pc:spChg chg="mod">
          <ac:chgData name="White, Alex" userId="eff6cc8c-37d8-483b-9c6c-6b27e9afa9bc" providerId="ADAL" clId="{BF04C754-5BF4-4E83-9615-DB14FA25AF8A}" dt="2023-10-12T11:38:08.274" v="295"/>
          <ac:spMkLst>
            <pc:docMk/>
            <pc:sldMk cId="2376958513" sldId="260"/>
            <ac:spMk id="8306" creationId="{58A4E053-0D63-59CE-EAA2-FDB833DB8B2A}"/>
          </ac:spMkLst>
        </pc:spChg>
        <pc:spChg chg="mod">
          <ac:chgData name="White, Alex" userId="eff6cc8c-37d8-483b-9c6c-6b27e9afa9bc" providerId="ADAL" clId="{BF04C754-5BF4-4E83-9615-DB14FA25AF8A}" dt="2023-10-12T11:38:08.274" v="295"/>
          <ac:spMkLst>
            <pc:docMk/>
            <pc:sldMk cId="2376958513" sldId="260"/>
            <ac:spMk id="8307" creationId="{F06CA156-1903-3E10-1D5D-312D3CF83B30}"/>
          </ac:spMkLst>
        </pc:spChg>
        <pc:spChg chg="mod">
          <ac:chgData name="White, Alex" userId="eff6cc8c-37d8-483b-9c6c-6b27e9afa9bc" providerId="ADAL" clId="{BF04C754-5BF4-4E83-9615-DB14FA25AF8A}" dt="2023-10-12T11:38:08.274" v="295"/>
          <ac:spMkLst>
            <pc:docMk/>
            <pc:sldMk cId="2376958513" sldId="260"/>
            <ac:spMk id="8308" creationId="{8DF17B34-EF8B-3F93-53A5-27B560DB63B1}"/>
          </ac:spMkLst>
        </pc:spChg>
        <pc:spChg chg="mod">
          <ac:chgData name="White, Alex" userId="eff6cc8c-37d8-483b-9c6c-6b27e9afa9bc" providerId="ADAL" clId="{BF04C754-5BF4-4E83-9615-DB14FA25AF8A}" dt="2023-10-12T11:38:08.274" v="295"/>
          <ac:spMkLst>
            <pc:docMk/>
            <pc:sldMk cId="2376958513" sldId="260"/>
            <ac:spMk id="8309" creationId="{3D4A538C-6B3F-0390-266F-9A8251670884}"/>
          </ac:spMkLst>
        </pc:spChg>
        <pc:spChg chg="mod">
          <ac:chgData name="White, Alex" userId="eff6cc8c-37d8-483b-9c6c-6b27e9afa9bc" providerId="ADAL" clId="{BF04C754-5BF4-4E83-9615-DB14FA25AF8A}" dt="2023-10-12T11:38:08.274" v="295"/>
          <ac:spMkLst>
            <pc:docMk/>
            <pc:sldMk cId="2376958513" sldId="260"/>
            <ac:spMk id="8310" creationId="{2ADDC29C-1EDD-CB0D-281C-B5155AC1308A}"/>
          </ac:spMkLst>
        </pc:spChg>
        <pc:spChg chg="mod">
          <ac:chgData name="White, Alex" userId="eff6cc8c-37d8-483b-9c6c-6b27e9afa9bc" providerId="ADAL" clId="{BF04C754-5BF4-4E83-9615-DB14FA25AF8A}" dt="2023-10-12T11:38:08.274" v="295"/>
          <ac:spMkLst>
            <pc:docMk/>
            <pc:sldMk cId="2376958513" sldId="260"/>
            <ac:spMk id="8311" creationId="{3BF3C54F-085B-140B-C835-7261626CA4DB}"/>
          </ac:spMkLst>
        </pc:spChg>
        <pc:spChg chg="mod">
          <ac:chgData name="White, Alex" userId="eff6cc8c-37d8-483b-9c6c-6b27e9afa9bc" providerId="ADAL" clId="{BF04C754-5BF4-4E83-9615-DB14FA25AF8A}" dt="2023-10-12T11:38:08.274" v="295"/>
          <ac:spMkLst>
            <pc:docMk/>
            <pc:sldMk cId="2376958513" sldId="260"/>
            <ac:spMk id="8312" creationId="{18FAC812-B36A-EAB8-5B02-5520C5744B7F}"/>
          </ac:spMkLst>
        </pc:spChg>
        <pc:spChg chg="mod">
          <ac:chgData name="White, Alex" userId="eff6cc8c-37d8-483b-9c6c-6b27e9afa9bc" providerId="ADAL" clId="{BF04C754-5BF4-4E83-9615-DB14FA25AF8A}" dt="2023-10-12T11:38:08.274" v="295"/>
          <ac:spMkLst>
            <pc:docMk/>
            <pc:sldMk cId="2376958513" sldId="260"/>
            <ac:spMk id="8313" creationId="{2F62EECF-72F5-3EBB-AC35-D331C977DF0C}"/>
          </ac:spMkLst>
        </pc:spChg>
        <pc:spChg chg="mod">
          <ac:chgData name="White, Alex" userId="eff6cc8c-37d8-483b-9c6c-6b27e9afa9bc" providerId="ADAL" clId="{BF04C754-5BF4-4E83-9615-DB14FA25AF8A}" dt="2023-10-12T11:38:08.274" v="295"/>
          <ac:spMkLst>
            <pc:docMk/>
            <pc:sldMk cId="2376958513" sldId="260"/>
            <ac:spMk id="8314" creationId="{A9807C6C-E395-7603-A473-8D039400BE8B}"/>
          </ac:spMkLst>
        </pc:spChg>
        <pc:spChg chg="mod">
          <ac:chgData name="White, Alex" userId="eff6cc8c-37d8-483b-9c6c-6b27e9afa9bc" providerId="ADAL" clId="{BF04C754-5BF4-4E83-9615-DB14FA25AF8A}" dt="2023-10-12T11:38:08.274" v="295"/>
          <ac:spMkLst>
            <pc:docMk/>
            <pc:sldMk cId="2376958513" sldId="260"/>
            <ac:spMk id="8315" creationId="{7B270326-69A0-0E5D-0330-7D7BE0AE7578}"/>
          </ac:spMkLst>
        </pc:spChg>
        <pc:spChg chg="mod">
          <ac:chgData name="White, Alex" userId="eff6cc8c-37d8-483b-9c6c-6b27e9afa9bc" providerId="ADAL" clId="{BF04C754-5BF4-4E83-9615-DB14FA25AF8A}" dt="2023-10-12T11:38:08.274" v="295"/>
          <ac:spMkLst>
            <pc:docMk/>
            <pc:sldMk cId="2376958513" sldId="260"/>
            <ac:spMk id="8316" creationId="{F89C44C3-0402-30F7-FC31-38E820D5546A}"/>
          </ac:spMkLst>
        </pc:spChg>
        <pc:spChg chg="mod">
          <ac:chgData name="White, Alex" userId="eff6cc8c-37d8-483b-9c6c-6b27e9afa9bc" providerId="ADAL" clId="{BF04C754-5BF4-4E83-9615-DB14FA25AF8A}" dt="2023-10-12T11:38:08.274" v="295"/>
          <ac:spMkLst>
            <pc:docMk/>
            <pc:sldMk cId="2376958513" sldId="260"/>
            <ac:spMk id="8317" creationId="{F2E5E1EC-7E5F-A563-1A61-70E0D79B0BAF}"/>
          </ac:spMkLst>
        </pc:spChg>
        <pc:spChg chg="mod">
          <ac:chgData name="White, Alex" userId="eff6cc8c-37d8-483b-9c6c-6b27e9afa9bc" providerId="ADAL" clId="{BF04C754-5BF4-4E83-9615-DB14FA25AF8A}" dt="2023-10-12T11:38:08.274" v="295"/>
          <ac:spMkLst>
            <pc:docMk/>
            <pc:sldMk cId="2376958513" sldId="260"/>
            <ac:spMk id="8318" creationId="{4199B3B2-8553-A0AB-D7E5-B91223A8F07D}"/>
          </ac:spMkLst>
        </pc:spChg>
        <pc:spChg chg="mod">
          <ac:chgData name="White, Alex" userId="eff6cc8c-37d8-483b-9c6c-6b27e9afa9bc" providerId="ADAL" clId="{BF04C754-5BF4-4E83-9615-DB14FA25AF8A}" dt="2023-10-12T11:38:08.274" v="295"/>
          <ac:spMkLst>
            <pc:docMk/>
            <pc:sldMk cId="2376958513" sldId="260"/>
            <ac:spMk id="8319" creationId="{0B07C360-E3AC-9FEE-4C8D-EF92C47F4448}"/>
          </ac:spMkLst>
        </pc:spChg>
        <pc:spChg chg="mod">
          <ac:chgData name="White, Alex" userId="eff6cc8c-37d8-483b-9c6c-6b27e9afa9bc" providerId="ADAL" clId="{BF04C754-5BF4-4E83-9615-DB14FA25AF8A}" dt="2023-10-12T11:38:08.274" v="295"/>
          <ac:spMkLst>
            <pc:docMk/>
            <pc:sldMk cId="2376958513" sldId="260"/>
            <ac:spMk id="8320" creationId="{8164FC1D-4D3F-A96E-FE6C-4285CEB68002}"/>
          </ac:spMkLst>
        </pc:spChg>
        <pc:spChg chg="mod">
          <ac:chgData name="White, Alex" userId="eff6cc8c-37d8-483b-9c6c-6b27e9afa9bc" providerId="ADAL" clId="{BF04C754-5BF4-4E83-9615-DB14FA25AF8A}" dt="2023-10-12T11:38:08.274" v="295"/>
          <ac:spMkLst>
            <pc:docMk/>
            <pc:sldMk cId="2376958513" sldId="260"/>
            <ac:spMk id="8321" creationId="{A7D080B8-0E2A-B396-9976-D3C9BAD8FE2D}"/>
          </ac:spMkLst>
        </pc:spChg>
        <pc:spChg chg="mod">
          <ac:chgData name="White, Alex" userId="eff6cc8c-37d8-483b-9c6c-6b27e9afa9bc" providerId="ADAL" clId="{BF04C754-5BF4-4E83-9615-DB14FA25AF8A}" dt="2023-10-12T11:38:08.274" v="295"/>
          <ac:spMkLst>
            <pc:docMk/>
            <pc:sldMk cId="2376958513" sldId="260"/>
            <ac:spMk id="8322" creationId="{A0038547-FD71-964F-8BDE-CC23A2BA16CE}"/>
          </ac:spMkLst>
        </pc:spChg>
        <pc:spChg chg="mod">
          <ac:chgData name="White, Alex" userId="eff6cc8c-37d8-483b-9c6c-6b27e9afa9bc" providerId="ADAL" clId="{BF04C754-5BF4-4E83-9615-DB14FA25AF8A}" dt="2023-10-12T11:38:08.274" v="295"/>
          <ac:spMkLst>
            <pc:docMk/>
            <pc:sldMk cId="2376958513" sldId="260"/>
            <ac:spMk id="8323" creationId="{6323998B-FAEB-44C8-2E6F-B8781662E7B7}"/>
          </ac:spMkLst>
        </pc:spChg>
        <pc:spChg chg="mod">
          <ac:chgData name="White, Alex" userId="eff6cc8c-37d8-483b-9c6c-6b27e9afa9bc" providerId="ADAL" clId="{BF04C754-5BF4-4E83-9615-DB14FA25AF8A}" dt="2023-10-12T11:38:08.274" v="295"/>
          <ac:spMkLst>
            <pc:docMk/>
            <pc:sldMk cId="2376958513" sldId="260"/>
            <ac:spMk id="8324" creationId="{83E3B6E3-BCE3-F737-5770-91A4C408D033}"/>
          </ac:spMkLst>
        </pc:spChg>
        <pc:spChg chg="mod">
          <ac:chgData name="White, Alex" userId="eff6cc8c-37d8-483b-9c6c-6b27e9afa9bc" providerId="ADAL" clId="{BF04C754-5BF4-4E83-9615-DB14FA25AF8A}" dt="2023-10-12T11:38:08.274" v="295"/>
          <ac:spMkLst>
            <pc:docMk/>
            <pc:sldMk cId="2376958513" sldId="260"/>
            <ac:spMk id="8325" creationId="{C551E490-9620-0DE9-95F9-F1048626CD1A}"/>
          </ac:spMkLst>
        </pc:spChg>
        <pc:spChg chg="mod">
          <ac:chgData name="White, Alex" userId="eff6cc8c-37d8-483b-9c6c-6b27e9afa9bc" providerId="ADAL" clId="{BF04C754-5BF4-4E83-9615-DB14FA25AF8A}" dt="2023-10-12T11:38:08.274" v="295"/>
          <ac:spMkLst>
            <pc:docMk/>
            <pc:sldMk cId="2376958513" sldId="260"/>
            <ac:spMk id="8326" creationId="{3094E41C-AB00-F4E3-783C-CFEE2E404AA2}"/>
          </ac:spMkLst>
        </pc:spChg>
        <pc:spChg chg="mod">
          <ac:chgData name="White, Alex" userId="eff6cc8c-37d8-483b-9c6c-6b27e9afa9bc" providerId="ADAL" clId="{BF04C754-5BF4-4E83-9615-DB14FA25AF8A}" dt="2023-10-12T11:38:08.274" v="295"/>
          <ac:spMkLst>
            <pc:docMk/>
            <pc:sldMk cId="2376958513" sldId="260"/>
            <ac:spMk id="8327" creationId="{7F4C9F9A-6CE3-1898-25FF-DC6F530AB21C}"/>
          </ac:spMkLst>
        </pc:spChg>
        <pc:spChg chg="mod">
          <ac:chgData name="White, Alex" userId="eff6cc8c-37d8-483b-9c6c-6b27e9afa9bc" providerId="ADAL" clId="{BF04C754-5BF4-4E83-9615-DB14FA25AF8A}" dt="2023-10-12T11:38:08.274" v="295"/>
          <ac:spMkLst>
            <pc:docMk/>
            <pc:sldMk cId="2376958513" sldId="260"/>
            <ac:spMk id="8328" creationId="{FE3E8E6D-01B4-32AD-49F6-86CED24B4124}"/>
          </ac:spMkLst>
        </pc:spChg>
        <pc:spChg chg="mod">
          <ac:chgData name="White, Alex" userId="eff6cc8c-37d8-483b-9c6c-6b27e9afa9bc" providerId="ADAL" clId="{BF04C754-5BF4-4E83-9615-DB14FA25AF8A}" dt="2023-10-12T11:38:08.274" v="295"/>
          <ac:spMkLst>
            <pc:docMk/>
            <pc:sldMk cId="2376958513" sldId="260"/>
            <ac:spMk id="8329" creationId="{681D7888-C18F-B45C-C707-B483DD85081D}"/>
          </ac:spMkLst>
        </pc:spChg>
        <pc:spChg chg="mod">
          <ac:chgData name="White, Alex" userId="eff6cc8c-37d8-483b-9c6c-6b27e9afa9bc" providerId="ADAL" clId="{BF04C754-5BF4-4E83-9615-DB14FA25AF8A}" dt="2023-10-12T11:38:08.274" v="295"/>
          <ac:spMkLst>
            <pc:docMk/>
            <pc:sldMk cId="2376958513" sldId="260"/>
            <ac:spMk id="8330" creationId="{82CCE2D5-9032-0085-898B-4DFDED33CDB9}"/>
          </ac:spMkLst>
        </pc:spChg>
        <pc:spChg chg="mod">
          <ac:chgData name="White, Alex" userId="eff6cc8c-37d8-483b-9c6c-6b27e9afa9bc" providerId="ADAL" clId="{BF04C754-5BF4-4E83-9615-DB14FA25AF8A}" dt="2023-10-12T11:38:08.274" v="295"/>
          <ac:spMkLst>
            <pc:docMk/>
            <pc:sldMk cId="2376958513" sldId="260"/>
            <ac:spMk id="8331" creationId="{436DE0DD-5E7F-8D95-9DD5-759ABE392F72}"/>
          </ac:spMkLst>
        </pc:spChg>
        <pc:spChg chg="mod">
          <ac:chgData name="White, Alex" userId="eff6cc8c-37d8-483b-9c6c-6b27e9afa9bc" providerId="ADAL" clId="{BF04C754-5BF4-4E83-9615-DB14FA25AF8A}" dt="2023-10-12T11:38:08.274" v="295"/>
          <ac:spMkLst>
            <pc:docMk/>
            <pc:sldMk cId="2376958513" sldId="260"/>
            <ac:spMk id="8332" creationId="{84236450-1EA7-7F7D-8E17-F169C3C351F5}"/>
          </ac:spMkLst>
        </pc:spChg>
        <pc:spChg chg="mod">
          <ac:chgData name="White, Alex" userId="eff6cc8c-37d8-483b-9c6c-6b27e9afa9bc" providerId="ADAL" clId="{BF04C754-5BF4-4E83-9615-DB14FA25AF8A}" dt="2023-10-12T11:38:08.274" v="295"/>
          <ac:spMkLst>
            <pc:docMk/>
            <pc:sldMk cId="2376958513" sldId="260"/>
            <ac:spMk id="8333" creationId="{F1B7A1F5-2D2B-7E1A-6FA8-CB689550B415}"/>
          </ac:spMkLst>
        </pc:spChg>
        <pc:spChg chg="mod">
          <ac:chgData name="White, Alex" userId="eff6cc8c-37d8-483b-9c6c-6b27e9afa9bc" providerId="ADAL" clId="{BF04C754-5BF4-4E83-9615-DB14FA25AF8A}" dt="2023-10-12T11:38:08.274" v="295"/>
          <ac:spMkLst>
            <pc:docMk/>
            <pc:sldMk cId="2376958513" sldId="260"/>
            <ac:spMk id="8334" creationId="{C7CB5509-F464-FD06-6286-55583FAA9F52}"/>
          </ac:spMkLst>
        </pc:spChg>
        <pc:spChg chg="mod">
          <ac:chgData name="White, Alex" userId="eff6cc8c-37d8-483b-9c6c-6b27e9afa9bc" providerId="ADAL" clId="{BF04C754-5BF4-4E83-9615-DB14FA25AF8A}" dt="2023-10-12T11:38:08.274" v="295"/>
          <ac:spMkLst>
            <pc:docMk/>
            <pc:sldMk cId="2376958513" sldId="260"/>
            <ac:spMk id="8335" creationId="{6245E6CA-0F1A-E269-643D-A6849DF32C70}"/>
          </ac:spMkLst>
        </pc:spChg>
        <pc:spChg chg="mod">
          <ac:chgData name="White, Alex" userId="eff6cc8c-37d8-483b-9c6c-6b27e9afa9bc" providerId="ADAL" clId="{BF04C754-5BF4-4E83-9615-DB14FA25AF8A}" dt="2023-10-12T11:38:08.274" v="295"/>
          <ac:spMkLst>
            <pc:docMk/>
            <pc:sldMk cId="2376958513" sldId="260"/>
            <ac:spMk id="8336" creationId="{9E203E98-9850-9C04-30A7-6C132ACF6D97}"/>
          </ac:spMkLst>
        </pc:spChg>
        <pc:spChg chg="mod">
          <ac:chgData name="White, Alex" userId="eff6cc8c-37d8-483b-9c6c-6b27e9afa9bc" providerId="ADAL" clId="{BF04C754-5BF4-4E83-9615-DB14FA25AF8A}" dt="2023-10-12T11:38:08.274" v="295"/>
          <ac:spMkLst>
            <pc:docMk/>
            <pc:sldMk cId="2376958513" sldId="260"/>
            <ac:spMk id="8337" creationId="{6678D927-FC7C-FA0E-205A-E5A4730C45A2}"/>
          </ac:spMkLst>
        </pc:spChg>
        <pc:spChg chg="mod">
          <ac:chgData name="White, Alex" userId="eff6cc8c-37d8-483b-9c6c-6b27e9afa9bc" providerId="ADAL" clId="{BF04C754-5BF4-4E83-9615-DB14FA25AF8A}" dt="2023-10-12T11:38:08.274" v="295"/>
          <ac:spMkLst>
            <pc:docMk/>
            <pc:sldMk cId="2376958513" sldId="260"/>
            <ac:spMk id="8338" creationId="{6543612A-49D8-2BB1-7D5A-B7E6812A7FBC}"/>
          </ac:spMkLst>
        </pc:spChg>
        <pc:spChg chg="mod">
          <ac:chgData name="White, Alex" userId="eff6cc8c-37d8-483b-9c6c-6b27e9afa9bc" providerId="ADAL" clId="{BF04C754-5BF4-4E83-9615-DB14FA25AF8A}" dt="2023-10-12T11:38:08.274" v="295"/>
          <ac:spMkLst>
            <pc:docMk/>
            <pc:sldMk cId="2376958513" sldId="260"/>
            <ac:spMk id="8339" creationId="{AB1CF66A-9E8C-25E9-222E-DA98840E19ED}"/>
          </ac:spMkLst>
        </pc:spChg>
        <pc:spChg chg="mod">
          <ac:chgData name="White, Alex" userId="eff6cc8c-37d8-483b-9c6c-6b27e9afa9bc" providerId="ADAL" clId="{BF04C754-5BF4-4E83-9615-DB14FA25AF8A}" dt="2023-10-12T11:38:08.274" v="295"/>
          <ac:spMkLst>
            <pc:docMk/>
            <pc:sldMk cId="2376958513" sldId="260"/>
            <ac:spMk id="8340" creationId="{6DC84C3D-F229-6EAC-DAF4-3215757C8DFA}"/>
          </ac:spMkLst>
        </pc:spChg>
        <pc:spChg chg="mod">
          <ac:chgData name="White, Alex" userId="eff6cc8c-37d8-483b-9c6c-6b27e9afa9bc" providerId="ADAL" clId="{BF04C754-5BF4-4E83-9615-DB14FA25AF8A}" dt="2023-10-12T11:38:08.274" v="295"/>
          <ac:spMkLst>
            <pc:docMk/>
            <pc:sldMk cId="2376958513" sldId="260"/>
            <ac:spMk id="8341" creationId="{26D7B58D-4FFF-5A63-7BF4-35AAC968445A}"/>
          </ac:spMkLst>
        </pc:spChg>
        <pc:spChg chg="mod">
          <ac:chgData name="White, Alex" userId="eff6cc8c-37d8-483b-9c6c-6b27e9afa9bc" providerId="ADAL" clId="{BF04C754-5BF4-4E83-9615-DB14FA25AF8A}" dt="2023-10-12T11:38:08.274" v="295"/>
          <ac:spMkLst>
            <pc:docMk/>
            <pc:sldMk cId="2376958513" sldId="260"/>
            <ac:spMk id="8342" creationId="{CFC9DD44-7BFF-6EA9-D79A-31485291A155}"/>
          </ac:spMkLst>
        </pc:spChg>
        <pc:spChg chg="mod">
          <ac:chgData name="White, Alex" userId="eff6cc8c-37d8-483b-9c6c-6b27e9afa9bc" providerId="ADAL" clId="{BF04C754-5BF4-4E83-9615-DB14FA25AF8A}" dt="2023-10-12T11:38:08.274" v="295"/>
          <ac:spMkLst>
            <pc:docMk/>
            <pc:sldMk cId="2376958513" sldId="260"/>
            <ac:spMk id="8343" creationId="{F617D74D-9318-E1DE-8039-C914F0806C86}"/>
          </ac:spMkLst>
        </pc:spChg>
        <pc:spChg chg="mod">
          <ac:chgData name="White, Alex" userId="eff6cc8c-37d8-483b-9c6c-6b27e9afa9bc" providerId="ADAL" clId="{BF04C754-5BF4-4E83-9615-DB14FA25AF8A}" dt="2023-10-12T11:38:08.274" v="295"/>
          <ac:spMkLst>
            <pc:docMk/>
            <pc:sldMk cId="2376958513" sldId="260"/>
            <ac:spMk id="8344" creationId="{746ED5D1-41E5-924F-6414-BA60C0759BB0}"/>
          </ac:spMkLst>
        </pc:spChg>
        <pc:spChg chg="mod">
          <ac:chgData name="White, Alex" userId="eff6cc8c-37d8-483b-9c6c-6b27e9afa9bc" providerId="ADAL" clId="{BF04C754-5BF4-4E83-9615-DB14FA25AF8A}" dt="2023-10-12T11:38:08.274" v="295"/>
          <ac:spMkLst>
            <pc:docMk/>
            <pc:sldMk cId="2376958513" sldId="260"/>
            <ac:spMk id="8345" creationId="{79EC8075-F6C9-8F7A-C85E-07F43B95D994}"/>
          </ac:spMkLst>
        </pc:spChg>
        <pc:spChg chg="mod">
          <ac:chgData name="White, Alex" userId="eff6cc8c-37d8-483b-9c6c-6b27e9afa9bc" providerId="ADAL" clId="{BF04C754-5BF4-4E83-9615-DB14FA25AF8A}" dt="2023-10-12T11:38:08.274" v="295"/>
          <ac:spMkLst>
            <pc:docMk/>
            <pc:sldMk cId="2376958513" sldId="260"/>
            <ac:spMk id="8346" creationId="{DD68E94D-3334-CDB2-6882-2CC9788C434B}"/>
          </ac:spMkLst>
        </pc:spChg>
        <pc:spChg chg="mod">
          <ac:chgData name="White, Alex" userId="eff6cc8c-37d8-483b-9c6c-6b27e9afa9bc" providerId="ADAL" clId="{BF04C754-5BF4-4E83-9615-DB14FA25AF8A}" dt="2023-10-12T11:38:08.274" v="295"/>
          <ac:spMkLst>
            <pc:docMk/>
            <pc:sldMk cId="2376958513" sldId="260"/>
            <ac:spMk id="8347" creationId="{07097F37-7FD3-D530-31D2-F651A60A2918}"/>
          </ac:spMkLst>
        </pc:spChg>
        <pc:spChg chg="mod">
          <ac:chgData name="White, Alex" userId="eff6cc8c-37d8-483b-9c6c-6b27e9afa9bc" providerId="ADAL" clId="{BF04C754-5BF4-4E83-9615-DB14FA25AF8A}" dt="2023-10-12T11:38:08.274" v="295"/>
          <ac:spMkLst>
            <pc:docMk/>
            <pc:sldMk cId="2376958513" sldId="260"/>
            <ac:spMk id="8348" creationId="{C8199203-5267-6B7D-3D13-F4820EAC536F}"/>
          </ac:spMkLst>
        </pc:spChg>
        <pc:spChg chg="mod">
          <ac:chgData name="White, Alex" userId="eff6cc8c-37d8-483b-9c6c-6b27e9afa9bc" providerId="ADAL" clId="{BF04C754-5BF4-4E83-9615-DB14FA25AF8A}" dt="2023-10-12T11:38:08.274" v="295"/>
          <ac:spMkLst>
            <pc:docMk/>
            <pc:sldMk cId="2376958513" sldId="260"/>
            <ac:spMk id="8349" creationId="{4BF9582E-D365-07CF-B7E6-CA1CFDFFE47D}"/>
          </ac:spMkLst>
        </pc:spChg>
        <pc:spChg chg="mod">
          <ac:chgData name="White, Alex" userId="eff6cc8c-37d8-483b-9c6c-6b27e9afa9bc" providerId="ADAL" clId="{BF04C754-5BF4-4E83-9615-DB14FA25AF8A}" dt="2023-10-12T11:38:08.274" v="295"/>
          <ac:spMkLst>
            <pc:docMk/>
            <pc:sldMk cId="2376958513" sldId="260"/>
            <ac:spMk id="8350" creationId="{BB1D235B-CBEC-E559-6AA2-3820E1D50BFF}"/>
          </ac:spMkLst>
        </pc:spChg>
        <pc:spChg chg="mod">
          <ac:chgData name="White, Alex" userId="eff6cc8c-37d8-483b-9c6c-6b27e9afa9bc" providerId="ADAL" clId="{BF04C754-5BF4-4E83-9615-DB14FA25AF8A}" dt="2023-10-12T11:38:08.274" v="295"/>
          <ac:spMkLst>
            <pc:docMk/>
            <pc:sldMk cId="2376958513" sldId="260"/>
            <ac:spMk id="8351" creationId="{ED8E5A07-A240-F3D1-3D99-FE5CEBD75BBE}"/>
          </ac:spMkLst>
        </pc:spChg>
        <pc:spChg chg="mod">
          <ac:chgData name="White, Alex" userId="eff6cc8c-37d8-483b-9c6c-6b27e9afa9bc" providerId="ADAL" clId="{BF04C754-5BF4-4E83-9615-DB14FA25AF8A}" dt="2023-10-12T11:38:08.274" v="295"/>
          <ac:spMkLst>
            <pc:docMk/>
            <pc:sldMk cId="2376958513" sldId="260"/>
            <ac:spMk id="8352" creationId="{CC8FA22D-3208-9BFB-555C-AAAAFF7EA566}"/>
          </ac:spMkLst>
        </pc:spChg>
        <pc:spChg chg="mod">
          <ac:chgData name="White, Alex" userId="eff6cc8c-37d8-483b-9c6c-6b27e9afa9bc" providerId="ADAL" clId="{BF04C754-5BF4-4E83-9615-DB14FA25AF8A}" dt="2023-10-12T11:38:08.274" v="295"/>
          <ac:spMkLst>
            <pc:docMk/>
            <pc:sldMk cId="2376958513" sldId="260"/>
            <ac:spMk id="8353" creationId="{4F8BAEEB-955E-4EBE-323C-A95DE5BB4265}"/>
          </ac:spMkLst>
        </pc:spChg>
        <pc:spChg chg="mod">
          <ac:chgData name="White, Alex" userId="eff6cc8c-37d8-483b-9c6c-6b27e9afa9bc" providerId="ADAL" clId="{BF04C754-5BF4-4E83-9615-DB14FA25AF8A}" dt="2023-10-12T11:38:08.274" v="295"/>
          <ac:spMkLst>
            <pc:docMk/>
            <pc:sldMk cId="2376958513" sldId="260"/>
            <ac:spMk id="8354" creationId="{4F008D11-97C8-DE02-5DE6-D2D1BA2E4519}"/>
          </ac:spMkLst>
        </pc:spChg>
        <pc:spChg chg="mod">
          <ac:chgData name="White, Alex" userId="eff6cc8c-37d8-483b-9c6c-6b27e9afa9bc" providerId="ADAL" clId="{BF04C754-5BF4-4E83-9615-DB14FA25AF8A}" dt="2023-10-12T11:38:08.274" v="295"/>
          <ac:spMkLst>
            <pc:docMk/>
            <pc:sldMk cId="2376958513" sldId="260"/>
            <ac:spMk id="8355" creationId="{3883C6F2-DB85-C8CF-087A-394CF4030F7E}"/>
          </ac:spMkLst>
        </pc:spChg>
        <pc:spChg chg="mod">
          <ac:chgData name="White, Alex" userId="eff6cc8c-37d8-483b-9c6c-6b27e9afa9bc" providerId="ADAL" clId="{BF04C754-5BF4-4E83-9615-DB14FA25AF8A}" dt="2023-10-12T11:38:08.274" v="295"/>
          <ac:spMkLst>
            <pc:docMk/>
            <pc:sldMk cId="2376958513" sldId="260"/>
            <ac:spMk id="8356" creationId="{5ED1225F-26D6-065B-2504-55DB0AF1AC86}"/>
          </ac:spMkLst>
        </pc:spChg>
        <pc:spChg chg="mod">
          <ac:chgData name="White, Alex" userId="eff6cc8c-37d8-483b-9c6c-6b27e9afa9bc" providerId="ADAL" clId="{BF04C754-5BF4-4E83-9615-DB14FA25AF8A}" dt="2023-10-12T11:38:08.274" v="295"/>
          <ac:spMkLst>
            <pc:docMk/>
            <pc:sldMk cId="2376958513" sldId="260"/>
            <ac:spMk id="8357" creationId="{A6B9905A-B440-B758-9C57-5519F0061CC6}"/>
          </ac:spMkLst>
        </pc:spChg>
        <pc:spChg chg="mod">
          <ac:chgData name="White, Alex" userId="eff6cc8c-37d8-483b-9c6c-6b27e9afa9bc" providerId="ADAL" clId="{BF04C754-5BF4-4E83-9615-DB14FA25AF8A}" dt="2023-10-12T11:38:08.274" v="295"/>
          <ac:spMkLst>
            <pc:docMk/>
            <pc:sldMk cId="2376958513" sldId="260"/>
            <ac:spMk id="8358" creationId="{41FF44A8-7B60-CF62-1944-CEB5DE8DC15F}"/>
          </ac:spMkLst>
        </pc:spChg>
        <pc:spChg chg="mod">
          <ac:chgData name="White, Alex" userId="eff6cc8c-37d8-483b-9c6c-6b27e9afa9bc" providerId="ADAL" clId="{BF04C754-5BF4-4E83-9615-DB14FA25AF8A}" dt="2023-10-12T11:38:08.274" v="295"/>
          <ac:spMkLst>
            <pc:docMk/>
            <pc:sldMk cId="2376958513" sldId="260"/>
            <ac:spMk id="8359" creationId="{A0F9CA05-374E-5075-6415-1AE9489BA697}"/>
          </ac:spMkLst>
        </pc:spChg>
        <pc:spChg chg="mod">
          <ac:chgData name="White, Alex" userId="eff6cc8c-37d8-483b-9c6c-6b27e9afa9bc" providerId="ADAL" clId="{BF04C754-5BF4-4E83-9615-DB14FA25AF8A}" dt="2023-10-12T11:38:08.274" v="295"/>
          <ac:spMkLst>
            <pc:docMk/>
            <pc:sldMk cId="2376958513" sldId="260"/>
            <ac:spMk id="8360" creationId="{8D4CB262-01E6-3EF4-50F7-6750840556A8}"/>
          </ac:spMkLst>
        </pc:spChg>
        <pc:spChg chg="mod">
          <ac:chgData name="White, Alex" userId="eff6cc8c-37d8-483b-9c6c-6b27e9afa9bc" providerId="ADAL" clId="{BF04C754-5BF4-4E83-9615-DB14FA25AF8A}" dt="2023-10-12T11:38:08.274" v="295"/>
          <ac:spMkLst>
            <pc:docMk/>
            <pc:sldMk cId="2376958513" sldId="260"/>
            <ac:spMk id="8361" creationId="{2F02E67D-E4CE-D2AA-EBF0-C7EAA3D605A8}"/>
          </ac:spMkLst>
        </pc:spChg>
        <pc:spChg chg="mod">
          <ac:chgData name="White, Alex" userId="eff6cc8c-37d8-483b-9c6c-6b27e9afa9bc" providerId="ADAL" clId="{BF04C754-5BF4-4E83-9615-DB14FA25AF8A}" dt="2023-10-12T11:38:08.274" v="295"/>
          <ac:spMkLst>
            <pc:docMk/>
            <pc:sldMk cId="2376958513" sldId="260"/>
            <ac:spMk id="8362" creationId="{EF46AC76-9F6F-8D32-B39B-FEEACDC3D410}"/>
          </ac:spMkLst>
        </pc:spChg>
        <pc:spChg chg="mod">
          <ac:chgData name="White, Alex" userId="eff6cc8c-37d8-483b-9c6c-6b27e9afa9bc" providerId="ADAL" clId="{BF04C754-5BF4-4E83-9615-DB14FA25AF8A}" dt="2023-10-12T11:38:08.274" v="295"/>
          <ac:spMkLst>
            <pc:docMk/>
            <pc:sldMk cId="2376958513" sldId="260"/>
            <ac:spMk id="8363" creationId="{7D397FBC-791B-CFBC-71CE-751831E6664B}"/>
          </ac:spMkLst>
        </pc:spChg>
        <pc:spChg chg="mod">
          <ac:chgData name="White, Alex" userId="eff6cc8c-37d8-483b-9c6c-6b27e9afa9bc" providerId="ADAL" clId="{BF04C754-5BF4-4E83-9615-DB14FA25AF8A}" dt="2023-10-12T11:38:08.274" v="295"/>
          <ac:spMkLst>
            <pc:docMk/>
            <pc:sldMk cId="2376958513" sldId="260"/>
            <ac:spMk id="8364" creationId="{A81810E4-8AF2-30CC-EC0C-F134413458D2}"/>
          </ac:spMkLst>
        </pc:spChg>
        <pc:spChg chg="mod">
          <ac:chgData name="White, Alex" userId="eff6cc8c-37d8-483b-9c6c-6b27e9afa9bc" providerId="ADAL" clId="{BF04C754-5BF4-4E83-9615-DB14FA25AF8A}" dt="2023-10-12T11:38:08.274" v="295"/>
          <ac:spMkLst>
            <pc:docMk/>
            <pc:sldMk cId="2376958513" sldId="260"/>
            <ac:spMk id="8365" creationId="{20157098-BEA9-2F46-733B-BEBA3FCE09F4}"/>
          </ac:spMkLst>
        </pc:spChg>
        <pc:spChg chg="mod">
          <ac:chgData name="White, Alex" userId="eff6cc8c-37d8-483b-9c6c-6b27e9afa9bc" providerId="ADAL" clId="{BF04C754-5BF4-4E83-9615-DB14FA25AF8A}" dt="2023-10-12T11:38:08.274" v="295"/>
          <ac:spMkLst>
            <pc:docMk/>
            <pc:sldMk cId="2376958513" sldId="260"/>
            <ac:spMk id="8366" creationId="{91747EE1-0269-F493-F9D6-16D878ACD5C6}"/>
          </ac:spMkLst>
        </pc:spChg>
        <pc:spChg chg="mod">
          <ac:chgData name="White, Alex" userId="eff6cc8c-37d8-483b-9c6c-6b27e9afa9bc" providerId="ADAL" clId="{BF04C754-5BF4-4E83-9615-DB14FA25AF8A}" dt="2023-10-12T11:38:08.274" v="295"/>
          <ac:spMkLst>
            <pc:docMk/>
            <pc:sldMk cId="2376958513" sldId="260"/>
            <ac:spMk id="8367" creationId="{2B3E8A29-371C-CEF2-22FA-E2CB053F05F1}"/>
          </ac:spMkLst>
        </pc:spChg>
        <pc:spChg chg="mod">
          <ac:chgData name="White, Alex" userId="eff6cc8c-37d8-483b-9c6c-6b27e9afa9bc" providerId="ADAL" clId="{BF04C754-5BF4-4E83-9615-DB14FA25AF8A}" dt="2023-10-12T11:38:08.274" v="295"/>
          <ac:spMkLst>
            <pc:docMk/>
            <pc:sldMk cId="2376958513" sldId="260"/>
            <ac:spMk id="8368" creationId="{686701BF-F5B6-5AAA-F02C-79AC08446B1D}"/>
          </ac:spMkLst>
        </pc:spChg>
        <pc:spChg chg="mod">
          <ac:chgData name="White, Alex" userId="eff6cc8c-37d8-483b-9c6c-6b27e9afa9bc" providerId="ADAL" clId="{BF04C754-5BF4-4E83-9615-DB14FA25AF8A}" dt="2023-10-12T11:38:08.274" v="295"/>
          <ac:spMkLst>
            <pc:docMk/>
            <pc:sldMk cId="2376958513" sldId="260"/>
            <ac:spMk id="8369" creationId="{D980EDF7-D2D5-3944-CA07-BDC83184BDFE}"/>
          </ac:spMkLst>
        </pc:spChg>
        <pc:spChg chg="mod">
          <ac:chgData name="White, Alex" userId="eff6cc8c-37d8-483b-9c6c-6b27e9afa9bc" providerId="ADAL" clId="{BF04C754-5BF4-4E83-9615-DB14FA25AF8A}" dt="2023-10-12T11:38:08.274" v="295"/>
          <ac:spMkLst>
            <pc:docMk/>
            <pc:sldMk cId="2376958513" sldId="260"/>
            <ac:spMk id="8370" creationId="{B88AF76B-AE45-5701-F3DC-DEDA3FD15D64}"/>
          </ac:spMkLst>
        </pc:spChg>
        <pc:spChg chg="mod">
          <ac:chgData name="White, Alex" userId="eff6cc8c-37d8-483b-9c6c-6b27e9afa9bc" providerId="ADAL" clId="{BF04C754-5BF4-4E83-9615-DB14FA25AF8A}" dt="2023-10-12T11:38:08.274" v="295"/>
          <ac:spMkLst>
            <pc:docMk/>
            <pc:sldMk cId="2376958513" sldId="260"/>
            <ac:spMk id="8371" creationId="{8B8A0E4D-FFE2-F6F5-CB20-0149577E1C7B}"/>
          </ac:spMkLst>
        </pc:spChg>
        <pc:spChg chg="mod">
          <ac:chgData name="White, Alex" userId="eff6cc8c-37d8-483b-9c6c-6b27e9afa9bc" providerId="ADAL" clId="{BF04C754-5BF4-4E83-9615-DB14FA25AF8A}" dt="2023-10-12T11:38:08.274" v="295"/>
          <ac:spMkLst>
            <pc:docMk/>
            <pc:sldMk cId="2376958513" sldId="260"/>
            <ac:spMk id="8372" creationId="{80FEF276-EC81-3811-AA8C-35C8C01B8E05}"/>
          </ac:spMkLst>
        </pc:spChg>
        <pc:spChg chg="mod">
          <ac:chgData name="White, Alex" userId="eff6cc8c-37d8-483b-9c6c-6b27e9afa9bc" providerId="ADAL" clId="{BF04C754-5BF4-4E83-9615-DB14FA25AF8A}" dt="2023-10-12T11:38:08.274" v="295"/>
          <ac:spMkLst>
            <pc:docMk/>
            <pc:sldMk cId="2376958513" sldId="260"/>
            <ac:spMk id="8373" creationId="{F7DF36D2-3A29-E2FB-E231-C9BF4C1CC959}"/>
          </ac:spMkLst>
        </pc:spChg>
        <pc:spChg chg="mod">
          <ac:chgData name="White, Alex" userId="eff6cc8c-37d8-483b-9c6c-6b27e9afa9bc" providerId="ADAL" clId="{BF04C754-5BF4-4E83-9615-DB14FA25AF8A}" dt="2023-10-12T11:38:08.274" v="295"/>
          <ac:spMkLst>
            <pc:docMk/>
            <pc:sldMk cId="2376958513" sldId="260"/>
            <ac:spMk id="8374" creationId="{9995D719-F8BB-616F-1B88-AC83F5E369C1}"/>
          </ac:spMkLst>
        </pc:spChg>
        <pc:spChg chg="mod">
          <ac:chgData name="White, Alex" userId="eff6cc8c-37d8-483b-9c6c-6b27e9afa9bc" providerId="ADAL" clId="{BF04C754-5BF4-4E83-9615-DB14FA25AF8A}" dt="2023-10-12T11:38:08.274" v="295"/>
          <ac:spMkLst>
            <pc:docMk/>
            <pc:sldMk cId="2376958513" sldId="260"/>
            <ac:spMk id="8375" creationId="{B033BD71-0C1E-E3EE-A474-0DF714A63810}"/>
          </ac:spMkLst>
        </pc:spChg>
        <pc:spChg chg="mod">
          <ac:chgData name="White, Alex" userId="eff6cc8c-37d8-483b-9c6c-6b27e9afa9bc" providerId="ADAL" clId="{BF04C754-5BF4-4E83-9615-DB14FA25AF8A}" dt="2023-10-12T11:38:08.274" v="295"/>
          <ac:spMkLst>
            <pc:docMk/>
            <pc:sldMk cId="2376958513" sldId="260"/>
            <ac:spMk id="8376" creationId="{355A5BB2-1A94-4B1C-9539-E269B945F382}"/>
          </ac:spMkLst>
        </pc:spChg>
        <pc:spChg chg="mod">
          <ac:chgData name="White, Alex" userId="eff6cc8c-37d8-483b-9c6c-6b27e9afa9bc" providerId="ADAL" clId="{BF04C754-5BF4-4E83-9615-DB14FA25AF8A}" dt="2023-10-12T11:38:08.274" v="295"/>
          <ac:spMkLst>
            <pc:docMk/>
            <pc:sldMk cId="2376958513" sldId="260"/>
            <ac:spMk id="8377" creationId="{95EAB18A-7961-0DA5-71FC-8877FEEFC53F}"/>
          </ac:spMkLst>
        </pc:spChg>
        <pc:spChg chg="mod">
          <ac:chgData name="White, Alex" userId="eff6cc8c-37d8-483b-9c6c-6b27e9afa9bc" providerId="ADAL" clId="{BF04C754-5BF4-4E83-9615-DB14FA25AF8A}" dt="2023-10-12T11:38:08.274" v="295"/>
          <ac:spMkLst>
            <pc:docMk/>
            <pc:sldMk cId="2376958513" sldId="260"/>
            <ac:spMk id="8378" creationId="{C0AD7ACB-C5C3-2CD5-1A28-5201CEA13477}"/>
          </ac:spMkLst>
        </pc:spChg>
        <pc:spChg chg="mod">
          <ac:chgData name="White, Alex" userId="eff6cc8c-37d8-483b-9c6c-6b27e9afa9bc" providerId="ADAL" clId="{BF04C754-5BF4-4E83-9615-DB14FA25AF8A}" dt="2023-10-12T11:38:08.274" v="295"/>
          <ac:spMkLst>
            <pc:docMk/>
            <pc:sldMk cId="2376958513" sldId="260"/>
            <ac:spMk id="8379" creationId="{D995F0D8-6E01-3CCD-7C2E-B2C348FAC0BD}"/>
          </ac:spMkLst>
        </pc:spChg>
        <pc:spChg chg="mod">
          <ac:chgData name="White, Alex" userId="eff6cc8c-37d8-483b-9c6c-6b27e9afa9bc" providerId="ADAL" clId="{BF04C754-5BF4-4E83-9615-DB14FA25AF8A}" dt="2023-10-12T11:38:08.274" v="295"/>
          <ac:spMkLst>
            <pc:docMk/>
            <pc:sldMk cId="2376958513" sldId="260"/>
            <ac:spMk id="8380" creationId="{017D7B7C-D899-0643-C523-108770DB5BD4}"/>
          </ac:spMkLst>
        </pc:spChg>
        <pc:spChg chg="mod">
          <ac:chgData name="White, Alex" userId="eff6cc8c-37d8-483b-9c6c-6b27e9afa9bc" providerId="ADAL" clId="{BF04C754-5BF4-4E83-9615-DB14FA25AF8A}" dt="2023-10-12T11:38:08.274" v="295"/>
          <ac:spMkLst>
            <pc:docMk/>
            <pc:sldMk cId="2376958513" sldId="260"/>
            <ac:spMk id="8381" creationId="{D3432461-67E9-7862-89DD-AB498BAB8B0A}"/>
          </ac:spMkLst>
        </pc:spChg>
        <pc:spChg chg="mod">
          <ac:chgData name="White, Alex" userId="eff6cc8c-37d8-483b-9c6c-6b27e9afa9bc" providerId="ADAL" clId="{BF04C754-5BF4-4E83-9615-DB14FA25AF8A}" dt="2023-10-12T11:38:08.274" v="295"/>
          <ac:spMkLst>
            <pc:docMk/>
            <pc:sldMk cId="2376958513" sldId="260"/>
            <ac:spMk id="8382" creationId="{976B935B-EFD4-679D-4F26-F4F0922F95D6}"/>
          </ac:spMkLst>
        </pc:spChg>
        <pc:spChg chg="mod">
          <ac:chgData name="White, Alex" userId="eff6cc8c-37d8-483b-9c6c-6b27e9afa9bc" providerId="ADAL" clId="{BF04C754-5BF4-4E83-9615-DB14FA25AF8A}" dt="2023-10-12T11:38:08.274" v="295"/>
          <ac:spMkLst>
            <pc:docMk/>
            <pc:sldMk cId="2376958513" sldId="260"/>
            <ac:spMk id="8383" creationId="{37853287-73E9-28E3-50CF-53FB1C171882}"/>
          </ac:spMkLst>
        </pc:spChg>
        <pc:spChg chg="mod">
          <ac:chgData name="White, Alex" userId="eff6cc8c-37d8-483b-9c6c-6b27e9afa9bc" providerId="ADAL" clId="{BF04C754-5BF4-4E83-9615-DB14FA25AF8A}" dt="2023-10-12T11:38:08.274" v="295"/>
          <ac:spMkLst>
            <pc:docMk/>
            <pc:sldMk cId="2376958513" sldId="260"/>
            <ac:spMk id="8384" creationId="{54FD034E-D19C-E229-DF60-CAEA593E65E8}"/>
          </ac:spMkLst>
        </pc:spChg>
        <pc:spChg chg="mod">
          <ac:chgData name="White, Alex" userId="eff6cc8c-37d8-483b-9c6c-6b27e9afa9bc" providerId="ADAL" clId="{BF04C754-5BF4-4E83-9615-DB14FA25AF8A}" dt="2023-10-12T11:38:08.274" v="295"/>
          <ac:spMkLst>
            <pc:docMk/>
            <pc:sldMk cId="2376958513" sldId="260"/>
            <ac:spMk id="8385" creationId="{4A799323-8FC0-9C38-0041-B0AC8A87890B}"/>
          </ac:spMkLst>
        </pc:spChg>
        <pc:spChg chg="mod">
          <ac:chgData name="White, Alex" userId="eff6cc8c-37d8-483b-9c6c-6b27e9afa9bc" providerId="ADAL" clId="{BF04C754-5BF4-4E83-9615-DB14FA25AF8A}" dt="2023-10-12T11:38:08.274" v="295"/>
          <ac:spMkLst>
            <pc:docMk/>
            <pc:sldMk cId="2376958513" sldId="260"/>
            <ac:spMk id="8386" creationId="{3AEADEA7-AF0E-E6E8-7904-2FB25AB3CCC1}"/>
          </ac:spMkLst>
        </pc:spChg>
        <pc:spChg chg="mod">
          <ac:chgData name="White, Alex" userId="eff6cc8c-37d8-483b-9c6c-6b27e9afa9bc" providerId="ADAL" clId="{BF04C754-5BF4-4E83-9615-DB14FA25AF8A}" dt="2023-10-12T11:38:08.274" v="295"/>
          <ac:spMkLst>
            <pc:docMk/>
            <pc:sldMk cId="2376958513" sldId="260"/>
            <ac:spMk id="8387" creationId="{C44DDCE2-83D0-4840-8393-575F109F7D9E}"/>
          </ac:spMkLst>
        </pc:spChg>
        <pc:spChg chg="mod">
          <ac:chgData name="White, Alex" userId="eff6cc8c-37d8-483b-9c6c-6b27e9afa9bc" providerId="ADAL" clId="{BF04C754-5BF4-4E83-9615-DB14FA25AF8A}" dt="2023-10-12T11:38:08.274" v="295"/>
          <ac:spMkLst>
            <pc:docMk/>
            <pc:sldMk cId="2376958513" sldId="260"/>
            <ac:spMk id="8388" creationId="{0E169DD8-20FF-FE83-7945-B0D5BA7BC064}"/>
          </ac:spMkLst>
        </pc:spChg>
        <pc:spChg chg="mod">
          <ac:chgData name="White, Alex" userId="eff6cc8c-37d8-483b-9c6c-6b27e9afa9bc" providerId="ADAL" clId="{BF04C754-5BF4-4E83-9615-DB14FA25AF8A}" dt="2023-10-12T11:38:08.274" v="295"/>
          <ac:spMkLst>
            <pc:docMk/>
            <pc:sldMk cId="2376958513" sldId="260"/>
            <ac:spMk id="8389" creationId="{1139D22A-B067-49CA-B6D9-A8AF54F5350C}"/>
          </ac:spMkLst>
        </pc:spChg>
        <pc:spChg chg="mod">
          <ac:chgData name="White, Alex" userId="eff6cc8c-37d8-483b-9c6c-6b27e9afa9bc" providerId="ADAL" clId="{BF04C754-5BF4-4E83-9615-DB14FA25AF8A}" dt="2023-10-12T11:38:08.274" v="295"/>
          <ac:spMkLst>
            <pc:docMk/>
            <pc:sldMk cId="2376958513" sldId="260"/>
            <ac:spMk id="8390" creationId="{058324DC-A56C-BA3B-CA04-839DFB6BB6EF}"/>
          </ac:spMkLst>
        </pc:spChg>
        <pc:spChg chg="mod">
          <ac:chgData name="White, Alex" userId="eff6cc8c-37d8-483b-9c6c-6b27e9afa9bc" providerId="ADAL" clId="{BF04C754-5BF4-4E83-9615-DB14FA25AF8A}" dt="2023-10-12T11:38:08.274" v="295"/>
          <ac:spMkLst>
            <pc:docMk/>
            <pc:sldMk cId="2376958513" sldId="260"/>
            <ac:spMk id="8391" creationId="{2700B813-A4E1-342B-6BA1-82271EB973E3}"/>
          </ac:spMkLst>
        </pc:spChg>
        <pc:spChg chg="mod">
          <ac:chgData name="White, Alex" userId="eff6cc8c-37d8-483b-9c6c-6b27e9afa9bc" providerId="ADAL" clId="{BF04C754-5BF4-4E83-9615-DB14FA25AF8A}" dt="2023-10-12T11:38:08.274" v="295"/>
          <ac:spMkLst>
            <pc:docMk/>
            <pc:sldMk cId="2376958513" sldId="260"/>
            <ac:spMk id="8392" creationId="{19F13010-3A33-F389-F28C-6B422E215787}"/>
          </ac:spMkLst>
        </pc:spChg>
        <pc:spChg chg="mod">
          <ac:chgData name="White, Alex" userId="eff6cc8c-37d8-483b-9c6c-6b27e9afa9bc" providerId="ADAL" clId="{BF04C754-5BF4-4E83-9615-DB14FA25AF8A}" dt="2023-10-12T11:38:08.274" v="295"/>
          <ac:spMkLst>
            <pc:docMk/>
            <pc:sldMk cId="2376958513" sldId="260"/>
            <ac:spMk id="8393" creationId="{66957BDD-6BB5-95DB-C9A1-B46B63E1FC9F}"/>
          </ac:spMkLst>
        </pc:spChg>
        <pc:spChg chg="mod">
          <ac:chgData name="White, Alex" userId="eff6cc8c-37d8-483b-9c6c-6b27e9afa9bc" providerId="ADAL" clId="{BF04C754-5BF4-4E83-9615-DB14FA25AF8A}" dt="2023-10-12T11:38:08.274" v="295"/>
          <ac:spMkLst>
            <pc:docMk/>
            <pc:sldMk cId="2376958513" sldId="260"/>
            <ac:spMk id="8394" creationId="{1B80CE4C-03F2-B0B4-0E50-2CE2CC494232}"/>
          </ac:spMkLst>
        </pc:spChg>
        <pc:spChg chg="mod">
          <ac:chgData name="White, Alex" userId="eff6cc8c-37d8-483b-9c6c-6b27e9afa9bc" providerId="ADAL" clId="{BF04C754-5BF4-4E83-9615-DB14FA25AF8A}" dt="2023-10-12T11:38:08.274" v="295"/>
          <ac:spMkLst>
            <pc:docMk/>
            <pc:sldMk cId="2376958513" sldId="260"/>
            <ac:spMk id="8395" creationId="{51C85A97-7366-4A5C-3276-7968D5B9898E}"/>
          </ac:spMkLst>
        </pc:spChg>
        <pc:spChg chg="mod">
          <ac:chgData name="White, Alex" userId="eff6cc8c-37d8-483b-9c6c-6b27e9afa9bc" providerId="ADAL" clId="{BF04C754-5BF4-4E83-9615-DB14FA25AF8A}" dt="2023-10-12T11:38:08.274" v="295"/>
          <ac:spMkLst>
            <pc:docMk/>
            <pc:sldMk cId="2376958513" sldId="260"/>
            <ac:spMk id="8396" creationId="{E267D43F-980A-E664-550D-B874BBCEB007}"/>
          </ac:spMkLst>
        </pc:spChg>
        <pc:spChg chg="mod">
          <ac:chgData name="White, Alex" userId="eff6cc8c-37d8-483b-9c6c-6b27e9afa9bc" providerId="ADAL" clId="{BF04C754-5BF4-4E83-9615-DB14FA25AF8A}" dt="2023-10-12T11:38:08.274" v="295"/>
          <ac:spMkLst>
            <pc:docMk/>
            <pc:sldMk cId="2376958513" sldId="260"/>
            <ac:spMk id="8397" creationId="{40E123BD-532E-8B66-6473-89D0AAB81AF8}"/>
          </ac:spMkLst>
        </pc:spChg>
        <pc:spChg chg="mod">
          <ac:chgData name="White, Alex" userId="eff6cc8c-37d8-483b-9c6c-6b27e9afa9bc" providerId="ADAL" clId="{BF04C754-5BF4-4E83-9615-DB14FA25AF8A}" dt="2023-10-12T11:38:08.274" v="295"/>
          <ac:spMkLst>
            <pc:docMk/>
            <pc:sldMk cId="2376958513" sldId="260"/>
            <ac:spMk id="8398" creationId="{F813CE9C-DB36-F1D5-92C5-ECE052A16E56}"/>
          </ac:spMkLst>
        </pc:spChg>
        <pc:spChg chg="mod">
          <ac:chgData name="White, Alex" userId="eff6cc8c-37d8-483b-9c6c-6b27e9afa9bc" providerId="ADAL" clId="{BF04C754-5BF4-4E83-9615-DB14FA25AF8A}" dt="2023-10-12T11:38:08.274" v="295"/>
          <ac:spMkLst>
            <pc:docMk/>
            <pc:sldMk cId="2376958513" sldId="260"/>
            <ac:spMk id="8399" creationId="{8448DE4A-5D08-99E8-5183-456A056D8F05}"/>
          </ac:spMkLst>
        </pc:spChg>
        <pc:spChg chg="mod">
          <ac:chgData name="White, Alex" userId="eff6cc8c-37d8-483b-9c6c-6b27e9afa9bc" providerId="ADAL" clId="{BF04C754-5BF4-4E83-9615-DB14FA25AF8A}" dt="2023-10-12T11:38:08.274" v="295"/>
          <ac:spMkLst>
            <pc:docMk/>
            <pc:sldMk cId="2376958513" sldId="260"/>
            <ac:spMk id="8400" creationId="{732969D6-8168-F099-8179-FC115FBA4BA8}"/>
          </ac:spMkLst>
        </pc:spChg>
        <pc:spChg chg="mod">
          <ac:chgData name="White, Alex" userId="eff6cc8c-37d8-483b-9c6c-6b27e9afa9bc" providerId="ADAL" clId="{BF04C754-5BF4-4E83-9615-DB14FA25AF8A}" dt="2023-10-12T11:38:08.274" v="295"/>
          <ac:spMkLst>
            <pc:docMk/>
            <pc:sldMk cId="2376958513" sldId="260"/>
            <ac:spMk id="8401" creationId="{D2D33975-CAB8-473B-DF52-1AEFBF63B9ED}"/>
          </ac:spMkLst>
        </pc:spChg>
        <pc:spChg chg="mod">
          <ac:chgData name="White, Alex" userId="eff6cc8c-37d8-483b-9c6c-6b27e9afa9bc" providerId="ADAL" clId="{BF04C754-5BF4-4E83-9615-DB14FA25AF8A}" dt="2023-10-12T11:38:08.274" v="295"/>
          <ac:spMkLst>
            <pc:docMk/>
            <pc:sldMk cId="2376958513" sldId="260"/>
            <ac:spMk id="8402" creationId="{B6A8DE4D-E248-4D2C-048C-97626ACDCCB8}"/>
          </ac:spMkLst>
        </pc:spChg>
        <pc:spChg chg="mod">
          <ac:chgData name="White, Alex" userId="eff6cc8c-37d8-483b-9c6c-6b27e9afa9bc" providerId="ADAL" clId="{BF04C754-5BF4-4E83-9615-DB14FA25AF8A}" dt="2023-10-12T11:38:08.274" v="295"/>
          <ac:spMkLst>
            <pc:docMk/>
            <pc:sldMk cId="2376958513" sldId="260"/>
            <ac:spMk id="8403" creationId="{27594083-6551-F66B-A61D-0BA2B3A9DF7A}"/>
          </ac:spMkLst>
        </pc:spChg>
        <pc:spChg chg="mod">
          <ac:chgData name="White, Alex" userId="eff6cc8c-37d8-483b-9c6c-6b27e9afa9bc" providerId="ADAL" clId="{BF04C754-5BF4-4E83-9615-DB14FA25AF8A}" dt="2023-10-12T11:38:08.274" v="295"/>
          <ac:spMkLst>
            <pc:docMk/>
            <pc:sldMk cId="2376958513" sldId="260"/>
            <ac:spMk id="8404" creationId="{72C52C21-9E46-C2F9-3E10-06C40E7BFE9D}"/>
          </ac:spMkLst>
        </pc:spChg>
        <pc:spChg chg="mod">
          <ac:chgData name="White, Alex" userId="eff6cc8c-37d8-483b-9c6c-6b27e9afa9bc" providerId="ADAL" clId="{BF04C754-5BF4-4E83-9615-DB14FA25AF8A}" dt="2023-10-12T11:38:08.274" v="295"/>
          <ac:spMkLst>
            <pc:docMk/>
            <pc:sldMk cId="2376958513" sldId="260"/>
            <ac:spMk id="8405" creationId="{BAEE15BA-18D0-AEB7-C122-82B462423718}"/>
          </ac:spMkLst>
        </pc:spChg>
        <pc:spChg chg="mod">
          <ac:chgData name="White, Alex" userId="eff6cc8c-37d8-483b-9c6c-6b27e9afa9bc" providerId="ADAL" clId="{BF04C754-5BF4-4E83-9615-DB14FA25AF8A}" dt="2023-10-12T11:38:08.274" v="295"/>
          <ac:spMkLst>
            <pc:docMk/>
            <pc:sldMk cId="2376958513" sldId="260"/>
            <ac:spMk id="8406" creationId="{ED895774-7856-A8E3-E919-9F93DC86247A}"/>
          </ac:spMkLst>
        </pc:spChg>
        <pc:spChg chg="mod">
          <ac:chgData name="White, Alex" userId="eff6cc8c-37d8-483b-9c6c-6b27e9afa9bc" providerId="ADAL" clId="{BF04C754-5BF4-4E83-9615-DB14FA25AF8A}" dt="2023-10-12T11:38:08.274" v="295"/>
          <ac:spMkLst>
            <pc:docMk/>
            <pc:sldMk cId="2376958513" sldId="260"/>
            <ac:spMk id="8407" creationId="{30F28B90-F42A-6EEA-E817-6BB5D0A18FCA}"/>
          </ac:spMkLst>
        </pc:spChg>
        <pc:spChg chg="mod">
          <ac:chgData name="White, Alex" userId="eff6cc8c-37d8-483b-9c6c-6b27e9afa9bc" providerId="ADAL" clId="{BF04C754-5BF4-4E83-9615-DB14FA25AF8A}" dt="2023-10-12T11:38:08.274" v="295"/>
          <ac:spMkLst>
            <pc:docMk/>
            <pc:sldMk cId="2376958513" sldId="260"/>
            <ac:spMk id="8408" creationId="{23754B77-738C-8ADB-9923-641EF7346B9D}"/>
          </ac:spMkLst>
        </pc:spChg>
        <pc:spChg chg="mod">
          <ac:chgData name="White, Alex" userId="eff6cc8c-37d8-483b-9c6c-6b27e9afa9bc" providerId="ADAL" clId="{BF04C754-5BF4-4E83-9615-DB14FA25AF8A}" dt="2023-10-12T11:38:08.274" v="295"/>
          <ac:spMkLst>
            <pc:docMk/>
            <pc:sldMk cId="2376958513" sldId="260"/>
            <ac:spMk id="8409" creationId="{E52DA936-A799-8228-AD71-1584061FA50A}"/>
          </ac:spMkLst>
        </pc:spChg>
        <pc:spChg chg="mod">
          <ac:chgData name="White, Alex" userId="eff6cc8c-37d8-483b-9c6c-6b27e9afa9bc" providerId="ADAL" clId="{BF04C754-5BF4-4E83-9615-DB14FA25AF8A}" dt="2023-10-12T11:38:08.274" v="295"/>
          <ac:spMkLst>
            <pc:docMk/>
            <pc:sldMk cId="2376958513" sldId="260"/>
            <ac:spMk id="8410" creationId="{1CDA7265-32E9-E0F5-FB4C-1CB7328CEA2A}"/>
          </ac:spMkLst>
        </pc:spChg>
        <pc:spChg chg="mod">
          <ac:chgData name="White, Alex" userId="eff6cc8c-37d8-483b-9c6c-6b27e9afa9bc" providerId="ADAL" clId="{BF04C754-5BF4-4E83-9615-DB14FA25AF8A}" dt="2023-10-12T11:38:08.274" v="295"/>
          <ac:spMkLst>
            <pc:docMk/>
            <pc:sldMk cId="2376958513" sldId="260"/>
            <ac:spMk id="8411" creationId="{3C893B5B-C533-A5A7-9403-8C1CAF51C0E0}"/>
          </ac:spMkLst>
        </pc:spChg>
        <pc:spChg chg="mod">
          <ac:chgData name="White, Alex" userId="eff6cc8c-37d8-483b-9c6c-6b27e9afa9bc" providerId="ADAL" clId="{BF04C754-5BF4-4E83-9615-DB14FA25AF8A}" dt="2023-10-12T11:38:08.274" v="295"/>
          <ac:spMkLst>
            <pc:docMk/>
            <pc:sldMk cId="2376958513" sldId="260"/>
            <ac:spMk id="8412" creationId="{DDE3F689-AB4D-DFF1-4E8F-5964A9F7AA66}"/>
          </ac:spMkLst>
        </pc:spChg>
        <pc:spChg chg="mod">
          <ac:chgData name="White, Alex" userId="eff6cc8c-37d8-483b-9c6c-6b27e9afa9bc" providerId="ADAL" clId="{BF04C754-5BF4-4E83-9615-DB14FA25AF8A}" dt="2023-10-12T11:38:08.274" v="295"/>
          <ac:spMkLst>
            <pc:docMk/>
            <pc:sldMk cId="2376958513" sldId="260"/>
            <ac:spMk id="8413" creationId="{B19AE295-4030-649C-7BA7-C2DF275E269A}"/>
          </ac:spMkLst>
        </pc:spChg>
        <pc:spChg chg="mod">
          <ac:chgData name="White, Alex" userId="eff6cc8c-37d8-483b-9c6c-6b27e9afa9bc" providerId="ADAL" clId="{BF04C754-5BF4-4E83-9615-DB14FA25AF8A}" dt="2023-10-12T11:38:08.274" v="295"/>
          <ac:spMkLst>
            <pc:docMk/>
            <pc:sldMk cId="2376958513" sldId="260"/>
            <ac:spMk id="8414" creationId="{A26AFA9A-A5DF-3B5B-763F-2D1509DE16CA}"/>
          </ac:spMkLst>
        </pc:spChg>
        <pc:spChg chg="mod">
          <ac:chgData name="White, Alex" userId="eff6cc8c-37d8-483b-9c6c-6b27e9afa9bc" providerId="ADAL" clId="{BF04C754-5BF4-4E83-9615-DB14FA25AF8A}" dt="2023-10-12T11:38:08.274" v="295"/>
          <ac:spMkLst>
            <pc:docMk/>
            <pc:sldMk cId="2376958513" sldId="260"/>
            <ac:spMk id="8415" creationId="{7A10B9C9-4AA3-AA60-19F6-DC59395BC8EA}"/>
          </ac:spMkLst>
        </pc:spChg>
        <pc:spChg chg="mod">
          <ac:chgData name="White, Alex" userId="eff6cc8c-37d8-483b-9c6c-6b27e9afa9bc" providerId="ADAL" clId="{BF04C754-5BF4-4E83-9615-DB14FA25AF8A}" dt="2023-10-12T11:38:08.274" v="295"/>
          <ac:spMkLst>
            <pc:docMk/>
            <pc:sldMk cId="2376958513" sldId="260"/>
            <ac:spMk id="8416" creationId="{B30EE79C-08E7-62B5-45DA-41D7256EA4B8}"/>
          </ac:spMkLst>
        </pc:spChg>
        <pc:spChg chg="mod">
          <ac:chgData name="White, Alex" userId="eff6cc8c-37d8-483b-9c6c-6b27e9afa9bc" providerId="ADAL" clId="{BF04C754-5BF4-4E83-9615-DB14FA25AF8A}" dt="2023-10-12T11:38:08.274" v="295"/>
          <ac:spMkLst>
            <pc:docMk/>
            <pc:sldMk cId="2376958513" sldId="260"/>
            <ac:spMk id="8417" creationId="{DBB89609-0E89-27E9-DFAA-AB8D4F58BFC5}"/>
          </ac:spMkLst>
        </pc:spChg>
        <pc:spChg chg="mod">
          <ac:chgData name="White, Alex" userId="eff6cc8c-37d8-483b-9c6c-6b27e9afa9bc" providerId="ADAL" clId="{BF04C754-5BF4-4E83-9615-DB14FA25AF8A}" dt="2023-10-12T11:38:08.274" v="295"/>
          <ac:spMkLst>
            <pc:docMk/>
            <pc:sldMk cId="2376958513" sldId="260"/>
            <ac:spMk id="8418" creationId="{323AEC9E-5D29-83F3-5321-052A3600E4BF}"/>
          </ac:spMkLst>
        </pc:spChg>
        <pc:spChg chg="mod">
          <ac:chgData name="White, Alex" userId="eff6cc8c-37d8-483b-9c6c-6b27e9afa9bc" providerId="ADAL" clId="{BF04C754-5BF4-4E83-9615-DB14FA25AF8A}" dt="2023-10-12T11:38:08.274" v="295"/>
          <ac:spMkLst>
            <pc:docMk/>
            <pc:sldMk cId="2376958513" sldId="260"/>
            <ac:spMk id="8419" creationId="{785570DB-F383-BC7E-3847-EC4FD9A33548}"/>
          </ac:spMkLst>
        </pc:spChg>
        <pc:spChg chg="mod">
          <ac:chgData name="White, Alex" userId="eff6cc8c-37d8-483b-9c6c-6b27e9afa9bc" providerId="ADAL" clId="{BF04C754-5BF4-4E83-9615-DB14FA25AF8A}" dt="2023-10-12T11:38:08.274" v="295"/>
          <ac:spMkLst>
            <pc:docMk/>
            <pc:sldMk cId="2376958513" sldId="260"/>
            <ac:spMk id="8420" creationId="{E68BD9DC-712E-E1CA-83A2-5E477424C5A9}"/>
          </ac:spMkLst>
        </pc:spChg>
        <pc:spChg chg="mod">
          <ac:chgData name="White, Alex" userId="eff6cc8c-37d8-483b-9c6c-6b27e9afa9bc" providerId="ADAL" clId="{BF04C754-5BF4-4E83-9615-DB14FA25AF8A}" dt="2023-10-12T11:38:08.274" v="295"/>
          <ac:spMkLst>
            <pc:docMk/>
            <pc:sldMk cId="2376958513" sldId="260"/>
            <ac:spMk id="8421" creationId="{CCAE1464-4C44-255A-34B8-09131ECF62F7}"/>
          </ac:spMkLst>
        </pc:spChg>
        <pc:spChg chg="mod">
          <ac:chgData name="White, Alex" userId="eff6cc8c-37d8-483b-9c6c-6b27e9afa9bc" providerId="ADAL" clId="{BF04C754-5BF4-4E83-9615-DB14FA25AF8A}" dt="2023-10-12T11:38:08.274" v="295"/>
          <ac:spMkLst>
            <pc:docMk/>
            <pc:sldMk cId="2376958513" sldId="260"/>
            <ac:spMk id="8422" creationId="{E48A52B5-6C61-9656-6DF3-E81265BE442D}"/>
          </ac:spMkLst>
        </pc:spChg>
        <pc:spChg chg="mod">
          <ac:chgData name="White, Alex" userId="eff6cc8c-37d8-483b-9c6c-6b27e9afa9bc" providerId="ADAL" clId="{BF04C754-5BF4-4E83-9615-DB14FA25AF8A}" dt="2023-10-12T11:38:08.274" v="295"/>
          <ac:spMkLst>
            <pc:docMk/>
            <pc:sldMk cId="2376958513" sldId="260"/>
            <ac:spMk id="8423" creationId="{D2B2D8E8-8599-77B0-E8D9-EF918BF5671F}"/>
          </ac:spMkLst>
        </pc:spChg>
        <pc:spChg chg="mod">
          <ac:chgData name="White, Alex" userId="eff6cc8c-37d8-483b-9c6c-6b27e9afa9bc" providerId="ADAL" clId="{BF04C754-5BF4-4E83-9615-DB14FA25AF8A}" dt="2023-10-12T11:38:08.274" v="295"/>
          <ac:spMkLst>
            <pc:docMk/>
            <pc:sldMk cId="2376958513" sldId="260"/>
            <ac:spMk id="8424" creationId="{B5FDB493-805F-7EB2-1516-AC1DB9607A88}"/>
          </ac:spMkLst>
        </pc:spChg>
        <pc:spChg chg="mod">
          <ac:chgData name="White, Alex" userId="eff6cc8c-37d8-483b-9c6c-6b27e9afa9bc" providerId="ADAL" clId="{BF04C754-5BF4-4E83-9615-DB14FA25AF8A}" dt="2023-10-12T11:38:08.274" v="295"/>
          <ac:spMkLst>
            <pc:docMk/>
            <pc:sldMk cId="2376958513" sldId="260"/>
            <ac:spMk id="8425" creationId="{A3FDA533-3E26-77A9-FCDA-81C18F8C0616}"/>
          </ac:spMkLst>
        </pc:spChg>
        <pc:spChg chg="mod">
          <ac:chgData name="White, Alex" userId="eff6cc8c-37d8-483b-9c6c-6b27e9afa9bc" providerId="ADAL" clId="{BF04C754-5BF4-4E83-9615-DB14FA25AF8A}" dt="2023-10-12T11:38:08.274" v="295"/>
          <ac:spMkLst>
            <pc:docMk/>
            <pc:sldMk cId="2376958513" sldId="260"/>
            <ac:spMk id="8426" creationId="{D60E6CEA-8957-164D-6363-99DE204B0CA1}"/>
          </ac:spMkLst>
        </pc:spChg>
        <pc:spChg chg="mod">
          <ac:chgData name="White, Alex" userId="eff6cc8c-37d8-483b-9c6c-6b27e9afa9bc" providerId="ADAL" clId="{BF04C754-5BF4-4E83-9615-DB14FA25AF8A}" dt="2023-10-12T11:38:08.274" v="295"/>
          <ac:spMkLst>
            <pc:docMk/>
            <pc:sldMk cId="2376958513" sldId="260"/>
            <ac:spMk id="8427" creationId="{DC3A2267-5640-B5BC-7AB3-9DA04306E86F}"/>
          </ac:spMkLst>
        </pc:spChg>
        <pc:spChg chg="mod">
          <ac:chgData name="White, Alex" userId="eff6cc8c-37d8-483b-9c6c-6b27e9afa9bc" providerId="ADAL" clId="{BF04C754-5BF4-4E83-9615-DB14FA25AF8A}" dt="2023-10-12T11:38:08.274" v="295"/>
          <ac:spMkLst>
            <pc:docMk/>
            <pc:sldMk cId="2376958513" sldId="260"/>
            <ac:spMk id="8428" creationId="{69B6B33E-F1B9-9760-C7DB-C7702556CAB5}"/>
          </ac:spMkLst>
        </pc:spChg>
        <pc:spChg chg="mod">
          <ac:chgData name="White, Alex" userId="eff6cc8c-37d8-483b-9c6c-6b27e9afa9bc" providerId="ADAL" clId="{BF04C754-5BF4-4E83-9615-DB14FA25AF8A}" dt="2023-10-12T11:38:08.274" v="295"/>
          <ac:spMkLst>
            <pc:docMk/>
            <pc:sldMk cId="2376958513" sldId="260"/>
            <ac:spMk id="8429" creationId="{740E33BB-5E5A-7B61-4B31-6D42768EE90D}"/>
          </ac:spMkLst>
        </pc:spChg>
        <pc:spChg chg="mod">
          <ac:chgData name="White, Alex" userId="eff6cc8c-37d8-483b-9c6c-6b27e9afa9bc" providerId="ADAL" clId="{BF04C754-5BF4-4E83-9615-DB14FA25AF8A}" dt="2023-10-12T11:38:08.274" v="295"/>
          <ac:spMkLst>
            <pc:docMk/>
            <pc:sldMk cId="2376958513" sldId="260"/>
            <ac:spMk id="8430" creationId="{F6073338-DF40-C2FA-003F-268E27238780}"/>
          </ac:spMkLst>
        </pc:spChg>
        <pc:spChg chg="mod">
          <ac:chgData name="White, Alex" userId="eff6cc8c-37d8-483b-9c6c-6b27e9afa9bc" providerId="ADAL" clId="{BF04C754-5BF4-4E83-9615-DB14FA25AF8A}" dt="2023-10-12T11:38:08.274" v="295"/>
          <ac:spMkLst>
            <pc:docMk/>
            <pc:sldMk cId="2376958513" sldId="260"/>
            <ac:spMk id="8431" creationId="{C9F40C32-457F-E502-69CF-1654E1877ADE}"/>
          </ac:spMkLst>
        </pc:spChg>
        <pc:spChg chg="mod">
          <ac:chgData name="White, Alex" userId="eff6cc8c-37d8-483b-9c6c-6b27e9afa9bc" providerId="ADAL" clId="{BF04C754-5BF4-4E83-9615-DB14FA25AF8A}" dt="2023-10-12T11:38:08.274" v="295"/>
          <ac:spMkLst>
            <pc:docMk/>
            <pc:sldMk cId="2376958513" sldId="260"/>
            <ac:spMk id="8432" creationId="{63CD2EBC-1D77-CB91-3D99-F06F675E2C52}"/>
          </ac:spMkLst>
        </pc:spChg>
        <pc:spChg chg="mod">
          <ac:chgData name="White, Alex" userId="eff6cc8c-37d8-483b-9c6c-6b27e9afa9bc" providerId="ADAL" clId="{BF04C754-5BF4-4E83-9615-DB14FA25AF8A}" dt="2023-10-12T11:38:08.274" v="295"/>
          <ac:spMkLst>
            <pc:docMk/>
            <pc:sldMk cId="2376958513" sldId="260"/>
            <ac:spMk id="8433" creationId="{52164C7D-80DB-1EA4-FDB7-7790865CE11D}"/>
          </ac:spMkLst>
        </pc:spChg>
        <pc:spChg chg="mod">
          <ac:chgData name="White, Alex" userId="eff6cc8c-37d8-483b-9c6c-6b27e9afa9bc" providerId="ADAL" clId="{BF04C754-5BF4-4E83-9615-DB14FA25AF8A}" dt="2023-10-12T11:38:08.274" v="295"/>
          <ac:spMkLst>
            <pc:docMk/>
            <pc:sldMk cId="2376958513" sldId="260"/>
            <ac:spMk id="8434" creationId="{6C238228-9789-BF6F-4A70-C26523A128A0}"/>
          </ac:spMkLst>
        </pc:spChg>
        <pc:spChg chg="mod">
          <ac:chgData name="White, Alex" userId="eff6cc8c-37d8-483b-9c6c-6b27e9afa9bc" providerId="ADAL" clId="{BF04C754-5BF4-4E83-9615-DB14FA25AF8A}" dt="2023-10-12T11:38:08.274" v="295"/>
          <ac:spMkLst>
            <pc:docMk/>
            <pc:sldMk cId="2376958513" sldId="260"/>
            <ac:spMk id="8435" creationId="{CDBE9C37-4F9F-4415-165C-404F520B2E1D}"/>
          </ac:spMkLst>
        </pc:spChg>
        <pc:spChg chg="mod">
          <ac:chgData name="White, Alex" userId="eff6cc8c-37d8-483b-9c6c-6b27e9afa9bc" providerId="ADAL" clId="{BF04C754-5BF4-4E83-9615-DB14FA25AF8A}" dt="2023-10-12T11:38:08.274" v="295"/>
          <ac:spMkLst>
            <pc:docMk/>
            <pc:sldMk cId="2376958513" sldId="260"/>
            <ac:spMk id="8436" creationId="{D753A5F9-8C9A-3BDC-49FE-8E2B7095E35D}"/>
          </ac:spMkLst>
        </pc:spChg>
        <pc:spChg chg="mod">
          <ac:chgData name="White, Alex" userId="eff6cc8c-37d8-483b-9c6c-6b27e9afa9bc" providerId="ADAL" clId="{BF04C754-5BF4-4E83-9615-DB14FA25AF8A}" dt="2023-10-12T11:38:08.274" v="295"/>
          <ac:spMkLst>
            <pc:docMk/>
            <pc:sldMk cId="2376958513" sldId="260"/>
            <ac:spMk id="8437" creationId="{1C09F735-E0A0-0A0F-CF5F-2D78A2AB8C66}"/>
          </ac:spMkLst>
        </pc:spChg>
        <pc:spChg chg="mod">
          <ac:chgData name="White, Alex" userId="eff6cc8c-37d8-483b-9c6c-6b27e9afa9bc" providerId="ADAL" clId="{BF04C754-5BF4-4E83-9615-DB14FA25AF8A}" dt="2023-10-12T11:38:08.274" v="295"/>
          <ac:spMkLst>
            <pc:docMk/>
            <pc:sldMk cId="2376958513" sldId="260"/>
            <ac:spMk id="8438" creationId="{4DF75036-39F4-70C4-4327-FCA29FA7CAFE}"/>
          </ac:spMkLst>
        </pc:spChg>
        <pc:spChg chg="mod">
          <ac:chgData name="White, Alex" userId="eff6cc8c-37d8-483b-9c6c-6b27e9afa9bc" providerId="ADAL" clId="{BF04C754-5BF4-4E83-9615-DB14FA25AF8A}" dt="2023-10-12T11:38:08.274" v="295"/>
          <ac:spMkLst>
            <pc:docMk/>
            <pc:sldMk cId="2376958513" sldId="260"/>
            <ac:spMk id="8439" creationId="{E1DFF6CB-5B95-99B6-4207-7F5CB4BCC461}"/>
          </ac:spMkLst>
        </pc:spChg>
        <pc:spChg chg="mod">
          <ac:chgData name="White, Alex" userId="eff6cc8c-37d8-483b-9c6c-6b27e9afa9bc" providerId="ADAL" clId="{BF04C754-5BF4-4E83-9615-DB14FA25AF8A}" dt="2023-10-12T11:38:08.274" v="295"/>
          <ac:spMkLst>
            <pc:docMk/>
            <pc:sldMk cId="2376958513" sldId="260"/>
            <ac:spMk id="8440" creationId="{98374A36-AB00-FA25-9721-ED0D2E74EBC2}"/>
          </ac:spMkLst>
        </pc:spChg>
        <pc:spChg chg="mod">
          <ac:chgData name="White, Alex" userId="eff6cc8c-37d8-483b-9c6c-6b27e9afa9bc" providerId="ADAL" clId="{BF04C754-5BF4-4E83-9615-DB14FA25AF8A}" dt="2023-10-12T11:38:08.274" v="295"/>
          <ac:spMkLst>
            <pc:docMk/>
            <pc:sldMk cId="2376958513" sldId="260"/>
            <ac:spMk id="8441" creationId="{9CE64F1B-EF9A-8FA1-5B58-1C1EC35BB46A}"/>
          </ac:spMkLst>
        </pc:spChg>
        <pc:spChg chg="mod">
          <ac:chgData name="White, Alex" userId="eff6cc8c-37d8-483b-9c6c-6b27e9afa9bc" providerId="ADAL" clId="{BF04C754-5BF4-4E83-9615-DB14FA25AF8A}" dt="2023-10-12T11:38:08.274" v="295"/>
          <ac:spMkLst>
            <pc:docMk/>
            <pc:sldMk cId="2376958513" sldId="260"/>
            <ac:spMk id="8442" creationId="{B45EDEC7-1A33-1558-01E7-53A3BFCFC0DE}"/>
          </ac:spMkLst>
        </pc:spChg>
        <pc:spChg chg="mod">
          <ac:chgData name="White, Alex" userId="eff6cc8c-37d8-483b-9c6c-6b27e9afa9bc" providerId="ADAL" clId="{BF04C754-5BF4-4E83-9615-DB14FA25AF8A}" dt="2023-10-12T11:38:08.274" v="295"/>
          <ac:spMkLst>
            <pc:docMk/>
            <pc:sldMk cId="2376958513" sldId="260"/>
            <ac:spMk id="8443" creationId="{0B3F8B00-F10F-6944-0A04-3518434C6AF4}"/>
          </ac:spMkLst>
        </pc:spChg>
        <pc:spChg chg="mod">
          <ac:chgData name="White, Alex" userId="eff6cc8c-37d8-483b-9c6c-6b27e9afa9bc" providerId="ADAL" clId="{BF04C754-5BF4-4E83-9615-DB14FA25AF8A}" dt="2023-10-12T11:38:08.274" v="295"/>
          <ac:spMkLst>
            <pc:docMk/>
            <pc:sldMk cId="2376958513" sldId="260"/>
            <ac:spMk id="8444" creationId="{542C7391-F626-1555-E530-38C676E3B8F8}"/>
          </ac:spMkLst>
        </pc:spChg>
        <pc:spChg chg="mod">
          <ac:chgData name="White, Alex" userId="eff6cc8c-37d8-483b-9c6c-6b27e9afa9bc" providerId="ADAL" clId="{BF04C754-5BF4-4E83-9615-DB14FA25AF8A}" dt="2023-10-12T11:38:08.274" v="295"/>
          <ac:spMkLst>
            <pc:docMk/>
            <pc:sldMk cId="2376958513" sldId="260"/>
            <ac:spMk id="8445" creationId="{B560E04A-0BD6-D552-3765-0B10C8CEF32A}"/>
          </ac:spMkLst>
        </pc:spChg>
        <pc:spChg chg="mod">
          <ac:chgData name="White, Alex" userId="eff6cc8c-37d8-483b-9c6c-6b27e9afa9bc" providerId="ADAL" clId="{BF04C754-5BF4-4E83-9615-DB14FA25AF8A}" dt="2023-10-12T11:38:08.274" v="295"/>
          <ac:spMkLst>
            <pc:docMk/>
            <pc:sldMk cId="2376958513" sldId="260"/>
            <ac:spMk id="8446" creationId="{BFE22CF8-B694-D3B8-8430-1D245F69726B}"/>
          </ac:spMkLst>
        </pc:spChg>
        <pc:spChg chg="mod">
          <ac:chgData name="White, Alex" userId="eff6cc8c-37d8-483b-9c6c-6b27e9afa9bc" providerId="ADAL" clId="{BF04C754-5BF4-4E83-9615-DB14FA25AF8A}" dt="2023-10-12T11:38:08.274" v="295"/>
          <ac:spMkLst>
            <pc:docMk/>
            <pc:sldMk cId="2376958513" sldId="260"/>
            <ac:spMk id="8447" creationId="{61ABFBE7-D6A8-C8EC-6FA9-5003D25A131C}"/>
          </ac:spMkLst>
        </pc:spChg>
        <pc:spChg chg="mod">
          <ac:chgData name="White, Alex" userId="eff6cc8c-37d8-483b-9c6c-6b27e9afa9bc" providerId="ADAL" clId="{BF04C754-5BF4-4E83-9615-DB14FA25AF8A}" dt="2023-10-12T11:38:08.274" v="295"/>
          <ac:spMkLst>
            <pc:docMk/>
            <pc:sldMk cId="2376958513" sldId="260"/>
            <ac:spMk id="8448" creationId="{0349E470-BCCE-01BA-79CB-51A03F5C45C2}"/>
          </ac:spMkLst>
        </pc:spChg>
        <pc:spChg chg="mod">
          <ac:chgData name="White, Alex" userId="eff6cc8c-37d8-483b-9c6c-6b27e9afa9bc" providerId="ADAL" clId="{BF04C754-5BF4-4E83-9615-DB14FA25AF8A}" dt="2023-10-12T11:38:08.274" v="295"/>
          <ac:spMkLst>
            <pc:docMk/>
            <pc:sldMk cId="2376958513" sldId="260"/>
            <ac:spMk id="8449" creationId="{327A8C79-CE18-9903-BE8C-3729AC5D04BF}"/>
          </ac:spMkLst>
        </pc:spChg>
        <pc:spChg chg="mod">
          <ac:chgData name="White, Alex" userId="eff6cc8c-37d8-483b-9c6c-6b27e9afa9bc" providerId="ADAL" clId="{BF04C754-5BF4-4E83-9615-DB14FA25AF8A}" dt="2023-10-12T11:38:08.274" v="295"/>
          <ac:spMkLst>
            <pc:docMk/>
            <pc:sldMk cId="2376958513" sldId="260"/>
            <ac:spMk id="8450" creationId="{97A9B641-E627-3E65-592D-A2821475975E}"/>
          </ac:spMkLst>
        </pc:spChg>
        <pc:spChg chg="mod">
          <ac:chgData name="White, Alex" userId="eff6cc8c-37d8-483b-9c6c-6b27e9afa9bc" providerId="ADAL" clId="{BF04C754-5BF4-4E83-9615-DB14FA25AF8A}" dt="2023-10-12T11:38:08.274" v="295"/>
          <ac:spMkLst>
            <pc:docMk/>
            <pc:sldMk cId="2376958513" sldId="260"/>
            <ac:spMk id="8451" creationId="{D6521B44-42CD-6710-7293-729AA57E20BC}"/>
          </ac:spMkLst>
        </pc:spChg>
        <pc:spChg chg="mod">
          <ac:chgData name="White, Alex" userId="eff6cc8c-37d8-483b-9c6c-6b27e9afa9bc" providerId="ADAL" clId="{BF04C754-5BF4-4E83-9615-DB14FA25AF8A}" dt="2023-10-12T11:38:08.274" v="295"/>
          <ac:spMkLst>
            <pc:docMk/>
            <pc:sldMk cId="2376958513" sldId="260"/>
            <ac:spMk id="8452" creationId="{49B52248-6CC7-613C-E122-99B40F0E6874}"/>
          </ac:spMkLst>
        </pc:spChg>
        <pc:spChg chg="mod">
          <ac:chgData name="White, Alex" userId="eff6cc8c-37d8-483b-9c6c-6b27e9afa9bc" providerId="ADAL" clId="{BF04C754-5BF4-4E83-9615-DB14FA25AF8A}" dt="2023-10-12T11:38:08.274" v="295"/>
          <ac:spMkLst>
            <pc:docMk/>
            <pc:sldMk cId="2376958513" sldId="260"/>
            <ac:spMk id="8453" creationId="{0F114517-339B-E381-8C04-9AE1F856C5C1}"/>
          </ac:spMkLst>
        </pc:spChg>
        <pc:spChg chg="mod">
          <ac:chgData name="White, Alex" userId="eff6cc8c-37d8-483b-9c6c-6b27e9afa9bc" providerId="ADAL" clId="{BF04C754-5BF4-4E83-9615-DB14FA25AF8A}" dt="2023-10-12T11:38:08.274" v="295"/>
          <ac:spMkLst>
            <pc:docMk/>
            <pc:sldMk cId="2376958513" sldId="260"/>
            <ac:spMk id="8454" creationId="{36C8C112-75E6-4A6D-7B70-3537D57A1FDC}"/>
          </ac:spMkLst>
        </pc:spChg>
        <pc:spChg chg="mod">
          <ac:chgData name="White, Alex" userId="eff6cc8c-37d8-483b-9c6c-6b27e9afa9bc" providerId="ADAL" clId="{BF04C754-5BF4-4E83-9615-DB14FA25AF8A}" dt="2023-10-12T11:38:08.274" v="295"/>
          <ac:spMkLst>
            <pc:docMk/>
            <pc:sldMk cId="2376958513" sldId="260"/>
            <ac:spMk id="8455" creationId="{34A0BC22-D5DC-994E-4D32-4AEBB745E1FD}"/>
          </ac:spMkLst>
        </pc:spChg>
        <pc:spChg chg="mod">
          <ac:chgData name="White, Alex" userId="eff6cc8c-37d8-483b-9c6c-6b27e9afa9bc" providerId="ADAL" clId="{BF04C754-5BF4-4E83-9615-DB14FA25AF8A}" dt="2023-10-12T11:38:08.274" v="295"/>
          <ac:spMkLst>
            <pc:docMk/>
            <pc:sldMk cId="2376958513" sldId="260"/>
            <ac:spMk id="8456" creationId="{308F4DA9-26C3-F880-ABE5-0A2136E97589}"/>
          </ac:spMkLst>
        </pc:spChg>
        <pc:spChg chg="mod">
          <ac:chgData name="White, Alex" userId="eff6cc8c-37d8-483b-9c6c-6b27e9afa9bc" providerId="ADAL" clId="{BF04C754-5BF4-4E83-9615-DB14FA25AF8A}" dt="2023-10-12T11:38:08.274" v="295"/>
          <ac:spMkLst>
            <pc:docMk/>
            <pc:sldMk cId="2376958513" sldId="260"/>
            <ac:spMk id="8457" creationId="{2F68B128-4FD4-2AC9-D77A-9ECD4D151C42}"/>
          </ac:spMkLst>
        </pc:spChg>
        <pc:spChg chg="mod">
          <ac:chgData name="White, Alex" userId="eff6cc8c-37d8-483b-9c6c-6b27e9afa9bc" providerId="ADAL" clId="{BF04C754-5BF4-4E83-9615-DB14FA25AF8A}" dt="2023-10-12T11:38:08.274" v="295"/>
          <ac:spMkLst>
            <pc:docMk/>
            <pc:sldMk cId="2376958513" sldId="260"/>
            <ac:spMk id="8458" creationId="{98A6792C-DAC6-CAD9-1F34-FDA541F92655}"/>
          </ac:spMkLst>
        </pc:spChg>
        <pc:spChg chg="mod">
          <ac:chgData name="White, Alex" userId="eff6cc8c-37d8-483b-9c6c-6b27e9afa9bc" providerId="ADAL" clId="{BF04C754-5BF4-4E83-9615-DB14FA25AF8A}" dt="2023-10-12T11:38:08.274" v="295"/>
          <ac:spMkLst>
            <pc:docMk/>
            <pc:sldMk cId="2376958513" sldId="260"/>
            <ac:spMk id="8459" creationId="{C79BA862-E5D2-5E44-9963-8A3970656A61}"/>
          </ac:spMkLst>
        </pc:spChg>
        <pc:spChg chg="mod">
          <ac:chgData name="White, Alex" userId="eff6cc8c-37d8-483b-9c6c-6b27e9afa9bc" providerId="ADAL" clId="{BF04C754-5BF4-4E83-9615-DB14FA25AF8A}" dt="2023-10-12T11:38:08.274" v="295"/>
          <ac:spMkLst>
            <pc:docMk/>
            <pc:sldMk cId="2376958513" sldId="260"/>
            <ac:spMk id="8460" creationId="{0E57D6CA-7246-99A7-9365-B7E1AD535E41}"/>
          </ac:spMkLst>
        </pc:spChg>
        <pc:spChg chg="mod">
          <ac:chgData name="White, Alex" userId="eff6cc8c-37d8-483b-9c6c-6b27e9afa9bc" providerId="ADAL" clId="{BF04C754-5BF4-4E83-9615-DB14FA25AF8A}" dt="2023-10-12T11:38:08.274" v="295"/>
          <ac:spMkLst>
            <pc:docMk/>
            <pc:sldMk cId="2376958513" sldId="260"/>
            <ac:spMk id="8461" creationId="{6AB824A6-0457-DC71-A2AE-27A3430C732C}"/>
          </ac:spMkLst>
        </pc:spChg>
        <pc:spChg chg="mod">
          <ac:chgData name="White, Alex" userId="eff6cc8c-37d8-483b-9c6c-6b27e9afa9bc" providerId="ADAL" clId="{BF04C754-5BF4-4E83-9615-DB14FA25AF8A}" dt="2023-10-12T11:38:08.274" v="295"/>
          <ac:spMkLst>
            <pc:docMk/>
            <pc:sldMk cId="2376958513" sldId="260"/>
            <ac:spMk id="8462" creationId="{AC9DAD4B-6D97-08E3-E35C-6713950088FC}"/>
          </ac:spMkLst>
        </pc:spChg>
        <pc:spChg chg="mod">
          <ac:chgData name="White, Alex" userId="eff6cc8c-37d8-483b-9c6c-6b27e9afa9bc" providerId="ADAL" clId="{BF04C754-5BF4-4E83-9615-DB14FA25AF8A}" dt="2023-10-12T11:38:08.274" v="295"/>
          <ac:spMkLst>
            <pc:docMk/>
            <pc:sldMk cId="2376958513" sldId="260"/>
            <ac:spMk id="8463" creationId="{75C5B248-3E24-B810-2054-68934580A2A2}"/>
          </ac:spMkLst>
        </pc:spChg>
        <pc:spChg chg="mod">
          <ac:chgData name="White, Alex" userId="eff6cc8c-37d8-483b-9c6c-6b27e9afa9bc" providerId="ADAL" clId="{BF04C754-5BF4-4E83-9615-DB14FA25AF8A}" dt="2023-10-12T11:38:08.274" v="295"/>
          <ac:spMkLst>
            <pc:docMk/>
            <pc:sldMk cId="2376958513" sldId="260"/>
            <ac:spMk id="8464" creationId="{F0B0E769-A80D-EBDA-65FB-081C5A35BC5F}"/>
          </ac:spMkLst>
        </pc:spChg>
        <pc:spChg chg="mod">
          <ac:chgData name="White, Alex" userId="eff6cc8c-37d8-483b-9c6c-6b27e9afa9bc" providerId="ADAL" clId="{BF04C754-5BF4-4E83-9615-DB14FA25AF8A}" dt="2023-10-12T11:38:08.274" v="295"/>
          <ac:spMkLst>
            <pc:docMk/>
            <pc:sldMk cId="2376958513" sldId="260"/>
            <ac:spMk id="8465" creationId="{2A66E406-B356-B772-EFCE-510AB308E7A0}"/>
          </ac:spMkLst>
        </pc:spChg>
        <pc:spChg chg="mod">
          <ac:chgData name="White, Alex" userId="eff6cc8c-37d8-483b-9c6c-6b27e9afa9bc" providerId="ADAL" clId="{BF04C754-5BF4-4E83-9615-DB14FA25AF8A}" dt="2023-10-12T11:38:08.274" v="295"/>
          <ac:spMkLst>
            <pc:docMk/>
            <pc:sldMk cId="2376958513" sldId="260"/>
            <ac:spMk id="8466" creationId="{E3727919-1993-B95A-B6F7-15693D21C3E7}"/>
          </ac:spMkLst>
        </pc:spChg>
        <pc:spChg chg="mod">
          <ac:chgData name="White, Alex" userId="eff6cc8c-37d8-483b-9c6c-6b27e9afa9bc" providerId="ADAL" clId="{BF04C754-5BF4-4E83-9615-DB14FA25AF8A}" dt="2023-10-12T11:38:08.274" v="295"/>
          <ac:spMkLst>
            <pc:docMk/>
            <pc:sldMk cId="2376958513" sldId="260"/>
            <ac:spMk id="8467" creationId="{A04B4656-33BA-24EC-5B88-8522CA50528D}"/>
          </ac:spMkLst>
        </pc:spChg>
        <pc:spChg chg="mod">
          <ac:chgData name="White, Alex" userId="eff6cc8c-37d8-483b-9c6c-6b27e9afa9bc" providerId="ADAL" clId="{BF04C754-5BF4-4E83-9615-DB14FA25AF8A}" dt="2023-10-12T11:38:08.274" v="295"/>
          <ac:spMkLst>
            <pc:docMk/>
            <pc:sldMk cId="2376958513" sldId="260"/>
            <ac:spMk id="8468" creationId="{117D302B-3DBC-8A1C-2EED-4ECA9327868B}"/>
          </ac:spMkLst>
        </pc:spChg>
        <pc:spChg chg="mod">
          <ac:chgData name="White, Alex" userId="eff6cc8c-37d8-483b-9c6c-6b27e9afa9bc" providerId="ADAL" clId="{BF04C754-5BF4-4E83-9615-DB14FA25AF8A}" dt="2023-10-12T11:38:08.274" v="295"/>
          <ac:spMkLst>
            <pc:docMk/>
            <pc:sldMk cId="2376958513" sldId="260"/>
            <ac:spMk id="8469" creationId="{CAD954BE-D599-097F-F24B-02353431D0F9}"/>
          </ac:spMkLst>
        </pc:spChg>
        <pc:spChg chg="mod">
          <ac:chgData name="White, Alex" userId="eff6cc8c-37d8-483b-9c6c-6b27e9afa9bc" providerId="ADAL" clId="{BF04C754-5BF4-4E83-9615-DB14FA25AF8A}" dt="2023-10-12T11:38:08.274" v="295"/>
          <ac:spMkLst>
            <pc:docMk/>
            <pc:sldMk cId="2376958513" sldId="260"/>
            <ac:spMk id="8470" creationId="{EEB120E7-8C2E-F8FB-E468-CE7D8EE7F5DD}"/>
          </ac:spMkLst>
        </pc:spChg>
        <pc:spChg chg="mod">
          <ac:chgData name="White, Alex" userId="eff6cc8c-37d8-483b-9c6c-6b27e9afa9bc" providerId="ADAL" clId="{BF04C754-5BF4-4E83-9615-DB14FA25AF8A}" dt="2023-10-12T11:38:08.274" v="295"/>
          <ac:spMkLst>
            <pc:docMk/>
            <pc:sldMk cId="2376958513" sldId="260"/>
            <ac:spMk id="8471" creationId="{CE7AB774-9EF0-2EF6-BA3E-1C20CBE9EA39}"/>
          </ac:spMkLst>
        </pc:spChg>
        <pc:spChg chg="mod">
          <ac:chgData name="White, Alex" userId="eff6cc8c-37d8-483b-9c6c-6b27e9afa9bc" providerId="ADAL" clId="{BF04C754-5BF4-4E83-9615-DB14FA25AF8A}" dt="2023-10-12T11:38:08.274" v="295"/>
          <ac:spMkLst>
            <pc:docMk/>
            <pc:sldMk cId="2376958513" sldId="260"/>
            <ac:spMk id="8472" creationId="{B53797F4-027A-A2D5-4E01-87AC5D0AB8A0}"/>
          </ac:spMkLst>
        </pc:spChg>
        <pc:spChg chg="mod">
          <ac:chgData name="White, Alex" userId="eff6cc8c-37d8-483b-9c6c-6b27e9afa9bc" providerId="ADAL" clId="{BF04C754-5BF4-4E83-9615-DB14FA25AF8A}" dt="2023-10-12T11:38:08.274" v="295"/>
          <ac:spMkLst>
            <pc:docMk/>
            <pc:sldMk cId="2376958513" sldId="260"/>
            <ac:spMk id="8473" creationId="{E754DF1C-18AA-E8E2-C461-E4594C1B2D40}"/>
          </ac:spMkLst>
        </pc:spChg>
        <pc:spChg chg="mod">
          <ac:chgData name="White, Alex" userId="eff6cc8c-37d8-483b-9c6c-6b27e9afa9bc" providerId="ADAL" clId="{BF04C754-5BF4-4E83-9615-DB14FA25AF8A}" dt="2023-10-12T11:38:08.274" v="295"/>
          <ac:spMkLst>
            <pc:docMk/>
            <pc:sldMk cId="2376958513" sldId="260"/>
            <ac:spMk id="8474" creationId="{E4EAF42F-55FC-5B63-A422-4377E628395A}"/>
          </ac:spMkLst>
        </pc:spChg>
        <pc:spChg chg="mod">
          <ac:chgData name="White, Alex" userId="eff6cc8c-37d8-483b-9c6c-6b27e9afa9bc" providerId="ADAL" clId="{BF04C754-5BF4-4E83-9615-DB14FA25AF8A}" dt="2023-10-12T11:38:08.274" v="295"/>
          <ac:spMkLst>
            <pc:docMk/>
            <pc:sldMk cId="2376958513" sldId="260"/>
            <ac:spMk id="8475" creationId="{FF5ACCAC-DE56-4984-7EA6-F5E4AB5922DD}"/>
          </ac:spMkLst>
        </pc:spChg>
        <pc:spChg chg="mod">
          <ac:chgData name="White, Alex" userId="eff6cc8c-37d8-483b-9c6c-6b27e9afa9bc" providerId="ADAL" clId="{BF04C754-5BF4-4E83-9615-DB14FA25AF8A}" dt="2023-10-12T11:38:08.274" v="295"/>
          <ac:spMkLst>
            <pc:docMk/>
            <pc:sldMk cId="2376958513" sldId="260"/>
            <ac:spMk id="8476" creationId="{4F9BB26C-4CF9-03A2-DB2C-75B40C5F2632}"/>
          </ac:spMkLst>
        </pc:spChg>
        <pc:spChg chg="mod">
          <ac:chgData name="White, Alex" userId="eff6cc8c-37d8-483b-9c6c-6b27e9afa9bc" providerId="ADAL" clId="{BF04C754-5BF4-4E83-9615-DB14FA25AF8A}" dt="2023-10-12T11:38:08.274" v="295"/>
          <ac:spMkLst>
            <pc:docMk/>
            <pc:sldMk cId="2376958513" sldId="260"/>
            <ac:spMk id="8477" creationId="{9CDE4036-FCED-244B-48E0-FD95966FF29C}"/>
          </ac:spMkLst>
        </pc:spChg>
        <pc:spChg chg="mod">
          <ac:chgData name="White, Alex" userId="eff6cc8c-37d8-483b-9c6c-6b27e9afa9bc" providerId="ADAL" clId="{BF04C754-5BF4-4E83-9615-DB14FA25AF8A}" dt="2023-10-12T11:38:08.274" v="295"/>
          <ac:spMkLst>
            <pc:docMk/>
            <pc:sldMk cId="2376958513" sldId="260"/>
            <ac:spMk id="8478" creationId="{10C84EFF-9A34-FA7B-70F3-8D20C183CF98}"/>
          </ac:spMkLst>
        </pc:spChg>
        <pc:spChg chg="mod">
          <ac:chgData name="White, Alex" userId="eff6cc8c-37d8-483b-9c6c-6b27e9afa9bc" providerId="ADAL" clId="{BF04C754-5BF4-4E83-9615-DB14FA25AF8A}" dt="2023-10-12T11:38:08.274" v="295"/>
          <ac:spMkLst>
            <pc:docMk/>
            <pc:sldMk cId="2376958513" sldId="260"/>
            <ac:spMk id="8479" creationId="{AAF225C6-7D7A-D565-B72A-BCD45F9A7FD4}"/>
          </ac:spMkLst>
        </pc:spChg>
        <pc:spChg chg="mod">
          <ac:chgData name="White, Alex" userId="eff6cc8c-37d8-483b-9c6c-6b27e9afa9bc" providerId="ADAL" clId="{BF04C754-5BF4-4E83-9615-DB14FA25AF8A}" dt="2023-10-12T11:38:08.274" v="295"/>
          <ac:spMkLst>
            <pc:docMk/>
            <pc:sldMk cId="2376958513" sldId="260"/>
            <ac:spMk id="8480" creationId="{7E7EB6D8-A131-9727-6D21-128F07E68EE2}"/>
          </ac:spMkLst>
        </pc:spChg>
        <pc:spChg chg="mod">
          <ac:chgData name="White, Alex" userId="eff6cc8c-37d8-483b-9c6c-6b27e9afa9bc" providerId="ADAL" clId="{BF04C754-5BF4-4E83-9615-DB14FA25AF8A}" dt="2023-10-12T11:38:08.274" v="295"/>
          <ac:spMkLst>
            <pc:docMk/>
            <pc:sldMk cId="2376958513" sldId="260"/>
            <ac:spMk id="8481" creationId="{8C36F016-A47E-1B16-8DF0-7ED255065043}"/>
          </ac:spMkLst>
        </pc:spChg>
        <pc:spChg chg="mod">
          <ac:chgData name="White, Alex" userId="eff6cc8c-37d8-483b-9c6c-6b27e9afa9bc" providerId="ADAL" clId="{BF04C754-5BF4-4E83-9615-DB14FA25AF8A}" dt="2023-10-12T11:38:08.274" v="295"/>
          <ac:spMkLst>
            <pc:docMk/>
            <pc:sldMk cId="2376958513" sldId="260"/>
            <ac:spMk id="8482" creationId="{1D6A95B0-358C-C0E7-AD1A-0F25357303DC}"/>
          </ac:spMkLst>
        </pc:spChg>
        <pc:spChg chg="mod">
          <ac:chgData name="White, Alex" userId="eff6cc8c-37d8-483b-9c6c-6b27e9afa9bc" providerId="ADAL" clId="{BF04C754-5BF4-4E83-9615-DB14FA25AF8A}" dt="2023-10-12T11:38:08.274" v="295"/>
          <ac:spMkLst>
            <pc:docMk/>
            <pc:sldMk cId="2376958513" sldId="260"/>
            <ac:spMk id="8483" creationId="{27DC0111-E0E7-F612-3646-855318DB0B05}"/>
          </ac:spMkLst>
        </pc:spChg>
        <pc:spChg chg="mod">
          <ac:chgData name="White, Alex" userId="eff6cc8c-37d8-483b-9c6c-6b27e9afa9bc" providerId="ADAL" clId="{BF04C754-5BF4-4E83-9615-DB14FA25AF8A}" dt="2023-10-12T11:38:08.274" v="295"/>
          <ac:spMkLst>
            <pc:docMk/>
            <pc:sldMk cId="2376958513" sldId="260"/>
            <ac:spMk id="8484" creationId="{7231622A-ECF3-1D90-0321-0983FC2DB947}"/>
          </ac:spMkLst>
        </pc:spChg>
        <pc:spChg chg="mod">
          <ac:chgData name="White, Alex" userId="eff6cc8c-37d8-483b-9c6c-6b27e9afa9bc" providerId="ADAL" clId="{BF04C754-5BF4-4E83-9615-DB14FA25AF8A}" dt="2023-10-12T11:38:08.274" v="295"/>
          <ac:spMkLst>
            <pc:docMk/>
            <pc:sldMk cId="2376958513" sldId="260"/>
            <ac:spMk id="8485" creationId="{63A31FCF-AC4A-2B87-9124-9E859729095F}"/>
          </ac:spMkLst>
        </pc:spChg>
        <pc:spChg chg="mod">
          <ac:chgData name="White, Alex" userId="eff6cc8c-37d8-483b-9c6c-6b27e9afa9bc" providerId="ADAL" clId="{BF04C754-5BF4-4E83-9615-DB14FA25AF8A}" dt="2023-10-12T11:38:08.274" v="295"/>
          <ac:spMkLst>
            <pc:docMk/>
            <pc:sldMk cId="2376958513" sldId="260"/>
            <ac:spMk id="8486" creationId="{A0A32DFC-7434-4671-2380-EA42A3555E7B}"/>
          </ac:spMkLst>
        </pc:spChg>
        <pc:spChg chg="mod">
          <ac:chgData name="White, Alex" userId="eff6cc8c-37d8-483b-9c6c-6b27e9afa9bc" providerId="ADAL" clId="{BF04C754-5BF4-4E83-9615-DB14FA25AF8A}" dt="2023-10-12T11:38:08.274" v="295"/>
          <ac:spMkLst>
            <pc:docMk/>
            <pc:sldMk cId="2376958513" sldId="260"/>
            <ac:spMk id="8487" creationId="{63597C99-C473-8021-A60F-07F2D2F1ED0B}"/>
          </ac:spMkLst>
        </pc:spChg>
        <pc:spChg chg="mod">
          <ac:chgData name="White, Alex" userId="eff6cc8c-37d8-483b-9c6c-6b27e9afa9bc" providerId="ADAL" clId="{BF04C754-5BF4-4E83-9615-DB14FA25AF8A}" dt="2023-10-12T11:38:08.274" v="295"/>
          <ac:spMkLst>
            <pc:docMk/>
            <pc:sldMk cId="2376958513" sldId="260"/>
            <ac:spMk id="8488" creationId="{0A9D4E7F-2801-EDD5-31F8-BC6CF8F74726}"/>
          </ac:spMkLst>
        </pc:spChg>
        <pc:spChg chg="mod">
          <ac:chgData name="White, Alex" userId="eff6cc8c-37d8-483b-9c6c-6b27e9afa9bc" providerId="ADAL" clId="{BF04C754-5BF4-4E83-9615-DB14FA25AF8A}" dt="2023-10-12T11:38:08.274" v="295"/>
          <ac:spMkLst>
            <pc:docMk/>
            <pc:sldMk cId="2376958513" sldId="260"/>
            <ac:spMk id="8489" creationId="{B0108B1B-9153-FA43-4046-BA8218589FC8}"/>
          </ac:spMkLst>
        </pc:spChg>
        <pc:spChg chg="mod">
          <ac:chgData name="White, Alex" userId="eff6cc8c-37d8-483b-9c6c-6b27e9afa9bc" providerId="ADAL" clId="{BF04C754-5BF4-4E83-9615-DB14FA25AF8A}" dt="2023-10-12T11:38:08.274" v="295"/>
          <ac:spMkLst>
            <pc:docMk/>
            <pc:sldMk cId="2376958513" sldId="260"/>
            <ac:spMk id="8490" creationId="{54DD72C3-00AB-FD46-0151-DFB4C13AF843}"/>
          </ac:spMkLst>
        </pc:spChg>
        <pc:spChg chg="mod">
          <ac:chgData name="White, Alex" userId="eff6cc8c-37d8-483b-9c6c-6b27e9afa9bc" providerId="ADAL" clId="{BF04C754-5BF4-4E83-9615-DB14FA25AF8A}" dt="2023-10-12T11:38:08.274" v="295"/>
          <ac:spMkLst>
            <pc:docMk/>
            <pc:sldMk cId="2376958513" sldId="260"/>
            <ac:spMk id="8491" creationId="{E1270F67-10B5-048B-71AB-C507A9FD3FF3}"/>
          </ac:spMkLst>
        </pc:spChg>
        <pc:spChg chg="mod">
          <ac:chgData name="White, Alex" userId="eff6cc8c-37d8-483b-9c6c-6b27e9afa9bc" providerId="ADAL" clId="{BF04C754-5BF4-4E83-9615-DB14FA25AF8A}" dt="2023-10-12T11:38:08.274" v="295"/>
          <ac:spMkLst>
            <pc:docMk/>
            <pc:sldMk cId="2376958513" sldId="260"/>
            <ac:spMk id="8492" creationId="{C8AAB677-0601-7820-4D27-BCBC7C785222}"/>
          </ac:spMkLst>
        </pc:spChg>
        <pc:spChg chg="mod">
          <ac:chgData name="White, Alex" userId="eff6cc8c-37d8-483b-9c6c-6b27e9afa9bc" providerId="ADAL" clId="{BF04C754-5BF4-4E83-9615-DB14FA25AF8A}" dt="2023-10-12T11:38:08.274" v="295"/>
          <ac:spMkLst>
            <pc:docMk/>
            <pc:sldMk cId="2376958513" sldId="260"/>
            <ac:spMk id="8493" creationId="{D8F82015-5C27-EB97-74B8-01FB0E5B639E}"/>
          </ac:spMkLst>
        </pc:spChg>
        <pc:spChg chg="mod">
          <ac:chgData name="White, Alex" userId="eff6cc8c-37d8-483b-9c6c-6b27e9afa9bc" providerId="ADAL" clId="{BF04C754-5BF4-4E83-9615-DB14FA25AF8A}" dt="2023-10-12T11:38:08.274" v="295"/>
          <ac:spMkLst>
            <pc:docMk/>
            <pc:sldMk cId="2376958513" sldId="260"/>
            <ac:spMk id="8494" creationId="{E05214B0-8ECC-2D56-8324-5180B04E3935}"/>
          </ac:spMkLst>
        </pc:spChg>
        <pc:spChg chg="mod">
          <ac:chgData name="White, Alex" userId="eff6cc8c-37d8-483b-9c6c-6b27e9afa9bc" providerId="ADAL" clId="{BF04C754-5BF4-4E83-9615-DB14FA25AF8A}" dt="2023-10-12T11:38:08.274" v="295"/>
          <ac:spMkLst>
            <pc:docMk/>
            <pc:sldMk cId="2376958513" sldId="260"/>
            <ac:spMk id="8495" creationId="{AA8CA415-0D29-6C03-7038-715331C1DE6B}"/>
          </ac:spMkLst>
        </pc:spChg>
        <pc:spChg chg="mod">
          <ac:chgData name="White, Alex" userId="eff6cc8c-37d8-483b-9c6c-6b27e9afa9bc" providerId="ADAL" clId="{BF04C754-5BF4-4E83-9615-DB14FA25AF8A}" dt="2023-10-12T11:38:08.274" v="295"/>
          <ac:spMkLst>
            <pc:docMk/>
            <pc:sldMk cId="2376958513" sldId="260"/>
            <ac:spMk id="8496" creationId="{34B1AE18-15D3-A739-7D3A-25CD9B3DAB54}"/>
          </ac:spMkLst>
        </pc:spChg>
        <pc:spChg chg="mod">
          <ac:chgData name="White, Alex" userId="eff6cc8c-37d8-483b-9c6c-6b27e9afa9bc" providerId="ADAL" clId="{BF04C754-5BF4-4E83-9615-DB14FA25AF8A}" dt="2023-10-12T11:38:08.274" v="295"/>
          <ac:spMkLst>
            <pc:docMk/>
            <pc:sldMk cId="2376958513" sldId="260"/>
            <ac:spMk id="8497" creationId="{4805857A-2E2C-92BD-217C-F1A1A4B9A69A}"/>
          </ac:spMkLst>
        </pc:spChg>
        <pc:spChg chg="mod">
          <ac:chgData name="White, Alex" userId="eff6cc8c-37d8-483b-9c6c-6b27e9afa9bc" providerId="ADAL" clId="{BF04C754-5BF4-4E83-9615-DB14FA25AF8A}" dt="2023-10-12T11:38:08.274" v="295"/>
          <ac:spMkLst>
            <pc:docMk/>
            <pc:sldMk cId="2376958513" sldId="260"/>
            <ac:spMk id="8498" creationId="{AB7C8D64-20A0-40A4-6EB7-AE759D6A0D03}"/>
          </ac:spMkLst>
        </pc:spChg>
        <pc:spChg chg="mod">
          <ac:chgData name="White, Alex" userId="eff6cc8c-37d8-483b-9c6c-6b27e9afa9bc" providerId="ADAL" clId="{BF04C754-5BF4-4E83-9615-DB14FA25AF8A}" dt="2023-10-12T11:38:08.274" v="295"/>
          <ac:spMkLst>
            <pc:docMk/>
            <pc:sldMk cId="2376958513" sldId="260"/>
            <ac:spMk id="8499" creationId="{65CBC127-E249-6962-3D13-3FC317F8A634}"/>
          </ac:spMkLst>
        </pc:spChg>
        <pc:spChg chg="mod">
          <ac:chgData name="White, Alex" userId="eff6cc8c-37d8-483b-9c6c-6b27e9afa9bc" providerId="ADAL" clId="{BF04C754-5BF4-4E83-9615-DB14FA25AF8A}" dt="2023-10-12T11:38:08.274" v="295"/>
          <ac:spMkLst>
            <pc:docMk/>
            <pc:sldMk cId="2376958513" sldId="260"/>
            <ac:spMk id="8500" creationId="{AB7947B2-70C8-1F4B-2A2B-F712F63E6223}"/>
          </ac:spMkLst>
        </pc:spChg>
        <pc:spChg chg="mod">
          <ac:chgData name="White, Alex" userId="eff6cc8c-37d8-483b-9c6c-6b27e9afa9bc" providerId="ADAL" clId="{BF04C754-5BF4-4E83-9615-DB14FA25AF8A}" dt="2023-10-12T11:38:08.274" v="295"/>
          <ac:spMkLst>
            <pc:docMk/>
            <pc:sldMk cId="2376958513" sldId="260"/>
            <ac:spMk id="8501" creationId="{F060A0FA-0484-03DC-6451-4D3D38ADA5D8}"/>
          </ac:spMkLst>
        </pc:spChg>
        <pc:spChg chg="mod">
          <ac:chgData name="White, Alex" userId="eff6cc8c-37d8-483b-9c6c-6b27e9afa9bc" providerId="ADAL" clId="{BF04C754-5BF4-4E83-9615-DB14FA25AF8A}" dt="2023-10-12T11:38:08.274" v="295"/>
          <ac:spMkLst>
            <pc:docMk/>
            <pc:sldMk cId="2376958513" sldId="260"/>
            <ac:spMk id="8502" creationId="{0907F1CB-3231-8A5E-0FCB-5CCE96A0D40B}"/>
          </ac:spMkLst>
        </pc:spChg>
        <pc:spChg chg="mod">
          <ac:chgData name="White, Alex" userId="eff6cc8c-37d8-483b-9c6c-6b27e9afa9bc" providerId="ADAL" clId="{BF04C754-5BF4-4E83-9615-DB14FA25AF8A}" dt="2023-10-12T11:38:08.274" v="295"/>
          <ac:spMkLst>
            <pc:docMk/>
            <pc:sldMk cId="2376958513" sldId="260"/>
            <ac:spMk id="8503" creationId="{9406A387-7B8A-F1FF-AE72-415DAC93496D}"/>
          </ac:spMkLst>
        </pc:spChg>
        <pc:spChg chg="mod">
          <ac:chgData name="White, Alex" userId="eff6cc8c-37d8-483b-9c6c-6b27e9afa9bc" providerId="ADAL" clId="{BF04C754-5BF4-4E83-9615-DB14FA25AF8A}" dt="2023-10-12T11:38:08.274" v="295"/>
          <ac:spMkLst>
            <pc:docMk/>
            <pc:sldMk cId="2376958513" sldId="260"/>
            <ac:spMk id="8504" creationId="{7A358DF9-6FA6-E694-FBBD-8DBABA77CCCB}"/>
          </ac:spMkLst>
        </pc:spChg>
        <pc:spChg chg="mod">
          <ac:chgData name="White, Alex" userId="eff6cc8c-37d8-483b-9c6c-6b27e9afa9bc" providerId="ADAL" clId="{BF04C754-5BF4-4E83-9615-DB14FA25AF8A}" dt="2023-10-12T11:38:08.274" v="295"/>
          <ac:spMkLst>
            <pc:docMk/>
            <pc:sldMk cId="2376958513" sldId="260"/>
            <ac:spMk id="8505" creationId="{FEBAB2D9-F217-DBB6-2EFC-3783F69C7B0E}"/>
          </ac:spMkLst>
        </pc:spChg>
        <pc:spChg chg="mod">
          <ac:chgData name="White, Alex" userId="eff6cc8c-37d8-483b-9c6c-6b27e9afa9bc" providerId="ADAL" clId="{BF04C754-5BF4-4E83-9615-DB14FA25AF8A}" dt="2023-10-12T11:38:08.274" v="295"/>
          <ac:spMkLst>
            <pc:docMk/>
            <pc:sldMk cId="2376958513" sldId="260"/>
            <ac:spMk id="8506" creationId="{10E91745-3C6A-1CCC-35F1-A58FD5960FDB}"/>
          </ac:spMkLst>
        </pc:spChg>
        <pc:spChg chg="mod">
          <ac:chgData name="White, Alex" userId="eff6cc8c-37d8-483b-9c6c-6b27e9afa9bc" providerId="ADAL" clId="{BF04C754-5BF4-4E83-9615-DB14FA25AF8A}" dt="2023-10-12T11:38:08.274" v="295"/>
          <ac:spMkLst>
            <pc:docMk/>
            <pc:sldMk cId="2376958513" sldId="260"/>
            <ac:spMk id="8507" creationId="{5C822ABF-9BE6-953D-F775-87BDD56AF2C9}"/>
          </ac:spMkLst>
        </pc:spChg>
        <pc:spChg chg="mod">
          <ac:chgData name="White, Alex" userId="eff6cc8c-37d8-483b-9c6c-6b27e9afa9bc" providerId="ADAL" clId="{BF04C754-5BF4-4E83-9615-DB14FA25AF8A}" dt="2023-10-12T11:38:08.274" v="295"/>
          <ac:spMkLst>
            <pc:docMk/>
            <pc:sldMk cId="2376958513" sldId="260"/>
            <ac:spMk id="8508" creationId="{727ABE6E-DB61-039B-B239-69599D8D9C04}"/>
          </ac:spMkLst>
        </pc:spChg>
        <pc:spChg chg="mod">
          <ac:chgData name="White, Alex" userId="eff6cc8c-37d8-483b-9c6c-6b27e9afa9bc" providerId="ADAL" clId="{BF04C754-5BF4-4E83-9615-DB14FA25AF8A}" dt="2023-10-12T11:38:08.274" v="295"/>
          <ac:spMkLst>
            <pc:docMk/>
            <pc:sldMk cId="2376958513" sldId="260"/>
            <ac:spMk id="8509" creationId="{0EDFBE0F-D50D-AA9A-0FC0-C54ED59E5AFF}"/>
          </ac:spMkLst>
        </pc:spChg>
        <pc:spChg chg="mod">
          <ac:chgData name="White, Alex" userId="eff6cc8c-37d8-483b-9c6c-6b27e9afa9bc" providerId="ADAL" clId="{BF04C754-5BF4-4E83-9615-DB14FA25AF8A}" dt="2023-10-12T11:38:08.274" v="295"/>
          <ac:spMkLst>
            <pc:docMk/>
            <pc:sldMk cId="2376958513" sldId="260"/>
            <ac:spMk id="8510" creationId="{1C1AA1FF-E4A1-B9B9-7D5F-7B6F7692ED1D}"/>
          </ac:spMkLst>
        </pc:spChg>
        <pc:spChg chg="mod">
          <ac:chgData name="White, Alex" userId="eff6cc8c-37d8-483b-9c6c-6b27e9afa9bc" providerId="ADAL" clId="{BF04C754-5BF4-4E83-9615-DB14FA25AF8A}" dt="2023-10-12T11:38:08.274" v="295"/>
          <ac:spMkLst>
            <pc:docMk/>
            <pc:sldMk cId="2376958513" sldId="260"/>
            <ac:spMk id="8511" creationId="{FC7E90FE-B933-EE69-835E-D0EF467253FB}"/>
          </ac:spMkLst>
        </pc:spChg>
        <pc:spChg chg="mod">
          <ac:chgData name="White, Alex" userId="eff6cc8c-37d8-483b-9c6c-6b27e9afa9bc" providerId="ADAL" clId="{BF04C754-5BF4-4E83-9615-DB14FA25AF8A}" dt="2023-10-12T11:38:08.274" v="295"/>
          <ac:spMkLst>
            <pc:docMk/>
            <pc:sldMk cId="2376958513" sldId="260"/>
            <ac:spMk id="8512" creationId="{1D0CA972-FC25-1AF7-99C8-ADE5DF06E7BC}"/>
          </ac:spMkLst>
        </pc:spChg>
        <pc:spChg chg="mod">
          <ac:chgData name="White, Alex" userId="eff6cc8c-37d8-483b-9c6c-6b27e9afa9bc" providerId="ADAL" clId="{BF04C754-5BF4-4E83-9615-DB14FA25AF8A}" dt="2023-10-12T11:38:08.274" v="295"/>
          <ac:spMkLst>
            <pc:docMk/>
            <pc:sldMk cId="2376958513" sldId="260"/>
            <ac:spMk id="8513" creationId="{981F0D70-D576-740E-0FF5-97F117BBCB0F}"/>
          </ac:spMkLst>
        </pc:spChg>
        <pc:spChg chg="mod">
          <ac:chgData name="White, Alex" userId="eff6cc8c-37d8-483b-9c6c-6b27e9afa9bc" providerId="ADAL" clId="{BF04C754-5BF4-4E83-9615-DB14FA25AF8A}" dt="2023-10-12T11:38:08.274" v="295"/>
          <ac:spMkLst>
            <pc:docMk/>
            <pc:sldMk cId="2376958513" sldId="260"/>
            <ac:spMk id="8514" creationId="{0F7CB6AF-77BC-CBA7-2259-FC0741EDF66B}"/>
          </ac:spMkLst>
        </pc:spChg>
        <pc:spChg chg="mod">
          <ac:chgData name="White, Alex" userId="eff6cc8c-37d8-483b-9c6c-6b27e9afa9bc" providerId="ADAL" clId="{BF04C754-5BF4-4E83-9615-DB14FA25AF8A}" dt="2023-10-12T11:38:08.274" v="295"/>
          <ac:spMkLst>
            <pc:docMk/>
            <pc:sldMk cId="2376958513" sldId="260"/>
            <ac:spMk id="8515" creationId="{513F96BD-69CE-A908-B6AB-C0F159B838B9}"/>
          </ac:spMkLst>
        </pc:spChg>
        <pc:spChg chg="mod">
          <ac:chgData name="White, Alex" userId="eff6cc8c-37d8-483b-9c6c-6b27e9afa9bc" providerId="ADAL" clId="{BF04C754-5BF4-4E83-9615-DB14FA25AF8A}" dt="2023-10-12T11:38:08.274" v="295"/>
          <ac:spMkLst>
            <pc:docMk/>
            <pc:sldMk cId="2376958513" sldId="260"/>
            <ac:spMk id="8516" creationId="{E43CCC62-2A32-6481-AF4C-C8526CC14063}"/>
          </ac:spMkLst>
        </pc:spChg>
        <pc:spChg chg="mod">
          <ac:chgData name="White, Alex" userId="eff6cc8c-37d8-483b-9c6c-6b27e9afa9bc" providerId="ADAL" clId="{BF04C754-5BF4-4E83-9615-DB14FA25AF8A}" dt="2023-10-12T11:38:08.274" v="295"/>
          <ac:spMkLst>
            <pc:docMk/>
            <pc:sldMk cId="2376958513" sldId="260"/>
            <ac:spMk id="8517" creationId="{17B1C11D-91E1-9E62-FA20-C4E42B56102C}"/>
          </ac:spMkLst>
        </pc:spChg>
        <pc:spChg chg="mod">
          <ac:chgData name="White, Alex" userId="eff6cc8c-37d8-483b-9c6c-6b27e9afa9bc" providerId="ADAL" clId="{BF04C754-5BF4-4E83-9615-DB14FA25AF8A}" dt="2023-10-12T11:38:08.274" v="295"/>
          <ac:spMkLst>
            <pc:docMk/>
            <pc:sldMk cId="2376958513" sldId="260"/>
            <ac:spMk id="8518" creationId="{FEE385E7-BCCC-0FE4-1E34-6AA0D1E690AF}"/>
          </ac:spMkLst>
        </pc:spChg>
        <pc:spChg chg="mod">
          <ac:chgData name="White, Alex" userId="eff6cc8c-37d8-483b-9c6c-6b27e9afa9bc" providerId="ADAL" clId="{BF04C754-5BF4-4E83-9615-DB14FA25AF8A}" dt="2023-10-12T11:38:08.274" v="295"/>
          <ac:spMkLst>
            <pc:docMk/>
            <pc:sldMk cId="2376958513" sldId="260"/>
            <ac:spMk id="8519" creationId="{7E2EBDD1-3A14-E6E3-FCDD-9F7C9B4B5AE6}"/>
          </ac:spMkLst>
        </pc:spChg>
        <pc:spChg chg="mod">
          <ac:chgData name="White, Alex" userId="eff6cc8c-37d8-483b-9c6c-6b27e9afa9bc" providerId="ADAL" clId="{BF04C754-5BF4-4E83-9615-DB14FA25AF8A}" dt="2023-10-12T11:38:08.274" v="295"/>
          <ac:spMkLst>
            <pc:docMk/>
            <pc:sldMk cId="2376958513" sldId="260"/>
            <ac:spMk id="8520" creationId="{76ACED26-27D5-7D91-401E-BA11DECF5022}"/>
          </ac:spMkLst>
        </pc:spChg>
        <pc:spChg chg="mod">
          <ac:chgData name="White, Alex" userId="eff6cc8c-37d8-483b-9c6c-6b27e9afa9bc" providerId="ADAL" clId="{BF04C754-5BF4-4E83-9615-DB14FA25AF8A}" dt="2023-10-12T11:38:08.274" v="295"/>
          <ac:spMkLst>
            <pc:docMk/>
            <pc:sldMk cId="2376958513" sldId="260"/>
            <ac:spMk id="8521" creationId="{6B15ACAE-F179-8829-BAEE-AC1188E5AE7E}"/>
          </ac:spMkLst>
        </pc:spChg>
        <pc:spChg chg="mod">
          <ac:chgData name="White, Alex" userId="eff6cc8c-37d8-483b-9c6c-6b27e9afa9bc" providerId="ADAL" clId="{BF04C754-5BF4-4E83-9615-DB14FA25AF8A}" dt="2023-10-12T11:38:08.274" v="295"/>
          <ac:spMkLst>
            <pc:docMk/>
            <pc:sldMk cId="2376958513" sldId="260"/>
            <ac:spMk id="8522" creationId="{6AAB43CF-F7FA-4D41-9E8B-1B3E6818BD2C}"/>
          </ac:spMkLst>
        </pc:spChg>
        <pc:spChg chg="mod">
          <ac:chgData name="White, Alex" userId="eff6cc8c-37d8-483b-9c6c-6b27e9afa9bc" providerId="ADAL" clId="{BF04C754-5BF4-4E83-9615-DB14FA25AF8A}" dt="2023-10-12T11:38:08.274" v="295"/>
          <ac:spMkLst>
            <pc:docMk/>
            <pc:sldMk cId="2376958513" sldId="260"/>
            <ac:spMk id="8523" creationId="{78E71DF2-921E-4066-DC96-8BA8F5E5A5DC}"/>
          </ac:spMkLst>
        </pc:spChg>
        <pc:spChg chg="mod">
          <ac:chgData name="White, Alex" userId="eff6cc8c-37d8-483b-9c6c-6b27e9afa9bc" providerId="ADAL" clId="{BF04C754-5BF4-4E83-9615-DB14FA25AF8A}" dt="2023-10-12T11:38:08.274" v="295"/>
          <ac:spMkLst>
            <pc:docMk/>
            <pc:sldMk cId="2376958513" sldId="260"/>
            <ac:spMk id="8524" creationId="{171FB6EE-E1FC-62D1-FEE6-C0F4850F1423}"/>
          </ac:spMkLst>
        </pc:spChg>
        <pc:spChg chg="mod">
          <ac:chgData name="White, Alex" userId="eff6cc8c-37d8-483b-9c6c-6b27e9afa9bc" providerId="ADAL" clId="{BF04C754-5BF4-4E83-9615-DB14FA25AF8A}" dt="2023-10-12T11:38:08.274" v="295"/>
          <ac:spMkLst>
            <pc:docMk/>
            <pc:sldMk cId="2376958513" sldId="260"/>
            <ac:spMk id="8525" creationId="{46A30FC4-4EB1-9BC6-7047-0A6A32953591}"/>
          </ac:spMkLst>
        </pc:spChg>
        <pc:spChg chg="mod">
          <ac:chgData name="White, Alex" userId="eff6cc8c-37d8-483b-9c6c-6b27e9afa9bc" providerId="ADAL" clId="{BF04C754-5BF4-4E83-9615-DB14FA25AF8A}" dt="2023-10-12T11:38:08.274" v="295"/>
          <ac:spMkLst>
            <pc:docMk/>
            <pc:sldMk cId="2376958513" sldId="260"/>
            <ac:spMk id="8526" creationId="{E0BD9A7D-69BC-D772-4A12-8B8F3D000D2B}"/>
          </ac:spMkLst>
        </pc:spChg>
        <pc:spChg chg="mod">
          <ac:chgData name="White, Alex" userId="eff6cc8c-37d8-483b-9c6c-6b27e9afa9bc" providerId="ADAL" clId="{BF04C754-5BF4-4E83-9615-DB14FA25AF8A}" dt="2023-10-12T11:38:08.274" v="295"/>
          <ac:spMkLst>
            <pc:docMk/>
            <pc:sldMk cId="2376958513" sldId="260"/>
            <ac:spMk id="8527" creationId="{606EDE8E-524A-BA8A-4C82-88289572AAF1}"/>
          </ac:spMkLst>
        </pc:spChg>
        <pc:spChg chg="mod">
          <ac:chgData name="White, Alex" userId="eff6cc8c-37d8-483b-9c6c-6b27e9afa9bc" providerId="ADAL" clId="{BF04C754-5BF4-4E83-9615-DB14FA25AF8A}" dt="2023-10-12T11:38:08.274" v="295"/>
          <ac:spMkLst>
            <pc:docMk/>
            <pc:sldMk cId="2376958513" sldId="260"/>
            <ac:spMk id="8528" creationId="{E0DE6B44-AFB2-6B61-A01A-E63DC0EA732E}"/>
          </ac:spMkLst>
        </pc:spChg>
        <pc:spChg chg="mod">
          <ac:chgData name="White, Alex" userId="eff6cc8c-37d8-483b-9c6c-6b27e9afa9bc" providerId="ADAL" clId="{BF04C754-5BF4-4E83-9615-DB14FA25AF8A}" dt="2023-10-12T11:38:08.274" v="295"/>
          <ac:spMkLst>
            <pc:docMk/>
            <pc:sldMk cId="2376958513" sldId="260"/>
            <ac:spMk id="8529" creationId="{F34DEDDA-7F3F-A902-BACB-4E9D2ACADAF0}"/>
          </ac:spMkLst>
        </pc:spChg>
        <pc:spChg chg="mod">
          <ac:chgData name="White, Alex" userId="eff6cc8c-37d8-483b-9c6c-6b27e9afa9bc" providerId="ADAL" clId="{BF04C754-5BF4-4E83-9615-DB14FA25AF8A}" dt="2023-10-12T11:38:08.274" v="295"/>
          <ac:spMkLst>
            <pc:docMk/>
            <pc:sldMk cId="2376958513" sldId="260"/>
            <ac:spMk id="8530" creationId="{FC5EEA6A-A5D9-A6A3-487B-F7E254CFDC91}"/>
          </ac:spMkLst>
        </pc:spChg>
        <pc:spChg chg="mod">
          <ac:chgData name="White, Alex" userId="eff6cc8c-37d8-483b-9c6c-6b27e9afa9bc" providerId="ADAL" clId="{BF04C754-5BF4-4E83-9615-DB14FA25AF8A}" dt="2023-10-12T11:38:08.274" v="295"/>
          <ac:spMkLst>
            <pc:docMk/>
            <pc:sldMk cId="2376958513" sldId="260"/>
            <ac:spMk id="8531" creationId="{48B4E0CC-F324-EEF2-832A-21AC7A3B0289}"/>
          </ac:spMkLst>
        </pc:spChg>
        <pc:spChg chg="mod">
          <ac:chgData name="White, Alex" userId="eff6cc8c-37d8-483b-9c6c-6b27e9afa9bc" providerId="ADAL" clId="{BF04C754-5BF4-4E83-9615-DB14FA25AF8A}" dt="2023-10-12T11:38:08.274" v="295"/>
          <ac:spMkLst>
            <pc:docMk/>
            <pc:sldMk cId="2376958513" sldId="260"/>
            <ac:spMk id="8532" creationId="{BAE34939-87C7-FB06-CE1B-D87393C9E25F}"/>
          </ac:spMkLst>
        </pc:spChg>
        <pc:spChg chg="mod">
          <ac:chgData name="White, Alex" userId="eff6cc8c-37d8-483b-9c6c-6b27e9afa9bc" providerId="ADAL" clId="{BF04C754-5BF4-4E83-9615-DB14FA25AF8A}" dt="2023-10-12T11:38:08.274" v="295"/>
          <ac:spMkLst>
            <pc:docMk/>
            <pc:sldMk cId="2376958513" sldId="260"/>
            <ac:spMk id="8533" creationId="{E4FA9257-B50E-323B-3C9F-09877EEC9BC6}"/>
          </ac:spMkLst>
        </pc:spChg>
        <pc:spChg chg="mod">
          <ac:chgData name="White, Alex" userId="eff6cc8c-37d8-483b-9c6c-6b27e9afa9bc" providerId="ADAL" clId="{BF04C754-5BF4-4E83-9615-DB14FA25AF8A}" dt="2023-10-12T11:38:08.274" v="295"/>
          <ac:spMkLst>
            <pc:docMk/>
            <pc:sldMk cId="2376958513" sldId="260"/>
            <ac:spMk id="8534" creationId="{546783FC-08A0-21A0-AC35-1071572CE0BD}"/>
          </ac:spMkLst>
        </pc:spChg>
        <pc:spChg chg="mod">
          <ac:chgData name="White, Alex" userId="eff6cc8c-37d8-483b-9c6c-6b27e9afa9bc" providerId="ADAL" clId="{BF04C754-5BF4-4E83-9615-DB14FA25AF8A}" dt="2023-10-12T11:38:08.274" v="295"/>
          <ac:spMkLst>
            <pc:docMk/>
            <pc:sldMk cId="2376958513" sldId="260"/>
            <ac:spMk id="8535" creationId="{9C45E470-6C2F-E9C8-550F-3533DABFD044}"/>
          </ac:spMkLst>
        </pc:spChg>
        <pc:spChg chg="mod">
          <ac:chgData name="White, Alex" userId="eff6cc8c-37d8-483b-9c6c-6b27e9afa9bc" providerId="ADAL" clId="{BF04C754-5BF4-4E83-9615-DB14FA25AF8A}" dt="2023-10-12T11:38:08.274" v="295"/>
          <ac:spMkLst>
            <pc:docMk/>
            <pc:sldMk cId="2376958513" sldId="260"/>
            <ac:spMk id="8536" creationId="{EB058BA1-E4CE-9668-D237-B29F6D94F8C2}"/>
          </ac:spMkLst>
        </pc:spChg>
        <pc:spChg chg="mod">
          <ac:chgData name="White, Alex" userId="eff6cc8c-37d8-483b-9c6c-6b27e9afa9bc" providerId="ADAL" clId="{BF04C754-5BF4-4E83-9615-DB14FA25AF8A}" dt="2023-10-12T11:38:08.274" v="295"/>
          <ac:spMkLst>
            <pc:docMk/>
            <pc:sldMk cId="2376958513" sldId="260"/>
            <ac:spMk id="8537" creationId="{A97A83D4-8C9F-FA61-D697-5C06536FE818}"/>
          </ac:spMkLst>
        </pc:spChg>
        <pc:spChg chg="mod">
          <ac:chgData name="White, Alex" userId="eff6cc8c-37d8-483b-9c6c-6b27e9afa9bc" providerId="ADAL" clId="{BF04C754-5BF4-4E83-9615-DB14FA25AF8A}" dt="2023-10-12T11:38:08.274" v="295"/>
          <ac:spMkLst>
            <pc:docMk/>
            <pc:sldMk cId="2376958513" sldId="260"/>
            <ac:spMk id="8538" creationId="{5950CF0F-6392-8C91-374F-7F2E376D8A72}"/>
          </ac:spMkLst>
        </pc:spChg>
        <pc:spChg chg="mod">
          <ac:chgData name="White, Alex" userId="eff6cc8c-37d8-483b-9c6c-6b27e9afa9bc" providerId="ADAL" clId="{BF04C754-5BF4-4E83-9615-DB14FA25AF8A}" dt="2023-10-12T11:38:08.274" v="295"/>
          <ac:spMkLst>
            <pc:docMk/>
            <pc:sldMk cId="2376958513" sldId="260"/>
            <ac:spMk id="8539" creationId="{1B0EDE4A-FE5F-F838-3208-07538E2EBAB8}"/>
          </ac:spMkLst>
        </pc:spChg>
        <pc:spChg chg="mod">
          <ac:chgData name="White, Alex" userId="eff6cc8c-37d8-483b-9c6c-6b27e9afa9bc" providerId="ADAL" clId="{BF04C754-5BF4-4E83-9615-DB14FA25AF8A}" dt="2023-10-12T11:38:08.274" v="295"/>
          <ac:spMkLst>
            <pc:docMk/>
            <pc:sldMk cId="2376958513" sldId="260"/>
            <ac:spMk id="8540" creationId="{630AC7CD-46AD-D122-DA68-E7D1EA685569}"/>
          </ac:spMkLst>
        </pc:spChg>
        <pc:spChg chg="mod">
          <ac:chgData name="White, Alex" userId="eff6cc8c-37d8-483b-9c6c-6b27e9afa9bc" providerId="ADAL" clId="{BF04C754-5BF4-4E83-9615-DB14FA25AF8A}" dt="2023-10-12T11:38:08.274" v="295"/>
          <ac:spMkLst>
            <pc:docMk/>
            <pc:sldMk cId="2376958513" sldId="260"/>
            <ac:spMk id="8541" creationId="{4B68CE18-772F-EC6B-4803-15369BCDC30F}"/>
          </ac:spMkLst>
        </pc:spChg>
        <pc:spChg chg="mod">
          <ac:chgData name="White, Alex" userId="eff6cc8c-37d8-483b-9c6c-6b27e9afa9bc" providerId="ADAL" clId="{BF04C754-5BF4-4E83-9615-DB14FA25AF8A}" dt="2023-10-12T11:38:08.274" v="295"/>
          <ac:spMkLst>
            <pc:docMk/>
            <pc:sldMk cId="2376958513" sldId="260"/>
            <ac:spMk id="8542" creationId="{EF67E1E8-0BD4-1D77-2103-046B6137E833}"/>
          </ac:spMkLst>
        </pc:spChg>
        <pc:spChg chg="mod">
          <ac:chgData name="White, Alex" userId="eff6cc8c-37d8-483b-9c6c-6b27e9afa9bc" providerId="ADAL" clId="{BF04C754-5BF4-4E83-9615-DB14FA25AF8A}" dt="2023-10-12T11:38:08.274" v="295"/>
          <ac:spMkLst>
            <pc:docMk/>
            <pc:sldMk cId="2376958513" sldId="260"/>
            <ac:spMk id="8543" creationId="{BDF0809D-738A-2644-402A-9EC18B0BDE5B}"/>
          </ac:spMkLst>
        </pc:spChg>
        <pc:spChg chg="mod">
          <ac:chgData name="White, Alex" userId="eff6cc8c-37d8-483b-9c6c-6b27e9afa9bc" providerId="ADAL" clId="{BF04C754-5BF4-4E83-9615-DB14FA25AF8A}" dt="2023-10-12T11:38:08.274" v="295"/>
          <ac:spMkLst>
            <pc:docMk/>
            <pc:sldMk cId="2376958513" sldId="260"/>
            <ac:spMk id="8544" creationId="{2F7AD66F-84F3-C200-51DE-7CF17D2FFA19}"/>
          </ac:spMkLst>
        </pc:spChg>
        <pc:spChg chg="mod">
          <ac:chgData name="White, Alex" userId="eff6cc8c-37d8-483b-9c6c-6b27e9afa9bc" providerId="ADAL" clId="{BF04C754-5BF4-4E83-9615-DB14FA25AF8A}" dt="2023-10-12T11:38:08.274" v="295"/>
          <ac:spMkLst>
            <pc:docMk/>
            <pc:sldMk cId="2376958513" sldId="260"/>
            <ac:spMk id="8545" creationId="{C3C89809-DEBB-2243-C02D-75EFD1EDF55D}"/>
          </ac:spMkLst>
        </pc:spChg>
        <pc:spChg chg="mod">
          <ac:chgData name="White, Alex" userId="eff6cc8c-37d8-483b-9c6c-6b27e9afa9bc" providerId="ADAL" clId="{BF04C754-5BF4-4E83-9615-DB14FA25AF8A}" dt="2023-10-12T11:38:08.274" v="295"/>
          <ac:spMkLst>
            <pc:docMk/>
            <pc:sldMk cId="2376958513" sldId="260"/>
            <ac:spMk id="8546" creationId="{99EA441F-5804-43B9-36D9-9F1A8E188861}"/>
          </ac:spMkLst>
        </pc:spChg>
        <pc:spChg chg="mod">
          <ac:chgData name="White, Alex" userId="eff6cc8c-37d8-483b-9c6c-6b27e9afa9bc" providerId="ADAL" clId="{BF04C754-5BF4-4E83-9615-DB14FA25AF8A}" dt="2023-10-12T11:38:08.274" v="295"/>
          <ac:spMkLst>
            <pc:docMk/>
            <pc:sldMk cId="2376958513" sldId="260"/>
            <ac:spMk id="8547" creationId="{99932405-86EB-5C08-502D-A96439B908C3}"/>
          </ac:spMkLst>
        </pc:spChg>
        <pc:spChg chg="mod">
          <ac:chgData name="White, Alex" userId="eff6cc8c-37d8-483b-9c6c-6b27e9afa9bc" providerId="ADAL" clId="{BF04C754-5BF4-4E83-9615-DB14FA25AF8A}" dt="2023-10-12T11:38:08.274" v="295"/>
          <ac:spMkLst>
            <pc:docMk/>
            <pc:sldMk cId="2376958513" sldId="260"/>
            <ac:spMk id="8548" creationId="{1F2EB90F-4606-D30D-A2E7-845C4CD30220}"/>
          </ac:spMkLst>
        </pc:spChg>
        <pc:spChg chg="mod">
          <ac:chgData name="White, Alex" userId="eff6cc8c-37d8-483b-9c6c-6b27e9afa9bc" providerId="ADAL" clId="{BF04C754-5BF4-4E83-9615-DB14FA25AF8A}" dt="2023-10-12T11:38:08.274" v="295"/>
          <ac:spMkLst>
            <pc:docMk/>
            <pc:sldMk cId="2376958513" sldId="260"/>
            <ac:spMk id="8549" creationId="{070C6002-372E-30A0-0BFD-C74F6CF6F09A}"/>
          </ac:spMkLst>
        </pc:spChg>
        <pc:spChg chg="mod">
          <ac:chgData name="White, Alex" userId="eff6cc8c-37d8-483b-9c6c-6b27e9afa9bc" providerId="ADAL" clId="{BF04C754-5BF4-4E83-9615-DB14FA25AF8A}" dt="2023-10-12T11:38:08.274" v="295"/>
          <ac:spMkLst>
            <pc:docMk/>
            <pc:sldMk cId="2376958513" sldId="260"/>
            <ac:spMk id="8550" creationId="{722D2B16-F352-33FC-46CD-974602E98A96}"/>
          </ac:spMkLst>
        </pc:spChg>
        <pc:spChg chg="mod">
          <ac:chgData name="White, Alex" userId="eff6cc8c-37d8-483b-9c6c-6b27e9afa9bc" providerId="ADAL" clId="{BF04C754-5BF4-4E83-9615-DB14FA25AF8A}" dt="2023-10-12T11:38:08.274" v="295"/>
          <ac:spMkLst>
            <pc:docMk/>
            <pc:sldMk cId="2376958513" sldId="260"/>
            <ac:spMk id="8551" creationId="{FE586174-89D1-7B89-6313-D93383E9343C}"/>
          </ac:spMkLst>
        </pc:spChg>
        <pc:spChg chg="mod">
          <ac:chgData name="White, Alex" userId="eff6cc8c-37d8-483b-9c6c-6b27e9afa9bc" providerId="ADAL" clId="{BF04C754-5BF4-4E83-9615-DB14FA25AF8A}" dt="2023-10-12T11:38:08.274" v="295"/>
          <ac:spMkLst>
            <pc:docMk/>
            <pc:sldMk cId="2376958513" sldId="260"/>
            <ac:spMk id="8552" creationId="{281AB2B3-02B2-6369-7FA9-BDFCFFD1B2D1}"/>
          </ac:spMkLst>
        </pc:spChg>
        <pc:spChg chg="mod">
          <ac:chgData name="White, Alex" userId="eff6cc8c-37d8-483b-9c6c-6b27e9afa9bc" providerId="ADAL" clId="{BF04C754-5BF4-4E83-9615-DB14FA25AF8A}" dt="2023-10-12T11:38:08.274" v="295"/>
          <ac:spMkLst>
            <pc:docMk/>
            <pc:sldMk cId="2376958513" sldId="260"/>
            <ac:spMk id="8553" creationId="{61094405-84C1-92E0-1461-4610859B4A97}"/>
          </ac:spMkLst>
        </pc:spChg>
        <pc:spChg chg="mod">
          <ac:chgData name="White, Alex" userId="eff6cc8c-37d8-483b-9c6c-6b27e9afa9bc" providerId="ADAL" clId="{BF04C754-5BF4-4E83-9615-DB14FA25AF8A}" dt="2023-10-12T11:38:08.274" v="295"/>
          <ac:spMkLst>
            <pc:docMk/>
            <pc:sldMk cId="2376958513" sldId="260"/>
            <ac:spMk id="8554" creationId="{15E2C6E8-EB5E-B2C0-5228-C4F84E4CF3EF}"/>
          </ac:spMkLst>
        </pc:spChg>
        <pc:spChg chg="mod">
          <ac:chgData name="White, Alex" userId="eff6cc8c-37d8-483b-9c6c-6b27e9afa9bc" providerId="ADAL" clId="{BF04C754-5BF4-4E83-9615-DB14FA25AF8A}" dt="2023-10-12T11:38:08.274" v="295"/>
          <ac:spMkLst>
            <pc:docMk/>
            <pc:sldMk cId="2376958513" sldId="260"/>
            <ac:spMk id="8555" creationId="{37F53F9E-5249-35FA-320C-66D708CB075D}"/>
          </ac:spMkLst>
        </pc:spChg>
        <pc:spChg chg="mod">
          <ac:chgData name="White, Alex" userId="eff6cc8c-37d8-483b-9c6c-6b27e9afa9bc" providerId="ADAL" clId="{BF04C754-5BF4-4E83-9615-DB14FA25AF8A}" dt="2023-10-12T11:38:08.274" v="295"/>
          <ac:spMkLst>
            <pc:docMk/>
            <pc:sldMk cId="2376958513" sldId="260"/>
            <ac:spMk id="8556" creationId="{44B8ABE4-2940-2F18-3048-ED5CE7B9BDD2}"/>
          </ac:spMkLst>
        </pc:spChg>
        <pc:spChg chg="mod">
          <ac:chgData name="White, Alex" userId="eff6cc8c-37d8-483b-9c6c-6b27e9afa9bc" providerId="ADAL" clId="{BF04C754-5BF4-4E83-9615-DB14FA25AF8A}" dt="2023-10-12T11:38:08.274" v="295"/>
          <ac:spMkLst>
            <pc:docMk/>
            <pc:sldMk cId="2376958513" sldId="260"/>
            <ac:spMk id="8557" creationId="{4529E6E2-4BD8-51DF-88C4-A8598A576BE2}"/>
          </ac:spMkLst>
        </pc:spChg>
        <pc:spChg chg="mod">
          <ac:chgData name="White, Alex" userId="eff6cc8c-37d8-483b-9c6c-6b27e9afa9bc" providerId="ADAL" clId="{BF04C754-5BF4-4E83-9615-DB14FA25AF8A}" dt="2023-10-12T11:38:08.274" v="295"/>
          <ac:spMkLst>
            <pc:docMk/>
            <pc:sldMk cId="2376958513" sldId="260"/>
            <ac:spMk id="8558" creationId="{B7ED5EB0-3007-0FD9-FCC7-B3D5EBBC3F73}"/>
          </ac:spMkLst>
        </pc:spChg>
        <pc:spChg chg="mod">
          <ac:chgData name="White, Alex" userId="eff6cc8c-37d8-483b-9c6c-6b27e9afa9bc" providerId="ADAL" clId="{BF04C754-5BF4-4E83-9615-DB14FA25AF8A}" dt="2023-10-12T11:38:08.274" v="295"/>
          <ac:spMkLst>
            <pc:docMk/>
            <pc:sldMk cId="2376958513" sldId="260"/>
            <ac:spMk id="8559" creationId="{64817742-8927-1D86-508E-C53CFE59F666}"/>
          </ac:spMkLst>
        </pc:spChg>
        <pc:spChg chg="mod">
          <ac:chgData name="White, Alex" userId="eff6cc8c-37d8-483b-9c6c-6b27e9afa9bc" providerId="ADAL" clId="{BF04C754-5BF4-4E83-9615-DB14FA25AF8A}" dt="2023-10-12T11:38:08.274" v="295"/>
          <ac:spMkLst>
            <pc:docMk/>
            <pc:sldMk cId="2376958513" sldId="260"/>
            <ac:spMk id="8560" creationId="{325CF805-84D3-EA59-68CB-9C1BB856B797}"/>
          </ac:spMkLst>
        </pc:spChg>
        <pc:spChg chg="mod">
          <ac:chgData name="White, Alex" userId="eff6cc8c-37d8-483b-9c6c-6b27e9afa9bc" providerId="ADAL" clId="{BF04C754-5BF4-4E83-9615-DB14FA25AF8A}" dt="2023-10-12T11:38:08.274" v="295"/>
          <ac:spMkLst>
            <pc:docMk/>
            <pc:sldMk cId="2376958513" sldId="260"/>
            <ac:spMk id="8561" creationId="{9182C35D-5110-4496-3753-9598031E9994}"/>
          </ac:spMkLst>
        </pc:spChg>
        <pc:spChg chg="mod">
          <ac:chgData name="White, Alex" userId="eff6cc8c-37d8-483b-9c6c-6b27e9afa9bc" providerId="ADAL" clId="{BF04C754-5BF4-4E83-9615-DB14FA25AF8A}" dt="2023-10-12T11:38:08.274" v="295"/>
          <ac:spMkLst>
            <pc:docMk/>
            <pc:sldMk cId="2376958513" sldId="260"/>
            <ac:spMk id="8562" creationId="{1F7C14DC-EB26-7146-76C1-41E4A15C7D75}"/>
          </ac:spMkLst>
        </pc:spChg>
        <pc:spChg chg="mod">
          <ac:chgData name="White, Alex" userId="eff6cc8c-37d8-483b-9c6c-6b27e9afa9bc" providerId="ADAL" clId="{BF04C754-5BF4-4E83-9615-DB14FA25AF8A}" dt="2023-10-12T11:38:08.274" v="295"/>
          <ac:spMkLst>
            <pc:docMk/>
            <pc:sldMk cId="2376958513" sldId="260"/>
            <ac:spMk id="8563" creationId="{DF9E1FE2-DEC1-58A7-4692-C201279390D7}"/>
          </ac:spMkLst>
        </pc:spChg>
        <pc:spChg chg="mod">
          <ac:chgData name="White, Alex" userId="eff6cc8c-37d8-483b-9c6c-6b27e9afa9bc" providerId="ADAL" clId="{BF04C754-5BF4-4E83-9615-DB14FA25AF8A}" dt="2023-10-12T11:38:08.274" v="295"/>
          <ac:spMkLst>
            <pc:docMk/>
            <pc:sldMk cId="2376958513" sldId="260"/>
            <ac:spMk id="8564" creationId="{0C490CD4-4E50-26B1-DEF6-FCAF1D682743}"/>
          </ac:spMkLst>
        </pc:spChg>
        <pc:spChg chg="mod">
          <ac:chgData name="White, Alex" userId="eff6cc8c-37d8-483b-9c6c-6b27e9afa9bc" providerId="ADAL" clId="{BF04C754-5BF4-4E83-9615-DB14FA25AF8A}" dt="2023-10-12T11:38:08.274" v="295"/>
          <ac:spMkLst>
            <pc:docMk/>
            <pc:sldMk cId="2376958513" sldId="260"/>
            <ac:spMk id="8565" creationId="{2D41B8F8-5CBE-B65B-A201-DFF66032550D}"/>
          </ac:spMkLst>
        </pc:spChg>
        <pc:spChg chg="mod">
          <ac:chgData name="White, Alex" userId="eff6cc8c-37d8-483b-9c6c-6b27e9afa9bc" providerId="ADAL" clId="{BF04C754-5BF4-4E83-9615-DB14FA25AF8A}" dt="2023-10-12T11:38:08.274" v="295"/>
          <ac:spMkLst>
            <pc:docMk/>
            <pc:sldMk cId="2376958513" sldId="260"/>
            <ac:spMk id="8566" creationId="{9C0F7BB8-B063-7955-ACEF-0E6191488A0A}"/>
          </ac:spMkLst>
        </pc:spChg>
        <pc:spChg chg="mod">
          <ac:chgData name="White, Alex" userId="eff6cc8c-37d8-483b-9c6c-6b27e9afa9bc" providerId="ADAL" clId="{BF04C754-5BF4-4E83-9615-DB14FA25AF8A}" dt="2023-10-12T11:38:08.274" v="295"/>
          <ac:spMkLst>
            <pc:docMk/>
            <pc:sldMk cId="2376958513" sldId="260"/>
            <ac:spMk id="8567" creationId="{4D3FFD8E-23B4-8789-628B-4699F42BE1C7}"/>
          </ac:spMkLst>
        </pc:spChg>
        <pc:spChg chg="mod">
          <ac:chgData name="White, Alex" userId="eff6cc8c-37d8-483b-9c6c-6b27e9afa9bc" providerId="ADAL" clId="{BF04C754-5BF4-4E83-9615-DB14FA25AF8A}" dt="2023-10-12T11:38:08.274" v="295"/>
          <ac:spMkLst>
            <pc:docMk/>
            <pc:sldMk cId="2376958513" sldId="260"/>
            <ac:spMk id="8568" creationId="{0A92270C-A42A-8D2B-F463-8E91ABDE0A87}"/>
          </ac:spMkLst>
        </pc:spChg>
        <pc:spChg chg="mod">
          <ac:chgData name="White, Alex" userId="eff6cc8c-37d8-483b-9c6c-6b27e9afa9bc" providerId="ADAL" clId="{BF04C754-5BF4-4E83-9615-DB14FA25AF8A}" dt="2023-10-12T11:38:08.274" v="295"/>
          <ac:spMkLst>
            <pc:docMk/>
            <pc:sldMk cId="2376958513" sldId="260"/>
            <ac:spMk id="8569" creationId="{F3CC8DA6-793B-E8BF-3C5F-DE05AD395344}"/>
          </ac:spMkLst>
        </pc:spChg>
        <pc:spChg chg="mod">
          <ac:chgData name="White, Alex" userId="eff6cc8c-37d8-483b-9c6c-6b27e9afa9bc" providerId="ADAL" clId="{BF04C754-5BF4-4E83-9615-DB14FA25AF8A}" dt="2023-10-12T11:38:08.274" v="295"/>
          <ac:spMkLst>
            <pc:docMk/>
            <pc:sldMk cId="2376958513" sldId="260"/>
            <ac:spMk id="8570" creationId="{1FDFD0D2-F540-F9D5-9AB8-B8A64F40E475}"/>
          </ac:spMkLst>
        </pc:spChg>
        <pc:spChg chg="mod">
          <ac:chgData name="White, Alex" userId="eff6cc8c-37d8-483b-9c6c-6b27e9afa9bc" providerId="ADAL" clId="{BF04C754-5BF4-4E83-9615-DB14FA25AF8A}" dt="2023-10-12T11:38:08.274" v="295"/>
          <ac:spMkLst>
            <pc:docMk/>
            <pc:sldMk cId="2376958513" sldId="260"/>
            <ac:spMk id="8571" creationId="{B9D48548-5B63-3A36-BCDA-FD1DF7748D19}"/>
          </ac:spMkLst>
        </pc:spChg>
        <pc:spChg chg="mod">
          <ac:chgData name="White, Alex" userId="eff6cc8c-37d8-483b-9c6c-6b27e9afa9bc" providerId="ADAL" clId="{BF04C754-5BF4-4E83-9615-DB14FA25AF8A}" dt="2023-10-12T11:38:08.274" v="295"/>
          <ac:spMkLst>
            <pc:docMk/>
            <pc:sldMk cId="2376958513" sldId="260"/>
            <ac:spMk id="8572" creationId="{311E6D7A-697B-CEEA-9B4C-3AA72E5C02AE}"/>
          </ac:spMkLst>
        </pc:spChg>
        <pc:spChg chg="mod">
          <ac:chgData name="White, Alex" userId="eff6cc8c-37d8-483b-9c6c-6b27e9afa9bc" providerId="ADAL" clId="{BF04C754-5BF4-4E83-9615-DB14FA25AF8A}" dt="2023-10-12T11:38:08.274" v="295"/>
          <ac:spMkLst>
            <pc:docMk/>
            <pc:sldMk cId="2376958513" sldId="260"/>
            <ac:spMk id="8573" creationId="{85161677-EB34-FD77-AAD5-C045BEEBD625}"/>
          </ac:spMkLst>
        </pc:spChg>
        <pc:spChg chg="mod">
          <ac:chgData name="White, Alex" userId="eff6cc8c-37d8-483b-9c6c-6b27e9afa9bc" providerId="ADAL" clId="{BF04C754-5BF4-4E83-9615-DB14FA25AF8A}" dt="2023-10-12T11:38:08.274" v="295"/>
          <ac:spMkLst>
            <pc:docMk/>
            <pc:sldMk cId="2376958513" sldId="260"/>
            <ac:spMk id="8574" creationId="{546DC5D6-067E-1BEA-0560-54531CB9EC62}"/>
          </ac:spMkLst>
        </pc:spChg>
        <pc:spChg chg="mod">
          <ac:chgData name="White, Alex" userId="eff6cc8c-37d8-483b-9c6c-6b27e9afa9bc" providerId="ADAL" clId="{BF04C754-5BF4-4E83-9615-DB14FA25AF8A}" dt="2023-10-12T11:38:08.274" v="295"/>
          <ac:spMkLst>
            <pc:docMk/>
            <pc:sldMk cId="2376958513" sldId="260"/>
            <ac:spMk id="8575" creationId="{A9CF2C96-6200-1153-B9E2-1A8FAC849A73}"/>
          </ac:spMkLst>
        </pc:spChg>
        <pc:spChg chg="mod">
          <ac:chgData name="White, Alex" userId="eff6cc8c-37d8-483b-9c6c-6b27e9afa9bc" providerId="ADAL" clId="{BF04C754-5BF4-4E83-9615-DB14FA25AF8A}" dt="2023-10-12T11:38:08.274" v="295"/>
          <ac:spMkLst>
            <pc:docMk/>
            <pc:sldMk cId="2376958513" sldId="260"/>
            <ac:spMk id="8576" creationId="{62617BB9-9FD7-D0E2-4730-B2261AA02318}"/>
          </ac:spMkLst>
        </pc:spChg>
        <pc:spChg chg="mod">
          <ac:chgData name="White, Alex" userId="eff6cc8c-37d8-483b-9c6c-6b27e9afa9bc" providerId="ADAL" clId="{BF04C754-5BF4-4E83-9615-DB14FA25AF8A}" dt="2023-10-12T11:38:08.274" v="295"/>
          <ac:spMkLst>
            <pc:docMk/>
            <pc:sldMk cId="2376958513" sldId="260"/>
            <ac:spMk id="8577" creationId="{F3CFC783-B7C5-42CF-0B13-F02F5439734F}"/>
          </ac:spMkLst>
        </pc:spChg>
        <pc:spChg chg="mod">
          <ac:chgData name="White, Alex" userId="eff6cc8c-37d8-483b-9c6c-6b27e9afa9bc" providerId="ADAL" clId="{BF04C754-5BF4-4E83-9615-DB14FA25AF8A}" dt="2023-10-12T11:38:08.274" v="295"/>
          <ac:spMkLst>
            <pc:docMk/>
            <pc:sldMk cId="2376958513" sldId="260"/>
            <ac:spMk id="8578" creationId="{A188E92A-5188-C792-E2BD-3A6A7B5D4640}"/>
          </ac:spMkLst>
        </pc:spChg>
        <pc:spChg chg="mod">
          <ac:chgData name="White, Alex" userId="eff6cc8c-37d8-483b-9c6c-6b27e9afa9bc" providerId="ADAL" clId="{BF04C754-5BF4-4E83-9615-DB14FA25AF8A}" dt="2023-10-12T11:38:08.274" v="295"/>
          <ac:spMkLst>
            <pc:docMk/>
            <pc:sldMk cId="2376958513" sldId="260"/>
            <ac:spMk id="8579" creationId="{731DB763-3CDC-9D04-587C-E953B2484CF6}"/>
          </ac:spMkLst>
        </pc:spChg>
        <pc:spChg chg="mod">
          <ac:chgData name="White, Alex" userId="eff6cc8c-37d8-483b-9c6c-6b27e9afa9bc" providerId="ADAL" clId="{BF04C754-5BF4-4E83-9615-DB14FA25AF8A}" dt="2023-10-12T11:38:08.274" v="295"/>
          <ac:spMkLst>
            <pc:docMk/>
            <pc:sldMk cId="2376958513" sldId="260"/>
            <ac:spMk id="8580" creationId="{D51402F5-1BF6-0312-6446-7AABCB172497}"/>
          </ac:spMkLst>
        </pc:spChg>
        <pc:spChg chg="mod">
          <ac:chgData name="White, Alex" userId="eff6cc8c-37d8-483b-9c6c-6b27e9afa9bc" providerId="ADAL" clId="{BF04C754-5BF4-4E83-9615-DB14FA25AF8A}" dt="2023-10-12T11:38:08.274" v="295"/>
          <ac:spMkLst>
            <pc:docMk/>
            <pc:sldMk cId="2376958513" sldId="260"/>
            <ac:spMk id="8581" creationId="{9505C6DC-CF9B-A1AC-F230-75D449155D55}"/>
          </ac:spMkLst>
        </pc:spChg>
        <pc:spChg chg="mod">
          <ac:chgData name="White, Alex" userId="eff6cc8c-37d8-483b-9c6c-6b27e9afa9bc" providerId="ADAL" clId="{BF04C754-5BF4-4E83-9615-DB14FA25AF8A}" dt="2023-10-12T11:38:08.274" v="295"/>
          <ac:spMkLst>
            <pc:docMk/>
            <pc:sldMk cId="2376958513" sldId="260"/>
            <ac:spMk id="8582" creationId="{4E0F3584-533C-91A4-2EFF-D21E0BB2A17D}"/>
          </ac:spMkLst>
        </pc:spChg>
        <pc:spChg chg="mod">
          <ac:chgData name="White, Alex" userId="eff6cc8c-37d8-483b-9c6c-6b27e9afa9bc" providerId="ADAL" clId="{BF04C754-5BF4-4E83-9615-DB14FA25AF8A}" dt="2023-10-12T11:38:08.274" v="295"/>
          <ac:spMkLst>
            <pc:docMk/>
            <pc:sldMk cId="2376958513" sldId="260"/>
            <ac:spMk id="8583" creationId="{8E3809C3-2E1B-9DAF-DF6A-46FB8D4CC824}"/>
          </ac:spMkLst>
        </pc:spChg>
        <pc:spChg chg="mod">
          <ac:chgData name="White, Alex" userId="eff6cc8c-37d8-483b-9c6c-6b27e9afa9bc" providerId="ADAL" clId="{BF04C754-5BF4-4E83-9615-DB14FA25AF8A}" dt="2023-10-12T11:38:08.274" v="295"/>
          <ac:spMkLst>
            <pc:docMk/>
            <pc:sldMk cId="2376958513" sldId="260"/>
            <ac:spMk id="8584" creationId="{E2B67718-6BE7-6F45-7C4D-1F5F83A59926}"/>
          </ac:spMkLst>
        </pc:spChg>
        <pc:spChg chg="mod">
          <ac:chgData name="White, Alex" userId="eff6cc8c-37d8-483b-9c6c-6b27e9afa9bc" providerId="ADAL" clId="{BF04C754-5BF4-4E83-9615-DB14FA25AF8A}" dt="2023-10-12T11:38:08.274" v="295"/>
          <ac:spMkLst>
            <pc:docMk/>
            <pc:sldMk cId="2376958513" sldId="260"/>
            <ac:spMk id="8585" creationId="{E307FBE5-FBD6-8745-2435-6CBBCF079AE8}"/>
          </ac:spMkLst>
        </pc:spChg>
        <pc:spChg chg="mod">
          <ac:chgData name="White, Alex" userId="eff6cc8c-37d8-483b-9c6c-6b27e9afa9bc" providerId="ADAL" clId="{BF04C754-5BF4-4E83-9615-DB14FA25AF8A}" dt="2023-10-12T11:38:08.274" v="295"/>
          <ac:spMkLst>
            <pc:docMk/>
            <pc:sldMk cId="2376958513" sldId="260"/>
            <ac:spMk id="8586" creationId="{CB1C4982-6120-38F8-EF61-172AD0856FBB}"/>
          </ac:spMkLst>
        </pc:spChg>
        <pc:spChg chg="mod">
          <ac:chgData name="White, Alex" userId="eff6cc8c-37d8-483b-9c6c-6b27e9afa9bc" providerId="ADAL" clId="{BF04C754-5BF4-4E83-9615-DB14FA25AF8A}" dt="2023-10-12T11:38:08.274" v="295"/>
          <ac:spMkLst>
            <pc:docMk/>
            <pc:sldMk cId="2376958513" sldId="260"/>
            <ac:spMk id="8587" creationId="{4B66C1F1-6CA0-39FE-064D-70FE82179FC9}"/>
          </ac:spMkLst>
        </pc:spChg>
        <pc:spChg chg="mod">
          <ac:chgData name="White, Alex" userId="eff6cc8c-37d8-483b-9c6c-6b27e9afa9bc" providerId="ADAL" clId="{BF04C754-5BF4-4E83-9615-DB14FA25AF8A}" dt="2023-10-12T11:38:08.274" v="295"/>
          <ac:spMkLst>
            <pc:docMk/>
            <pc:sldMk cId="2376958513" sldId="260"/>
            <ac:spMk id="8588" creationId="{E68D3FFF-D070-DF3E-E0C7-F1F13091FFF8}"/>
          </ac:spMkLst>
        </pc:spChg>
        <pc:spChg chg="mod">
          <ac:chgData name="White, Alex" userId="eff6cc8c-37d8-483b-9c6c-6b27e9afa9bc" providerId="ADAL" clId="{BF04C754-5BF4-4E83-9615-DB14FA25AF8A}" dt="2023-10-12T11:38:08.274" v="295"/>
          <ac:spMkLst>
            <pc:docMk/>
            <pc:sldMk cId="2376958513" sldId="260"/>
            <ac:spMk id="8589" creationId="{A2B30CEE-6DAC-CEC7-9B5D-71EB8CE155A6}"/>
          </ac:spMkLst>
        </pc:spChg>
        <pc:spChg chg="mod">
          <ac:chgData name="White, Alex" userId="eff6cc8c-37d8-483b-9c6c-6b27e9afa9bc" providerId="ADAL" clId="{BF04C754-5BF4-4E83-9615-DB14FA25AF8A}" dt="2023-10-12T11:38:08.274" v="295"/>
          <ac:spMkLst>
            <pc:docMk/>
            <pc:sldMk cId="2376958513" sldId="260"/>
            <ac:spMk id="8590" creationId="{8F1C8CBC-0DFF-6E03-F030-F28096C9C45D}"/>
          </ac:spMkLst>
        </pc:spChg>
        <pc:spChg chg="mod">
          <ac:chgData name="White, Alex" userId="eff6cc8c-37d8-483b-9c6c-6b27e9afa9bc" providerId="ADAL" clId="{BF04C754-5BF4-4E83-9615-DB14FA25AF8A}" dt="2023-10-12T11:38:08.274" v="295"/>
          <ac:spMkLst>
            <pc:docMk/>
            <pc:sldMk cId="2376958513" sldId="260"/>
            <ac:spMk id="8591" creationId="{2697D974-DC7B-FE8F-75AA-ECAF8DA2591F}"/>
          </ac:spMkLst>
        </pc:spChg>
        <pc:spChg chg="mod">
          <ac:chgData name="White, Alex" userId="eff6cc8c-37d8-483b-9c6c-6b27e9afa9bc" providerId="ADAL" clId="{BF04C754-5BF4-4E83-9615-DB14FA25AF8A}" dt="2023-10-12T11:38:08.274" v="295"/>
          <ac:spMkLst>
            <pc:docMk/>
            <pc:sldMk cId="2376958513" sldId="260"/>
            <ac:spMk id="8592" creationId="{F8ABDF2D-87BE-6C71-2B8F-1BCC6ABF1889}"/>
          </ac:spMkLst>
        </pc:spChg>
        <pc:spChg chg="mod">
          <ac:chgData name="White, Alex" userId="eff6cc8c-37d8-483b-9c6c-6b27e9afa9bc" providerId="ADAL" clId="{BF04C754-5BF4-4E83-9615-DB14FA25AF8A}" dt="2023-10-12T11:38:08.274" v="295"/>
          <ac:spMkLst>
            <pc:docMk/>
            <pc:sldMk cId="2376958513" sldId="260"/>
            <ac:spMk id="8593" creationId="{38DEF89C-2DEE-A29A-1CA3-8F447AA8DFE2}"/>
          </ac:spMkLst>
        </pc:spChg>
        <pc:spChg chg="mod">
          <ac:chgData name="White, Alex" userId="eff6cc8c-37d8-483b-9c6c-6b27e9afa9bc" providerId="ADAL" clId="{BF04C754-5BF4-4E83-9615-DB14FA25AF8A}" dt="2023-10-12T11:38:08.274" v="295"/>
          <ac:spMkLst>
            <pc:docMk/>
            <pc:sldMk cId="2376958513" sldId="260"/>
            <ac:spMk id="8594" creationId="{78A71A70-75E5-EAF3-6D5D-EEFE6FE5EA8F}"/>
          </ac:spMkLst>
        </pc:spChg>
        <pc:spChg chg="mod">
          <ac:chgData name="White, Alex" userId="eff6cc8c-37d8-483b-9c6c-6b27e9afa9bc" providerId="ADAL" clId="{BF04C754-5BF4-4E83-9615-DB14FA25AF8A}" dt="2023-10-12T11:38:08.274" v="295"/>
          <ac:spMkLst>
            <pc:docMk/>
            <pc:sldMk cId="2376958513" sldId="260"/>
            <ac:spMk id="8595" creationId="{A02C868E-B66F-D79F-D817-A90A2A92BE1E}"/>
          </ac:spMkLst>
        </pc:spChg>
        <pc:spChg chg="mod">
          <ac:chgData name="White, Alex" userId="eff6cc8c-37d8-483b-9c6c-6b27e9afa9bc" providerId="ADAL" clId="{BF04C754-5BF4-4E83-9615-DB14FA25AF8A}" dt="2023-10-12T11:38:08.274" v="295"/>
          <ac:spMkLst>
            <pc:docMk/>
            <pc:sldMk cId="2376958513" sldId="260"/>
            <ac:spMk id="8596" creationId="{DD1DBADD-FE30-1001-BA13-E94A84706FC2}"/>
          </ac:spMkLst>
        </pc:spChg>
        <pc:spChg chg="mod">
          <ac:chgData name="White, Alex" userId="eff6cc8c-37d8-483b-9c6c-6b27e9afa9bc" providerId="ADAL" clId="{BF04C754-5BF4-4E83-9615-DB14FA25AF8A}" dt="2023-10-12T11:38:08.274" v="295"/>
          <ac:spMkLst>
            <pc:docMk/>
            <pc:sldMk cId="2376958513" sldId="260"/>
            <ac:spMk id="8597" creationId="{44A38F9F-420E-B101-9C26-CC290A6ACF03}"/>
          </ac:spMkLst>
        </pc:spChg>
        <pc:spChg chg="mod">
          <ac:chgData name="White, Alex" userId="eff6cc8c-37d8-483b-9c6c-6b27e9afa9bc" providerId="ADAL" clId="{BF04C754-5BF4-4E83-9615-DB14FA25AF8A}" dt="2023-10-12T11:38:08.274" v="295"/>
          <ac:spMkLst>
            <pc:docMk/>
            <pc:sldMk cId="2376958513" sldId="260"/>
            <ac:spMk id="8598" creationId="{C339B6E6-C875-692E-E1A8-B95EE77FB417}"/>
          </ac:spMkLst>
        </pc:spChg>
        <pc:spChg chg="mod">
          <ac:chgData name="White, Alex" userId="eff6cc8c-37d8-483b-9c6c-6b27e9afa9bc" providerId="ADAL" clId="{BF04C754-5BF4-4E83-9615-DB14FA25AF8A}" dt="2023-10-12T11:38:08.274" v="295"/>
          <ac:spMkLst>
            <pc:docMk/>
            <pc:sldMk cId="2376958513" sldId="260"/>
            <ac:spMk id="8599" creationId="{A36277DB-70D6-9FA6-1E66-50C0D37C4ADE}"/>
          </ac:spMkLst>
        </pc:spChg>
        <pc:spChg chg="mod">
          <ac:chgData name="White, Alex" userId="eff6cc8c-37d8-483b-9c6c-6b27e9afa9bc" providerId="ADAL" clId="{BF04C754-5BF4-4E83-9615-DB14FA25AF8A}" dt="2023-10-12T11:38:08.274" v="295"/>
          <ac:spMkLst>
            <pc:docMk/>
            <pc:sldMk cId="2376958513" sldId="260"/>
            <ac:spMk id="8600" creationId="{52EBBA4D-B7FE-921E-672E-D44D58C5F579}"/>
          </ac:spMkLst>
        </pc:spChg>
        <pc:spChg chg="mod">
          <ac:chgData name="White, Alex" userId="eff6cc8c-37d8-483b-9c6c-6b27e9afa9bc" providerId="ADAL" clId="{BF04C754-5BF4-4E83-9615-DB14FA25AF8A}" dt="2023-10-12T11:38:08.274" v="295"/>
          <ac:spMkLst>
            <pc:docMk/>
            <pc:sldMk cId="2376958513" sldId="260"/>
            <ac:spMk id="8601" creationId="{3BD769BA-337B-421D-5114-B6E72678E47A}"/>
          </ac:spMkLst>
        </pc:spChg>
        <pc:spChg chg="mod">
          <ac:chgData name="White, Alex" userId="eff6cc8c-37d8-483b-9c6c-6b27e9afa9bc" providerId="ADAL" clId="{BF04C754-5BF4-4E83-9615-DB14FA25AF8A}" dt="2023-10-12T11:38:08.274" v="295"/>
          <ac:spMkLst>
            <pc:docMk/>
            <pc:sldMk cId="2376958513" sldId="260"/>
            <ac:spMk id="8602" creationId="{0A9516E1-B931-32E8-4643-2BB0458E45B0}"/>
          </ac:spMkLst>
        </pc:spChg>
        <pc:spChg chg="mod">
          <ac:chgData name="White, Alex" userId="eff6cc8c-37d8-483b-9c6c-6b27e9afa9bc" providerId="ADAL" clId="{BF04C754-5BF4-4E83-9615-DB14FA25AF8A}" dt="2023-10-12T11:38:08.274" v="295"/>
          <ac:spMkLst>
            <pc:docMk/>
            <pc:sldMk cId="2376958513" sldId="260"/>
            <ac:spMk id="8603" creationId="{AE7B3D86-2359-B761-83D5-B9E38422CA47}"/>
          </ac:spMkLst>
        </pc:spChg>
        <pc:spChg chg="mod">
          <ac:chgData name="White, Alex" userId="eff6cc8c-37d8-483b-9c6c-6b27e9afa9bc" providerId="ADAL" clId="{BF04C754-5BF4-4E83-9615-DB14FA25AF8A}" dt="2023-10-12T11:38:08.274" v="295"/>
          <ac:spMkLst>
            <pc:docMk/>
            <pc:sldMk cId="2376958513" sldId="260"/>
            <ac:spMk id="8604" creationId="{97047018-F2FD-25D3-4CE9-5E38CEF97982}"/>
          </ac:spMkLst>
        </pc:spChg>
        <pc:spChg chg="mod">
          <ac:chgData name="White, Alex" userId="eff6cc8c-37d8-483b-9c6c-6b27e9afa9bc" providerId="ADAL" clId="{BF04C754-5BF4-4E83-9615-DB14FA25AF8A}" dt="2023-10-12T11:38:08.274" v="295"/>
          <ac:spMkLst>
            <pc:docMk/>
            <pc:sldMk cId="2376958513" sldId="260"/>
            <ac:spMk id="8605" creationId="{449C7A4E-30A3-E7D5-950C-AE5B30E4923F}"/>
          </ac:spMkLst>
        </pc:spChg>
        <pc:spChg chg="mod">
          <ac:chgData name="White, Alex" userId="eff6cc8c-37d8-483b-9c6c-6b27e9afa9bc" providerId="ADAL" clId="{BF04C754-5BF4-4E83-9615-DB14FA25AF8A}" dt="2023-10-12T11:38:08.274" v="295"/>
          <ac:spMkLst>
            <pc:docMk/>
            <pc:sldMk cId="2376958513" sldId="260"/>
            <ac:spMk id="8606" creationId="{AC2F8152-F513-B138-A8BE-C27E46FFF6FF}"/>
          </ac:spMkLst>
        </pc:spChg>
        <pc:spChg chg="mod">
          <ac:chgData name="White, Alex" userId="eff6cc8c-37d8-483b-9c6c-6b27e9afa9bc" providerId="ADAL" clId="{BF04C754-5BF4-4E83-9615-DB14FA25AF8A}" dt="2023-10-12T11:38:08.274" v="295"/>
          <ac:spMkLst>
            <pc:docMk/>
            <pc:sldMk cId="2376958513" sldId="260"/>
            <ac:spMk id="8607" creationId="{169D494C-7D41-B449-D0B8-50F7DB5F5D36}"/>
          </ac:spMkLst>
        </pc:spChg>
        <pc:spChg chg="mod">
          <ac:chgData name="White, Alex" userId="eff6cc8c-37d8-483b-9c6c-6b27e9afa9bc" providerId="ADAL" clId="{BF04C754-5BF4-4E83-9615-DB14FA25AF8A}" dt="2023-10-12T11:38:08.274" v="295"/>
          <ac:spMkLst>
            <pc:docMk/>
            <pc:sldMk cId="2376958513" sldId="260"/>
            <ac:spMk id="8608" creationId="{D9DA92A2-125A-1111-C4B4-7C2A624EDDB3}"/>
          </ac:spMkLst>
        </pc:spChg>
        <pc:spChg chg="mod">
          <ac:chgData name="White, Alex" userId="eff6cc8c-37d8-483b-9c6c-6b27e9afa9bc" providerId="ADAL" clId="{BF04C754-5BF4-4E83-9615-DB14FA25AF8A}" dt="2023-10-12T11:38:08.274" v="295"/>
          <ac:spMkLst>
            <pc:docMk/>
            <pc:sldMk cId="2376958513" sldId="260"/>
            <ac:spMk id="8609" creationId="{8BCC4143-0A12-8CB9-4F4F-412EE595925F}"/>
          </ac:spMkLst>
        </pc:spChg>
        <pc:spChg chg="mod">
          <ac:chgData name="White, Alex" userId="eff6cc8c-37d8-483b-9c6c-6b27e9afa9bc" providerId="ADAL" clId="{BF04C754-5BF4-4E83-9615-DB14FA25AF8A}" dt="2023-10-12T11:38:08.274" v="295"/>
          <ac:spMkLst>
            <pc:docMk/>
            <pc:sldMk cId="2376958513" sldId="260"/>
            <ac:spMk id="8610" creationId="{E154F11F-A5C2-FEED-CC01-CEE98EE68002}"/>
          </ac:spMkLst>
        </pc:spChg>
        <pc:spChg chg="mod">
          <ac:chgData name="White, Alex" userId="eff6cc8c-37d8-483b-9c6c-6b27e9afa9bc" providerId="ADAL" clId="{BF04C754-5BF4-4E83-9615-DB14FA25AF8A}" dt="2023-10-12T11:38:08.274" v="295"/>
          <ac:spMkLst>
            <pc:docMk/>
            <pc:sldMk cId="2376958513" sldId="260"/>
            <ac:spMk id="8611" creationId="{0DB0F3B8-AE7A-FD96-BC1B-790ACB0C4246}"/>
          </ac:spMkLst>
        </pc:spChg>
        <pc:spChg chg="mod">
          <ac:chgData name="White, Alex" userId="eff6cc8c-37d8-483b-9c6c-6b27e9afa9bc" providerId="ADAL" clId="{BF04C754-5BF4-4E83-9615-DB14FA25AF8A}" dt="2023-10-12T11:38:08.274" v="295"/>
          <ac:spMkLst>
            <pc:docMk/>
            <pc:sldMk cId="2376958513" sldId="260"/>
            <ac:spMk id="8612" creationId="{C7BC430F-6628-FC8F-4431-EE285ACE0A84}"/>
          </ac:spMkLst>
        </pc:spChg>
        <pc:spChg chg="mod">
          <ac:chgData name="White, Alex" userId="eff6cc8c-37d8-483b-9c6c-6b27e9afa9bc" providerId="ADAL" clId="{BF04C754-5BF4-4E83-9615-DB14FA25AF8A}" dt="2023-10-12T11:38:08.274" v="295"/>
          <ac:spMkLst>
            <pc:docMk/>
            <pc:sldMk cId="2376958513" sldId="260"/>
            <ac:spMk id="8613" creationId="{D96943CE-0CC8-F2F8-30E9-1BC066FDE592}"/>
          </ac:spMkLst>
        </pc:spChg>
        <pc:spChg chg="mod">
          <ac:chgData name="White, Alex" userId="eff6cc8c-37d8-483b-9c6c-6b27e9afa9bc" providerId="ADAL" clId="{BF04C754-5BF4-4E83-9615-DB14FA25AF8A}" dt="2023-10-12T11:38:08.274" v="295"/>
          <ac:spMkLst>
            <pc:docMk/>
            <pc:sldMk cId="2376958513" sldId="260"/>
            <ac:spMk id="8614" creationId="{40282F7A-9E55-D9E0-EBBE-3CE5520E931C}"/>
          </ac:spMkLst>
        </pc:spChg>
        <pc:spChg chg="mod">
          <ac:chgData name="White, Alex" userId="eff6cc8c-37d8-483b-9c6c-6b27e9afa9bc" providerId="ADAL" clId="{BF04C754-5BF4-4E83-9615-DB14FA25AF8A}" dt="2023-10-12T11:38:08.274" v="295"/>
          <ac:spMkLst>
            <pc:docMk/>
            <pc:sldMk cId="2376958513" sldId="260"/>
            <ac:spMk id="8615" creationId="{FBBCD11D-9E62-4CB4-A7AD-9BAC4241A44A}"/>
          </ac:spMkLst>
        </pc:spChg>
        <pc:spChg chg="mod">
          <ac:chgData name="White, Alex" userId="eff6cc8c-37d8-483b-9c6c-6b27e9afa9bc" providerId="ADAL" clId="{BF04C754-5BF4-4E83-9615-DB14FA25AF8A}" dt="2023-10-12T11:38:08.274" v="295"/>
          <ac:spMkLst>
            <pc:docMk/>
            <pc:sldMk cId="2376958513" sldId="260"/>
            <ac:spMk id="8616" creationId="{F7BAE437-C8BE-EAAC-5846-64C9F9BEE802}"/>
          </ac:spMkLst>
        </pc:spChg>
        <pc:spChg chg="mod">
          <ac:chgData name="White, Alex" userId="eff6cc8c-37d8-483b-9c6c-6b27e9afa9bc" providerId="ADAL" clId="{BF04C754-5BF4-4E83-9615-DB14FA25AF8A}" dt="2023-10-12T11:38:08.274" v="295"/>
          <ac:spMkLst>
            <pc:docMk/>
            <pc:sldMk cId="2376958513" sldId="260"/>
            <ac:spMk id="8617" creationId="{1623A1BE-00A0-7680-5123-8D9F6D9DD7CB}"/>
          </ac:spMkLst>
        </pc:spChg>
        <pc:spChg chg="mod">
          <ac:chgData name="White, Alex" userId="eff6cc8c-37d8-483b-9c6c-6b27e9afa9bc" providerId="ADAL" clId="{BF04C754-5BF4-4E83-9615-DB14FA25AF8A}" dt="2023-10-12T11:38:08.274" v="295"/>
          <ac:spMkLst>
            <pc:docMk/>
            <pc:sldMk cId="2376958513" sldId="260"/>
            <ac:spMk id="8618" creationId="{71ABE08E-0CC6-CBED-6C81-FFD85493F9F7}"/>
          </ac:spMkLst>
        </pc:spChg>
        <pc:spChg chg="mod">
          <ac:chgData name="White, Alex" userId="eff6cc8c-37d8-483b-9c6c-6b27e9afa9bc" providerId="ADAL" clId="{BF04C754-5BF4-4E83-9615-DB14FA25AF8A}" dt="2023-10-12T11:38:08.274" v="295"/>
          <ac:spMkLst>
            <pc:docMk/>
            <pc:sldMk cId="2376958513" sldId="260"/>
            <ac:spMk id="8619" creationId="{E5C29E94-F1D7-E8B1-843A-64C5C73E0073}"/>
          </ac:spMkLst>
        </pc:spChg>
        <pc:spChg chg="mod">
          <ac:chgData name="White, Alex" userId="eff6cc8c-37d8-483b-9c6c-6b27e9afa9bc" providerId="ADAL" clId="{BF04C754-5BF4-4E83-9615-DB14FA25AF8A}" dt="2023-10-12T11:38:08.274" v="295"/>
          <ac:spMkLst>
            <pc:docMk/>
            <pc:sldMk cId="2376958513" sldId="260"/>
            <ac:spMk id="8620" creationId="{A3D72104-0260-10AD-996A-B32EF93E8DE2}"/>
          </ac:spMkLst>
        </pc:spChg>
        <pc:spChg chg="mod">
          <ac:chgData name="White, Alex" userId="eff6cc8c-37d8-483b-9c6c-6b27e9afa9bc" providerId="ADAL" clId="{BF04C754-5BF4-4E83-9615-DB14FA25AF8A}" dt="2023-10-12T11:38:08.274" v="295"/>
          <ac:spMkLst>
            <pc:docMk/>
            <pc:sldMk cId="2376958513" sldId="260"/>
            <ac:spMk id="8621" creationId="{6C9E0253-AF2F-99B8-091D-AEE9891A64EA}"/>
          </ac:spMkLst>
        </pc:spChg>
        <pc:spChg chg="mod">
          <ac:chgData name="White, Alex" userId="eff6cc8c-37d8-483b-9c6c-6b27e9afa9bc" providerId="ADAL" clId="{BF04C754-5BF4-4E83-9615-DB14FA25AF8A}" dt="2023-10-12T11:38:08.274" v="295"/>
          <ac:spMkLst>
            <pc:docMk/>
            <pc:sldMk cId="2376958513" sldId="260"/>
            <ac:spMk id="8622" creationId="{8E354C59-D0B6-EAE3-D054-EE1038D4658B}"/>
          </ac:spMkLst>
        </pc:spChg>
        <pc:spChg chg="mod">
          <ac:chgData name="White, Alex" userId="eff6cc8c-37d8-483b-9c6c-6b27e9afa9bc" providerId="ADAL" clId="{BF04C754-5BF4-4E83-9615-DB14FA25AF8A}" dt="2023-10-12T11:38:08.274" v="295"/>
          <ac:spMkLst>
            <pc:docMk/>
            <pc:sldMk cId="2376958513" sldId="260"/>
            <ac:spMk id="8623" creationId="{2E9333F6-1778-2708-3034-41301849AFAB}"/>
          </ac:spMkLst>
        </pc:spChg>
        <pc:spChg chg="mod">
          <ac:chgData name="White, Alex" userId="eff6cc8c-37d8-483b-9c6c-6b27e9afa9bc" providerId="ADAL" clId="{BF04C754-5BF4-4E83-9615-DB14FA25AF8A}" dt="2023-10-12T11:38:08.274" v="295"/>
          <ac:spMkLst>
            <pc:docMk/>
            <pc:sldMk cId="2376958513" sldId="260"/>
            <ac:spMk id="8624" creationId="{3D4E8D9E-A5BD-89F9-0426-27BF321BCFCC}"/>
          </ac:spMkLst>
        </pc:spChg>
        <pc:spChg chg="mod">
          <ac:chgData name="White, Alex" userId="eff6cc8c-37d8-483b-9c6c-6b27e9afa9bc" providerId="ADAL" clId="{BF04C754-5BF4-4E83-9615-DB14FA25AF8A}" dt="2023-10-12T11:38:08.274" v="295"/>
          <ac:spMkLst>
            <pc:docMk/>
            <pc:sldMk cId="2376958513" sldId="260"/>
            <ac:spMk id="8625" creationId="{4FAA61E9-8AC0-59FF-A29C-CA29376F86A7}"/>
          </ac:spMkLst>
        </pc:spChg>
        <pc:spChg chg="mod">
          <ac:chgData name="White, Alex" userId="eff6cc8c-37d8-483b-9c6c-6b27e9afa9bc" providerId="ADAL" clId="{BF04C754-5BF4-4E83-9615-DB14FA25AF8A}" dt="2023-10-12T11:38:08.274" v="295"/>
          <ac:spMkLst>
            <pc:docMk/>
            <pc:sldMk cId="2376958513" sldId="260"/>
            <ac:spMk id="8626" creationId="{951D8618-0F54-BF78-2C7F-4345E50B9F9F}"/>
          </ac:spMkLst>
        </pc:spChg>
        <pc:spChg chg="mod">
          <ac:chgData name="White, Alex" userId="eff6cc8c-37d8-483b-9c6c-6b27e9afa9bc" providerId="ADAL" clId="{BF04C754-5BF4-4E83-9615-DB14FA25AF8A}" dt="2023-10-12T11:38:08.274" v="295"/>
          <ac:spMkLst>
            <pc:docMk/>
            <pc:sldMk cId="2376958513" sldId="260"/>
            <ac:spMk id="8627" creationId="{605E8FD6-218C-73BA-8054-80B74062681B}"/>
          </ac:spMkLst>
        </pc:spChg>
        <pc:spChg chg="mod">
          <ac:chgData name="White, Alex" userId="eff6cc8c-37d8-483b-9c6c-6b27e9afa9bc" providerId="ADAL" clId="{BF04C754-5BF4-4E83-9615-DB14FA25AF8A}" dt="2023-10-12T11:38:08.274" v="295"/>
          <ac:spMkLst>
            <pc:docMk/>
            <pc:sldMk cId="2376958513" sldId="260"/>
            <ac:spMk id="8628" creationId="{9D7D8EBE-21D9-EBA5-58A5-92392F048522}"/>
          </ac:spMkLst>
        </pc:spChg>
        <pc:spChg chg="mod">
          <ac:chgData name="White, Alex" userId="eff6cc8c-37d8-483b-9c6c-6b27e9afa9bc" providerId="ADAL" clId="{BF04C754-5BF4-4E83-9615-DB14FA25AF8A}" dt="2023-10-12T11:38:08.274" v="295"/>
          <ac:spMkLst>
            <pc:docMk/>
            <pc:sldMk cId="2376958513" sldId="260"/>
            <ac:spMk id="8629" creationId="{C3F1D12F-573A-DEE8-D3EF-7C62BB735F36}"/>
          </ac:spMkLst>
        </pc:spChg>
        <pc:spChg chg="mod">
          <ac:chgData name="White, Alex" userId="eff6cc8c-37d8-483b-9c6c-6b27e9afa9bc" providerId="ADAL" clId="{BF04C754-5BF4-4E83-9615-DB14FA25AF8A}" dt="2023-10-12T11:38:08.274" v="295"/>
          <ac:spMkLst>
            <pc:docMk/>
            <pc:sldMk cId="2376958513" sldId="260"/>
            <ac:spMk id="8630" creationId="{9E10CE49-59C1-41FC-0BD5-0ADAFEA6DA1D}"/>
          </ac:spMkLst>
        </pc:spChg>
        <pc:spChg chg="mod">
          <ac:chgData name="White, Alex" userId="eff6cc8c-37d8-483b-9c6c-6b27e9afa9bc" providerId="ADAL" clId="{BF04C754-5BF4-4E83-9615-DB14FA25AF8A}" dt="2023-10-12T11:38:08.274" v="295"/>
          <ac:spMkLst>
            <pc:docMk/>
            <pc:sldMk cId="2376958513" sldId="260"/>
            <ac:spMk id="8631" creationId="{162F8A99-9ED2-5B69-EB37-6180DA23C4EC}"/>
          </ac:spMkLst>
        </pc:spChg>
        <pc:spChg chg="mod">
          <ac:chgData name="White, Alex" userId="eff6cc8c-37d8-483b-9c6c-6b27e9afa9bc" providerId="ADAL" clId="{BF04C754-5BF4-4E83-9615-DB14FA25AF8A}" dt="2023-10-12T11:38:08.274" v="295"/>
          <ac:spMkLst>
            <pc:docMk/>
            <pc:sldMk cId="2376958513" sldId="260"/>
            <ac:spMk id="8632" creationId="{04693F2E-3DAF-C75A-214D-2D026871BBA6}"/>
          </ac:spMkLst>
        </pc:spChg>
        <pc:spChg chg="mod">
          <ac:chgData name="White, Alex" userId="eff6cc8c-37d8-483b-9c6c-6b27e9afa9bc" providerId="ADAL" clId="{BF04C754-5BF4-4E83-9615-DB14FA25AF8A}" dt="2023-10-12T11:38:08.274" v="295"/>
          <ac:spMkLst>
            <pc:docMk/>
            <pc:sldMk cId="2376958513" sldId="260"/>
            <ac:spMk id="8633" creationId="{6309D31D-C747-AF98-AF3D-7DF3D30FEBD3}"/>
          </ac:spMkLst>
        </pc:spChg>
        <pc:spChg chg="mod">
          <ac:chgData name="White, Alex" userId="eff6cc8c-37d8-483b-9c6c-6b27e9afa9bc" providerId="ADAL" clId="{BF04C754-5BF4-4E83-9615-DB14FA25AF8A}" dt="2023-10-12T11:38:08.274" v="295"/>
          <ac:spMkLst>
            <pc:docMk/>
            <pc:sldMk cId="2376958513" sldId="260"/>
            <ac:spMk id="8634" creationId="{346BE6A8-EFC7-A822-B18B-CEFF28846B60}"/>
          </ac:spMkLst>
        </pc:spChg>
        <pc:spChg chg="mod">
          <ac:chgData name="White, Alex" userId="eff6cc8c-37d8-483b-9c6c-6b27e9afa9bc" providerId="ADAL" clId="{BF04C754-5BF4-4E83-9615-DB14FA25AF8A}" dt="2023-10-12T11:38:08.274" v="295"/>
          <ac:spMkLst>
            <pc:docMk/>
            <pc:sldMk cId="2376958513" sldId="260"/>
            <ac:spMk id="8635" creationId="{48ABB2ED-8514-0206-A8B1-4E81A3E13CD7}"/>
          </ac:spMkLst>
        </pc:spChg>
        <pc:spChg chg="mod">
          <ac:chgData name="White, Alex" userId="eff6cc8c-37d8-483b-9c6c-6b27e9afa9bc" providerId="ADAL" clId="{BF04C754-5BF4-4E83-9615-DB14FA25AF8A}" dt="2023-10-12T11:38:08.274" v="295"/>
          <ac:spMkLst>
            <pc:docMk/>
            <pc:sldMk cId="2376958513" sldId="260"/>
            <ac:spMk id="8636" creationId="{F29A7699-24CE-DD5D-1DF6-9EF1DF881812}"/>
          </ac:spMkLst>
        </pc:spChg>
        <pc:spChg chg="mod">
          <ac:chgData name="White, Alex" userId="eff6cc8c-37d8-483b-9c6c-6b27e9afa9bc" providerId="ADAL" clId="{BF04C754-5BF4-4E83-9615-DB14FA25AF8A}" dt="2023-10-12T11:38:08.274" v="295"/>
          <ac:spMkLst>
            <pc:docMk/>
            <pc:sldMk cId="2376958513" sldId="260"/>
            <ac:spMk id="8637" creationId="{F914B706-98DA-84EC-1073-F085FD75D43A}"/>
          </ac:spMkLst>
        </pc:spChg>
        <pc:spChg chg="mod">
          <ac:chgData name="White, Alex" userId="eff6cc8c-37d8-483b-9c6c-6b27e9afa9bc" providerId="ADAL" clId="{BF04C754-5BF4-4E83-9615-DB14FA25AF8A}" dt="2023-10-12T11:38:08.274" v="295"/>
          <ac:spMkLst>
            <pc:docMk/>
            <pc:sldMk cId="2376958513" sldId="260"/>
            <ac:spMk id="8638" creationId="{3B5B3FDF-CCB8-ABDD-4AF5-A410567E82AC}"/>
          </ac:spMkLst>
        </pc:spChg>
        <pc:spChg chg="mod">
          <ac:chgData name="White, Alex" userId="eff6cc8c-37d8-483b-9c6c-6b27e9afa9bc" providerId="ADAL" clId="{BF04C754-5BF4-4E83-9615-DB14FA25AF8A}" dt="2023-10-12T11:38:08.274" v="295"/>
          <ac:spMkLst>
            <pc:docMk/>
            <pc:sldMk cId="2376958513" sldId="260"/>
            <ac:spMk id="8639" creationId="{0F672461-3783-683C-E003-49BA7A7E7FBF}"/>
          </ac:spMkLst>
        </pc:spChg>
        <pc:spChg chg="mod">
          <ac:chgData name="White, Alex" userId="eff6cc8c-37d8-483b-9c6c-6b27e9afa9bc" providerId="ADAL" clId="{BF04C754-5BF4-4E83-9615-DB14FA25AF8A}" dt="2023-10-12T11:38:08.274" v="295"/>
          <ac:spMkLst>
            <pc:docMk/>
            <pc:sldMk cId="2376958513" sldId="260"/>
            <ac:spMk id="8640" creationId="{FC42239A-1C51-7A17-C4D2-244825ACBE9D}"/>
          </ac:spMkLst>
        </pc:spChg>
        <pc:spChg chg="mod">
          <ac:chgData name="White, Alex" userId="eff6cc8c-37d8-483b-9c6c-6b27e9afa9bc" providerId="ADAL" clId="{BF04C754-5BF4-4E83-9615-DB14FA25AF8A}" dt="2023-10-12T11:38:08.274" v="295"/>
          <ac:spMkLst>
            <pc:docMk/>
            <pc:sldMk cId="2376958513" sldId="260"/>
            <ac:spMk id="8641" creationId="{35802B2D-37F3-5BF9-2F63-D07DFD01DC25}"/>
          </ac:spMkLst>
        </pc:spChg>
        <pc:spChg chg="mod">
          <ac:chgData name="White, Alex" userId="eff6cc8c-37d8-483b-9c6c-6b27e9afa9bc" providerId="ADAL" clId="{BF04C754-5BF4-4E83-9615-DB14FA25AF8A}" dt="2023-10-12T11:38:08.274" v="295"/>
          <ac:spMkLst>
            <pc:docMk/>
            <pc:sldMk cId="2376958513" sldId="260"/>
            <ac:spMk id="8642" creationId="{546E592C-E2F9-6DEA-ED60-9C680D2FDE0F}"/>
          </ac:spMkLst>
        </pc:spChg>
        <pc:spChg chg="mod">
          <ac:chgData name="White, Alex" userId="eff6cc8c-37d8-483b-9c6c-6b27e9afa9bc" providerId="ADAL" clId="{BF04C754-5BF4-4E83-9615-DB14FA25AF8A}" dt="2023-10-12T11:38:08.274" v="295"/>
          <ac:spMkLst>
            <pc:docMk/>
            <pc:sldMk cId="2376958513" sldId="260"/>
            <ac:spMk id="8643" creationId="{86703397-04CA-2960-EE99-39C21BF57F8C}"/>
          </ac:spMkLst>
        </pc:spChg>
        <pc:spChg chg="mod">
          <ac:chgData name="White, Alex" userId="eff6cc8c-37d8-483b-9c6c-6b27e9afa9bc" providerId="ADAL" clId="{BF04C754-5BF4-4E83-9615-DB14FA25AF8A}" dt="2023-10-12T11:38:08.274" v="295"/>
          <ac:spMkLst>
            <pc:docMk/>
            <pc:sldMk cId="2376958513" sldId="260"/>
            <ac:spMk id="8644" creationId="{9E659378-F811-23A3-3798-89B6EF78F58A}"/>
          </ac:spMkLst>
        </pc:spChg>
        <pc:spChg chg="mod">
          <ac:chgData name="White, Alex" userId="eff6cc8c-37d8-483b-9c6c-6b27e9afa9bc" providerId="ADAL" clId="{BF04C754-5BF4-4E83-9615-DB14FA25AF8A}" dt="2023-10-12T11:38:08.274" v="295"/>
          <ac:spMkLst>
            <pc:docMk/>
            <pc:sldMk cId="2376958513" sldId="260"/>
            <ac:spMk id="8645" creationId="{125B8636-6603-5799-F80D-47641E77E6F2}"/>
          </ac:spMkLst>
        </pc:spChg>
        <pc:spChg chg="mod">
          <ac:chgData name="White, Alex" userId="eff6cc8c-37d8-483b-9c6c-6b27e9afa9bc" providerId="ADAL" clId="{BF04C754-5BF4-4E83-9615-DB14FA25AF8A}" dt="2023-10-12T11:38:08.274" v="295"/>
          <ac:spMkLst>
            <pc:docMk/>
            <pc:sldMk cId="2376958513" sldId="260"/>
            <ac:spMk id="8646" creationId="{EFF05ABB-A327-8CFE-02C5-F6276AEE1290}"/>
          </ac:spMkLst>
        </pc:spChg>
        <pc:spChg chg="mod">
          <ac:chgData name="White, Alex" userId="eff6cc8c-37d8-483b-9c6c-6b27e9afa9bc" providerId="ADAL" clId="{BF04C754-5BF4-4E83-9615-DB14FA25AF8A}" dt="2023-10-12T11:38:08.274" v="295"/>
          <ac:spMkLst>
            <pc:docMk/>
            <pc:sldMk cId="2376958513" sldId="260"/>
            <ac:spMk id="8647" creationId="{C5A0995C-CD58-7B18-CAA7-6EC52DFA33CD}"/>
          </ac:spMkLst>
        </pc:spChg>
        <pc:spChg chg="mod">
          <ac:chgData name="White, Alex" userId="eff6cc8c-37d8-483b-9c6c-6b27e9afa9bc" providerId="ADAL" clId="{BF04C754-5BF4-4E83-9615-DB14FA25AF8A}" dt="2023-10-12T11:38:08.274" v="295"/>
          <ac:spMkLst>
            <pc:docMk/>
            <pc:sldMk cId="2376958513" sldId="260"/>
            <ac:spMk id="8648" creationId="{DB9B64DE-9CE8-70C6-2B3D-2D535B1A0292}"/>
          </ac:spMkLst>
        </pc:spChg>
        <pc:spChg chg="mod">
          <ac:chgData name="White, Alex" userId="eff6cc8c-37d8-483b-9c6c-6b27e9afa9bc" providerId="ADAL" clId="{BF04C754-5BF4-4E83-9615-DB14FA25AF8A}" dt="2023-10-12T11:38:08.274" v="295"/>
          <ac:spMkLst>
            <pc:docMk/>
            <pc:sldMk cId="2376958513" sldId="260"/>
            <ac:spMk id="8649" creationId="{0E35D890-ED28-8F07-C2E0-57D63C2D3551}"/>
          </ac:spMkLst>
        </pc:spChg>
        <pc:spChg chg="mod">
          <ac:chgData name="White, Alex" userId="eff6cc8c-37d8-483b-9c6c-6b27e9afa9bc" providerId="ADAL" clId="{BF04C754-5BF4-4E83-9615-DB14FA25AF8A}" dt="2023-10-12T11:38:08.274" v="295"/>
          <ac:spMkLst>
            <pc:docMk/>
            <pc:sldMk cId="2376958513" sldId="260"/>
            <ac:spMk id="8650" creationId="{DA3D48F7-AE94-D5D1-4A0E-2418E5E29704}"/>
          </ac:spMkLst>
        </pc:spChg>
        <pc:spChg chg="mod">
          <ac:chgData name="White, Alex" userId="eff6cc8c-37d8-483b-9c6c-6b27e9afa9bc" providerId="ADAL" clId="{BF04C754-5BF4-4E83-9615-DB14FA25AF8A}" dt="2023-10-12T11:38:08.274" v="295"/>
          <ac:spMkLst>
            <pc:docMk/>
            <pc:sldMk cId="2376958513" sldId="260"/>
            <ac:spMk id="8651" creationId="{CFB21CB4-F1B5-491B-784C-CDDB5D8C5B84}"/>
          </ac:spMkLst>
        </pc:spChg>
        <pc:spChg chg="mod">
          <ac:chgData name="White, Alex" userId="eff6cc8c-37d8-483b-9c6c-6b27e9afa9bc" providerId="ADAL" clId="{BF04C754-5BF4-4E83-9615-DB14FA25AF8A}" dt="2023-10-12T11:38:08.274" v="295"/>
          <ac:spMkLst>
            <pc:docMk/>
            <pc:sldMk cId="2376958513" sldId="260"/>
            <ac:spMk id="8652" creationId="{E09EF1EE-9F09-52E2-571B-577059E1C116}"/>
          </ac:spMkLst>
        </pc:spChg>
        <pc:spChg chg="mod">
          <ac:chgData name="White, Alex" userId="eff6cc8c-37d8-483b-9c6c-6b27e9afa9bc" providerId="ADAL" clId="{BF04C754-5BF4-4E83-9615-DB14FA25AF8A}" dt="2023-10-12T11:38:08.274" v="295"/>
          <ac:spMkLst>
            <pc:docMk/>
            <pc:sldMk cId="2376958513" sldId="260"/>
            <ac:spMk id="8653" creationId="{BD823DA4-CBF7-E4CA-1026-525895B8019B}"/>
          </ac:spMkLst>
        </pc:spChg>
        <pc:spChg chg="mod">
          <ac:chgData name="White, Alex" userId="eff6cc8c-37d8-483b-9c6c-6b27e9afa9bc" providerId="ADAL" clId="{BF04C754-5BF4-4E83-9615-DB14FA25AF8A}" dt="2023-10-12T11:38:08.274" v="295"/>
          <ac:spMkLst>
            <pc:docMk/>
            <pc:sldMk cId="2376958513" sldId="260"/>
            <ac:spMk id="8654" creationId="{AF50DB27-AEAE-2C7D-F42E-4CC7AE53C5FB}"/>
          </ac:spMkLst>
        </pc:spChg>
        <pc:spChg chg="mod">
          <ac:chgData name="White, Alex" userId="eff6cc8c-37d8-483b-9c6c-6b27e9afa9bc" providerId="ADAL" clId="{BF04C754-5BF4-4E83-9615-DB14FA25AF8A}" dt="2023-10-12T11:38:20.867" v="298"/>
          <ac:spMkLst>
            <pc:docMk/>
            <pc:sldMk cId="2376958513" sldId="260"/>
            <ac:spMk id="8666" creationId="{A96AF1A0-87A5-88E0-BC79-23EFC4A61572}"/>
          </ac:spMkLst>
        </pc:spChg>
        <pc:spChg chg="mod">
          <ac:chgData name="White, Alex" userId="eff6cc8c-37d8-483b-9c6c-6b27e9afa9bc" providerId="ADAL" clId="{BF04C754-5BF4-4E83-9615-DB14FA25AF8A}" dt="2023-10-12T11:38:20.867" v="298"/>
          <ac:spMkLst>
            <pc:docMk/>
            <pc:sldMk cId="2376958513" sldId="260"/>
            <ac:spMk id="8667" creationId="{38AC9D21-E7AA-7615-0AED-8C57C7C35F53}"/>
          </ac:spMkLst>
        </pc:spChg>
        <pc:spChg chg="mod">
          <ac:chgData name="White, Alex" userId="eff6cc8c-37d8-483b-9c6c-6b27e9afa9bc" providerId="ADAL" clId="{BF04C754-5BF4-4E83-9615-DB14FA25AF8A}" dt="2023-10-12T11:38:20.867" v="298"/>
          <ac:spMkLst>
            <pc:docMk/>
            <pc:sldMk cId="2376958513" sldId="260"/>
            <ac:spMk id="8668" creationId="{ABA6ACB3-E62B-8060-4EA4-C1102CF6F2BA}"/>
          </ac:spMkLst>
        </pc:spChg>
        <pc:spChg chg="mod">
          <ac:chgData name="White, Alex" userId="eff6cc8c-37d8-483b-9c6c-6b27e9afa9bc" providerId="ADAL" clId="{BF04C754-5BF4-4E83-9615-DB14FA25AF8A}" dt="2023-10-12T11:38:20.867" v="298"/>
          <ac:spMkLst>
            <pc:docMk/>
            <pc:sldMk cId="2376958513" sldId="260"/>
            <ac:spMk id="8669" creationId="{BF236E7C-E306-0283-215D-9B8FFEC8E4C4}"/>
          </ac:spMkLst>
        </pc:spChg>
        <pc:spChg chg="mod">
          <ac:chgData name="White, Alex" userId="eff6cc8c-37d8-483b-9c6c-6b27e9afa9bc" providerId="ADAL" clId="{BF04C754-5BF4-4E83-9615-DB14FA25AF8A}" dt="2023-10-12T11:38:20.867" v="298"/>
          <ac:spMkLst>
            <pc:docMk/>
            <pc:sldMk cId="2376958513" sldId="260"/>
            <ac:spMk id="8670" creationId="{11C9D177-2127-A571-A163-6E93AB2860AC}"/>
          </ac:spMkLst>
        </pc:spChg>
        <pc:spChg chg="mod">
          <ac:chgData name="White, Alex" userId="eff6cc8c-37d8-483b-9c6c-6b27e9afa9bc" providerId="ADAL" clId="{BF04C754-5BF4-4E83-9615-DB14FA25AF8A}" dt="2023-10-12T11:38:20.867" v="298"/>
          <ac:spMkLst>
            <pc:docMk/>
            <pc:sldMk cId="2376958513" sldId="260"/>
            <ac:spMk id="8671" creationId="{7E29E1D5-3148-5E44-C6C7-D1DEDD49A14D}"/>
          </ac:spMkLst>
        </pc:spChg>
        <pc:spChg chg="mod">
          <ac:chgData name="White, Alex" userId="eff6cc8c-37d8-483b-9c6c-6b27e9afa9bc" providerId="ADAL" clId="{BF04C754-5BF4-4E83-9615-DB14FA25AF8A}" dt="2023-10-12T11:38:20.867" v="298"/>
          <ac:spMkLst>
            <pc:docMk/>
            <pc:sldMk cId="2376958513" sldId="260"/>
            <ac:spMk id="8672" creationId="{892FE4BE-2550-779B-882C-8780B4067F3F}"/>
          </ac:spMkLst>
        </pc:spChg>
        <pc:spChg chg="mod">
          <ac:chgData name="White, Alex" userId="eff6cc8c-37d8-483b-9c6c-6b27e9afa9bc" providerId="ADAL" clId="{BF04C754-5BF4-4E83-9615-DB14FA25AF8A}" dt="2023-10-12T11:38:20.867" v="298"/>
          <ac:spMkLst>
            <pc:docMk/>
            <pc:sldMk cId="2376958513" sldId="260"/>
            <ac:spMk id="8673" creationId="{7E18FE7C-873C-E41F-0710-CD9D77C1D197}"/>
          </ac:spMkLst>
        </pc:spChg>
        <pc:spChg chg="mod">
          <ac:chgData name="White, Alex" userId="eff6cc8c-37d8-483b-9c6c-6b27e9afa9bc" providerId="ADAL" clId="{BF04C754-5BF4-4E83-9615-DB14FA25AF8A}" dt="2023-10-12T11:38:20.867" v="298"/>
          <ac:spMkLst>
            <pc:docMk/>
            <pc:sldMk cId="2376958513" sldId="260"/>
            <ac:spMk id="8674" creationId="{FA0E99DE-86F6-4D4B-DA2A-970EEE342369}"/>
          </ac:spMkLst>
        </pc:spChg>
        <pc:spChg chg="mod">
          <ac:chgData name="White, Alex" userId="eff6cc8c-37d8-483b-9c6c-6b27e9afa9bc" providerId="ADAL" clId="{BF04C754-5BF4-4E83-9615-DB14FA25AF8A}" dt="2023-10-12T11:38:20.867" v="298"/>
          <ac:spMkLst>
            <pc:docMk/>
            <pc:sldMk cId="2376958513" sldId="260"/>
            <ac:spMk id="8675" creationId="{0991F9C5-8153-BD14-ED29-3CECFC2CA944}"/>
          </ac:spMkLst>
        </pc:spChg>
        <pc:spChg chg="mod">
          <ac:chgData name="White, Alex" userId="eff6cc8c-37d8-483b-9c6c-6b27e9afa9bc" providerId="ADAL" clId="{BF04C754-5BF4-4E83-9615-DB14FA25AF8A}" dt="2023-10-12T11:38:20.867" v="298"/>
          <ac:spMkLst>
            <pc:docMk/>
            <pc:sldMk cId="2376958513" sldId="260"/>
            <ac:spMk id="8676" creationId="{23BEF4B7-2B99-5A9E-DDDD-D40E391E447C}"/>
          </ac:spMkLst>
        </pc:spChg>
        <pc:spChg chg="mod">
          <ac:chgData name="White, Alex" userId="eff6cc8c-37d8-483b-9c6c-6b27e9afa9bc" providerId="ADAL" clId="{BF04C754-5BF4-4E83-9615-DB14FA25AF8A}" dt="2023-10-12T11:38:20.867" v="298"/>
          <ac:spMkLst>
            <pc:docMk/>
            <pc:sldMk cId="2376958513" sldId="260"/>
            <ac:spMk id="8677" creationId="{003DE4F3-570C-CE93-1EDD-16E559FFAD5F}"/>
          </ac:spMkLst>
        </pc:spChg>
        <pc:spChg chg="mod">
          <ac:chgData name="White, Alex" userId="eff6cc8c-37d8-483b-9c6c-6b27e9afa9bc" providerId="ADAL" clId="{BF04C754-5BF4-4E83-9615-DB14FA25AF8A}" dt="2023-10-12T11:38:20.867" v="298"/>
          <ac:spMkLst>
            <pc:docMk/>
            <pc:sldMk cId="2376958513" sldId="260"/>
            <ac:spMk id="8678" creationId="{CE0A513A-5F62-2381-A525-6CE3CB89600C}"/>
          </ac:spMkLst>
        </pc:spChg>
        <pc:spChg chg="mod">
          <ac:chgData name="White, Alex" userId="eff6cc8c-37d8-483b-9c6c-6b27e9afa9bc" providerId="ADAL" clId="{BF04C754-5BF4-4E83-9615-DB14FA25AF8A}" dt="2023-10-12T11:38:20.867" v="298"/>
          <ac:spMkLst>
            <pc:docMk/>
            <pc:sldMk cId="2376958513" sldId="260"/>
            <ac:spMk id="8679" creationId="{C43E1F0B-CB20-F71A-FD93-41B670F34FC2}"/>
          </ac:spMkLst>
        </pc:spChg>
        <pc:spChg chg="mod">
          <ac:chgData name="White, Alex" userId="eff6cc8c-37d8-483b-9c6c-6b27e9afa9bc" providerId="ADAL" clId="{BF04C754-5BF4-4E83-9615-DB14FA25AF8A}" dt="2023-10-12T11:38:20.867" v="298"/>
          <ac:spMkLst>
            <pc:docMk/>
            <pc:sldMk cId="2376958513" sldId="260"/>
            <ac:spMk id="8680" creationId="{C41B9B04-C46A-48DE-CCB8-9AA27AFE599D}"/>
          </ac:spMkLst>
        </pc:spChg>
        <pc:spChg chg="mod">
          <ac:chgData name="White, Alex" userId="eff6cc8c-37d8-483b-9c6c-6b27e9afa9bc" providerId="ADAL" clId="{BF04C754-5BF4-4E83-9615-DB14FA25AF8A}" dt="2023-10-12T11:38:20.867" v="298"/>
          <ac:spMkLst>
            <pc:docMk/>
            <pc:sldMk cId="2376958513" sldId="260"/>
            <ac:spMk id="8681" creationId="{1F95D050-9BC2-8FCD-AB43-B95A9160A438}"/>
          </ac:spMkLst>
        </pc:spChg>
        <pc:spChg chg="mod">
          <ac:chgData name="White, Alex" userId="eff6cc8c-37d8-483b-9c6c-6b27e9afa9bc" providerId="ADAL" clId="{BF04C754-5BF4-4E83-9615-DB14FA25AF8A}" dt="2023-10-12T11:38:20.867" v="298"/>
          <ac:spMkLst>
            <pc:docMk/>
            <pc:sldMk cId="2376958513" sldId="260"/>
            <ac:spMk id="8682" creationId="{A630F6B0-7BE1-4F11-8739-2B235229CBBC}"/>
          </ac:spMkLst>
        </pc:spChg>
        <pc:spChg chg="mod">
          <ac:chgData name="White, Alex" userId="eff6cc8c-37d8-483b-9c6c-6b27e9afa9bc" providerId="ADAL" clId="{BF04C754-5BF4-4E83-9615-DB14FA25AF8A}" dt="2023-10-12T11:38:20.867" v="298"/>
          <ac:spMkLst>
            <pc:docMk/>
            <pc:sldMk cId="2376958513" sldId="260"/>
            <ac:spMk id="8683" creationId="{B8C762A1-5878-822D-9768-59ECAF279784}"/>
          </ac:spMkLst>
        </pc:spChg>
        <pc:spChg chg="mod">
          <ac:chgData name="White, Alex" userId="eff6cc8c-37d8-483b-9c6c-6b27e9afa9bc" providerId="ADAL" clId="{BF04C754-5BF4-4E83-9615-DB14FA25AF8A}" dt="2023-10-12T11:38:20.867" v="298"/>
          <ac:spMkLst>
            <pc:docMk/>
            <pc:sldMk cId="2376958513" sldId="260"/>
            <ac:spMk id="8684" creationId="{DA49D7F4-4475-71BF-620F-5EBBCA02A3F5}"/>
          </ac:spMkLst>
        </pc:spChg>
        <pc:spChg chg="mod">
          <ac:chgData name="White, Alex" userId="eff6cc8c-37d8-483b-9c6c-6b27e9afa9bc" providerId="ADAL" clId="{BF04C754-5BF4-4E83-9615-DB14FA25AF8A}" dt="2023-10-12T11:38:20.867" v="298"/>
          <ac:spMkLst>
            <pc:docMk/>
            <pc:sldMk cId="2376958513" sldId="260"/>
            <ac:spMk id="8685" creationId="{DA17A2E2-F18A-69A0-461D-4F7950D85ED7}"/>
          </ac:spMkLst>
        </pc:spChg>
        <pc:spChg chg="mod">
          <ac:chgData name="White, Alex" userId="eff6cc8c-37d8-483b-9c6c-6b27e9afa9bc" providerId="ADAL" clId="{BF04C754-5BF4-4E83-9615-DB14FA25AF8A}" dt="2023-10-12T11:38:20.867" v="298"/>
          <ac:spMkLst>
            <pc:docMk/>
            <pc:sldMk cId="2376958513" sldId="260"/>
            <ac:spMk id="8686" creationId="{5FFBD514-488E-A5B0-C051-520D7EC939A8}"/>
          </ac:spMkLst>
        </pc:spChg>
        <pc:spChg chg="mod">
          <ac:chgData name="White, Alex" userId="eff6cc8c-37d8-483b-9c6c-6b27e9afa9bc" providerId="ADAL" clId="{BF04C754-5BF4-4E83-9615-DB14FA25AF8A}" dt="2023-10-12T11:38:20.867" v="298"/>
          <ac:spMkLst>
            <pc:docMk/>
            <pc:sldMk cId="2376958513" sldId="260"/>
            <ac:spMk id="8687" creationId="{CCA021AB-45F6-DE99-576A-0249FD20636C}"/>
          </ac:spMkLst>
        </pc:spChg>
        <pc:spChg chg="mod">
          <ac:chgData name="White, Alex" userId="eff6cc8c-37d8-483b-9c6c-6b27e9afa9bc" providerId="ADAL" clId="{BF04C754-5BF4-4E83-9615-DB14FA25AF8A}" dt="2023-10-12T11:38:20.867" v="298"/>
          <ac:spMkLst>
            <pc:docMk/>
            <pc:sldMk cId="2376958513" sldId="260"/>
            <ac:spMk id="8688" creationId="{6C9FFBE3-1619-76B7-D3B2-5AE1CA10759F}"/>
          </ac:spMkLst>
        </pc:spChg>
        <pc:spChg chg="mod">
          <ac:chgData name="White, Alex" userId="eff6cc8c-37d8-483b-9c6c-6b27e9afa9bc" providerId="ADAL" clId="{BF04C754-5BF4-4E83-9615-DB14FA25AF8A}" dt="2023-10-12T11:38:20.867" v="298"/>
          <ac:spMkLst>
            <pc:docMk/>
            <pc:sldMk cId="2376958513" sldId="260"/>
            <ac:spMk id="8689" creationId="{16DDCDAE-6017-A4C9-5923-1BF8326B0FB5}"/>
          </ac:spMkLst>
        </pc:spChg>
        <pc:spChg chg="mod">
          <ac:chgData name="White, Alex" userId="eff6cc8c-37d8-483b-9c6c-6b27e9afa9bc" providerId="ADAL" clId="{BF04C754-5BF4-4E83-9615-DB14FA25AF8A}" dt="2023-10-12T11:38:20.867" v="298"/>
          <ac:spMkLst>
            <pc:docMk/>
            <pc:sldMk cId="2376958513" sldId="260"/>
            <ac:spMk id="8690" creationId="{E9B6B886-7FB9-F7D5-0564-B84D5324F17C}"/>
          </ac:spMkLst>
        </pc:spChg>
        <pc:spChg chg="mod">
          <ac:chgData name="White, Alex" userId="eff6cc8c-37d8-483b-9c6c-6b27e9afa9bc" providerId="ADAL" clId="{BF04C754-5BF4-4E83-9615-DB14FA25AF8A}" dt="2023-10-12T11:38:20.867" v="298"/>
          <ac:spMkLst>
            <pc:docMk/>
            <pc:sldMk cId="2376958513" sldId="260"/>
            <ac:spMk id="8691" creationId="{146A658B-FADB-F2DA-F73D-C9801C420F9F}"/>
          </ac:spMkLst>
        </pc:spChg>
        <pc:spChg chg="mod">
          <ac:chgData name="White, Alex" userId="eff6cc8c-37d8-483b-9c6c-6b27e9afa9bc" providerId="ADAL" clId="{BF04C754-5BF4-4E83-9615-DB14FA25AF8A}" dt="2023-10-12T11:38:20.867" v="298"/>
          <ac:spMkLst>
            <pc:docMk/>
            <pc:sldMk cId="2376958513" sldId="260"/>
            <ac:spMk id="8692" creationId="{90AE254E-11C5-2970-0C7B-C02570EEE736}"/>
          </ac:spMkLst>
        </pc:spChg>
        <pc:spChg chg="mod">
          <ac:chgData name="White, Alex" userId="eff6cc8c-37d8-483b-9c6c-6b27e9afa9bc" providerId="ADAL" clId="{BF04C754-5BF4-4E83-9615-DB14FA25AF8A}" dt="2023-10-12T11:38:20.867" v="298"/>
          <ac:spMkLst>
            <pc:docMk/>
            <pc:sldMk cId="2376958513" sldId="260"/>
            <ac:spMk id="8693" creationId="{35784C62-E974-FBAC-185E-76ABD3CEFF9B}"/>
          </ac:spMkLst>
        </pc:spChg>
        <pc:spChg chg="mod">
          <ac:chgData name="White, Alex" userId="eff6cc8c-37d8-483b-9c6c-6b27e9afa9bc" providerId="ADAL" clId="{BF04C754-5BF4-4E83-9615-DB14FA25AF8A}" dt="2023-10-12T11:38:20.867" v="298"/>
          <ac:spMkLst>
            <pc:docMk/>
            <pc:sldMk cId="2376958513" sldId="260"/>
            <ac:spMk id="8694" creationId="{FD5E3908-E80F-7009-1854-355044FC919B}"/>
          </ac:spMkLst>
        </pc:spChg>
        <pc:spChg chg="mod">
          <ac:chgData name="White, Alex" userId="eff6cc8c-37d8-483b-9c6c-6b27e9afa9bc" providerId="ADAL" clId="{BF04C754-5BF4-4E83-9615-DB14FA25AF8A}" dt="2023-10-12T11:38:20.867" v="298"/>
          <ac:spMkLst>
            <pc:docMk/>
            <pc:sldMk cId="2376958513" sldId="260"/>
            <ac:spMk id="8695" creationId="{4E1A7BB0-FB15-2B80-6ADE-3419D93813D8}"/>
          </ac:spMkLst>
        </pc:spChg>
        <pc:spChg chg="mod">
          <ac:chgData name="White, Alex" userId="eff6cc8c-37d8-483b-9c6c-6b27e9afa9bc" providerId="ADAL" clId="{BF04C754-5BF4-4E83-9615-DB14FA25AF8A}" dt="2023-10-12T11:38:20.867" v="298"/>
          <ac:spMkLst>
            <pc:docMk/>
            <pc:sldMk cId="2376958513" sldId="260"/>
            <ac:spMk id="8696" creationId="{1816A015-12BB-F339-FE21-3CF514C9FDB3}"/>
          </ac:spMkLst>
        </pc:spChg>
        <pc:spChg chg="mod">
          <ac:chgData name="White, Alex" userId="eff6cc8c-37d8-483b-9c6c-6b27e9afa9bc" providerId="ADAL" clId="{BF04C754-5BF4-4E83-9615-DB14FA25AF8A}" dt="2023-10-12T11:38:20.867" v="298"/>
          <ac:spMkLst>
            <pc:docMk/>
            <pc:sldMk cId="2376958513" sldId="260"/>
            <ac:spMk id="8697" creationId="{C3A27540-6F9F-F769-3330-726251BA880B}"/>
          </ac:spMkLst>
        </pc:spChg>
        <pc:spChg chg="mod">
          <ac:chgData name="White, Alex" userId="eff6cc8c-37d8-483b-9c6c-6b27e9afa9bc" providerId="ADAL" clId="{BF04C754-5BF4-4E83-9615-DB14FA25AF8A}" dt="2023-10-12T11:38:20.867" v="298"/>
          <ac:spMkLst>
            <pc:docMk/>
            <pc:sldMk cId="2376958513" sldId="260"/>
            <ac:spMk id="8698" creationId="{53D8A101-5837-C81F-FCBE-EA8D2108BB71}"/>
          </ac:spMkLst>
        </pc:spChg>
        <pc:spChg chg="mod">
          <ac:chgData name="White, Alex" userId="eff6cc8c-37d8-483b-9c6c-6b27e9afa9bc" providerId="ADAL" clId="{BF04C754-5BF4-4E83-9615-DB14FA25AF8A}" dt="2023-10-12T11:38:20.867" v="298"/>
          <ac:spMkLst>
            <pc:docMk/>
            <pc:sldMk cId="2376958513" sldId="260"/>
            <ac:spMk id="8699" creationId="{09787C93-B8CA-B3A6-8622-B883782B9AEC}"/>
          </ac:spMkLst>
        </pc:spChg>
        <pc:spChg chg="mod">
          <ac:chgData name="White, Alex" userId="eff6cc8c-37d8-483b-9c6c-6b27e9afa9bc" providerId="ADAL" clId="{BF04C754-5BF4-4E83-9615-DB14FA25AF8A}" dt="2023-10-12T11:38:20.867" v="298"/>
          <ac:spMkLst>
            <pc:docMk/>
            <pc:sldMk cId="2376958513" sldId="260"/>
            <ac:spMk id="8700" creationId="{B0612CDB-6839-0449-E981-6996D170EE82}"/>
          </ac:spMkLst>
        </pc:spChg>
        <pc:spChg chg="mod">
          <ac:chgData name="White, Alex" userId="eff6cc8c-37d8-483b-9c6c-6b27e9afa9bc" providerId="ADAL" clId="{BF04C754-5BF4-4E83-9615-DB14FA25AF8A}" dt="2023-10-12T11:38:20.867" v="298"/>
          <ac:spMkLst>
            <pc:docMk/>
            <pc:sldMk cId="2376958513" sldId="260"/>
            <ac:spMk id="8701" creationId="{D248D36B-905C-2656-AA86-243C1E5E8483}"/>
          </ac:spMkLst>
        </pc:spChg>
        <pc:spChg chg="mod">
          <ac:chgData name="White, Alex" userId="eff6cc8c-37d8-483b-9c6c-6b27e9afa9bc" providerId="ADAL" clId="{BF04C754-5BF4-4E83-9615-DB14FA25AF8A}" dt="2023-10-12T11:38:20.867" v="298"/>
          <ac:spMkLst>
            <pc:docMk/>
            <pc:sldMk cId="2376958513" sldId="260"/>
            <ac:spMk id="8702" creationId="{751837F4-CE37-1CB9-4BF8-E27E820CCA4F}"/>
          </ac:spMkLst>
        </pc:spChg>
        <pc:spChg chg="mod">
          <ac:chgData name="White, Alex" userId="eff6cc8c-37d8-483b-9c6c-6b27e9afa9bc" providerId="ADAL" clId="{BF04C754-5BF4-4E83-9615-DB14FA25AF8A}" dt="2023-10-12T11:38:20.867" v="298"/>
          <ac:spMkLst>
            <pc:docMk/>
            <pc:sldMk cId="2376958513" sldId="260"/>
            <ac:spMk id="8703" creationId="{0C3E8AD6-58B5-DD25-FB21-A859EBC0863B}"/>
          </ac:spMkLst>
        </pc:spChg>
        <pc:spChg chg="mod">
          <ac:chgData name="White, Alex" userId="eff6cc8c-37d8-483b-9c6c-6b27e9afa9bc" providerId="ADAL" clId="{BF04C754-5BF4-4E83-9615-DB14FA25AF8A}" dt="2023-10-12T11:38:20.867" v="298"/>
          <ac:spMkLst>
            <pc:docMk/>
            <pc:sldMk cId="2376958513" sldId="260"/>
            <ac:spMk id="8704" creationId="{8B4951AB-9118-D1DF-C7B2-209FC830AC34}"/>
          </ac:spMkLst>
        </pc:spChg>
        <pc:spChg chg="mod">
          <ac:chgData name="White, Alex" userId="eff6cc8c-37d8-483b-9c6c-6b27e9afa9bc" providerId="ADAL" clId="{BF04C754-5BF4-4E83-9615-DB14FA25AF8A}" dt="2023-10-12T11:38:20.867" v="298"/>
          <ac:spMkLst>
            <pc:docMk/>
            <pc:sldMk cId="2376958513" sldId="260"/>
            <ac:spMk id="8705" creationId="{C3A8C93F-0A67-BFC4-3E4F-7CD0F6C15423}"/>
          </ac:spMkLst>
        </pc:spChg>
        <pc:spChg chg="mod">
          <ac:chgData name="White, Alex" userId="eff6cc8c-37d8-483b-9c6c-6b27e9afa9bc" providerId="ADAL" clId="{BF04C754-5BF4-4E83-9615-DB14FA25AF8A}" dt="2023-10-12T11:38:20.867" v="298"/>
          <ac:spMkLst>
            <pc:docMk/>
            <pc:sldMk cId="2376958513" sldId="260"/>
            <ac:spMk id="8706" creationId="{4D28038C-15AA-85CF-5A3E-DC8D65137344}"/>
          </ac:spMkLst>
        </pc:spChg>
        <pc:spChg chg="mod">
          <ac:chgData name="White, Alex" userId="eff6cc8c-37d8-483b-9c6c-6b27e9afa9bc" providerId="ADAL" clId="{BF04C754-5BF4-4E83-9615-DB14FA25AF8A}" dt="2023-10-12T11:38:20.867" v="298"/>
          <ac:spMkLst>
            <pc:docMk/>
            <pc:sldMk cId="2376958513" sldId="260"/>
            <ac:spMk id="8707" creationId="{16A738D2-F9C6-407D-F5F8-80E5238E1F6A}"/>
          </ac:spMkLst>
        </pc:spChg>
        <pc:spChg chg="mod">
          <ac:chgData name="White, Alex" userId="eff6cc8c-37d8-483b-9c6c-6b27e9afa9bc" providerId="ADAL" clId="{BF04C754-5BF4-4E83-9615-DB14FA25AF8A}" dt="2023-10-12T11:38:20.867" v="298"/>
          <ac:spMkLst>
            <pc:docMk/>
            <pc:sldMk cId="2376958513" sldId="260"/>
            <ac:spMk id="8708" creationId="{70E057A1-3A1F-6620-957E-9C907F80B84A}"/>
          </ac:spMkLst>
        </pc:spChg>
        <pc:spChg chg="mod">
          <ac:chgData name="White, Alex" userId="eff6cc8c-37d8-483b-9c6c-6b27e9afa9bc" providerId="ADAL" clId="{BF04C754-5BF4-4E83-9615-DB14FA25AF8A}" dt="2023-10-12T11:38:20.867" v="298"/>
          <ac:spMkLst>
            <pc:docMk/>
            <pc:sldMk cId="2376958513" sldId="260"/>
            <ac:spMk id="8709" creationId="{AD2A2290-C948-1ED0-E5B4-0F267FCFE32C}"/>
          </ac:spMkLst>
        </pc:spChg>
        <pc:spChg chg="mod">
          <ac:chgData name="White, Alex" userId="eff6cc8c-37d8-483b-9c6c-6b27e9afa9bc" providerId="ADAL" clId="{BF04C754-5BF4-4E83-9615-DB14FA25AF8A}" dt="2023-10-12T11:38:20.867" v="298"/>
          <ac:spMkLst>
            <pc:docMk/>
            <pc:sldMk cId="2376958513" sldId="260"/>
            <ac:spMk id="8710" creationId="{6B809679-0B13-66C2-137F-92A5CA1A5027}"/>
          </ac:spMkLst>
        </pc:spChg>
        <pc:spChg chg="mod">
          <ac:chgData name="White, Alex" userId="eff6cc8c-37d8-483b-9c6c-6b27e9afa9bc" providerId="ADAL" clId="{BF04C754-5BF4-4E83-9615-DB14FA25AF8A}" dt="2023-10-12T11:38:20.867" v="298"/>
          <ac:spMkLst>
            <pc:docMk/>
            <pc:sldMk cId="2376958513" sldId="260"/>
            <ac:spMk id="8711" creationId="{7997E36C-5E44-5D64-ED1E-9B4A9F452D16}"/>
          </ac:spMkLst>
        </pc:spChg>
        <pc:spChg chg="mod">
          <ac:chgData name="White, Alex" userId="eff6cc8c-37d8-483b-9c6c-6b27e9afa9bc" providerId="ADAL" clId="{BF04C754-5BF4-4E83-9615-DB14FA25AF8A}" dt="2023-10-12T11:38:20.867" v="298"/>
          <ac:spMkLst>
            <pc:docMk/>
            <pc:sldMk cId="2376958513" sldId="260"/>
            <ac:spMk id="8712" creationId="{1208F74B-C114-F0F0-6A51-60F1B89AE5CE}"/>
          </ac:spMkLst>
        </pc:spChg>
        <pc:spChg chg="mod">
          <ac:chgData name="White, Alex" userId="eff6cc8c-37d8-483b-9c6c-6b27e9afa9bc" providerId="ADAL" clId="{BF04C754-5BF4-4E83-9615-DB14FA25AF8A}" dt="2023-10-12T11:38:20.867" v="298"/>
          <ac:spMkLst>
            <pc:docMk/>
            <pc:sldMk cId="2376958513" sldId="260"/>
            <ac:spMk id="8713" creationId="{59A97827-4CA5-B476-B9FD-B3DCE1E6B471}"/>
          </ac:spMkLst>
        </pc:spChg>
        <pc:spChg chg="mod">
          <ac:chgData name="White, Alex" userId="eff6cc8c-37d8-483b-9c6c-6b27e9afa9bc" providerId="ADAL" clId="{BF04C754-5BF4-4E83-9615-DB14FA25AF8A}" dt="2023-10-12T11:38:20.867" v="298"/>
          <ac:spMkLst>
            <pc:docMk/>
            <pc:sldMk cId="2376958513" sldId="260"/>
            <ac:spMk id="8714" creationId="{20083E37-AF28-60FD-F8EB-FAC66228FA55}"/>
          </ac:spMkLst>
        </pc:spChg>
        <pc:spChg chg="mod">
          <ac:chgData name="White, Alex" userId="eff6cc8c-37d8-483b-9c6c-6b27e9afa9bc" providerId="ADAL" clId="{BF04C754-5BF4-4E83-9615-DB14FA25AF8A}" dt="2023-10-12T11:38:20.867" v="298"/>
          <ac:spMkLst>
            <pc:docMk/>
            <pc:sldMk cId="2376958513" sldId="260"/>
            <ac:spMk id="8715" creationId="{5CBFF064-6149-8A37-B900-B22DB27992EA}"/>
          </ac:spMkLst>
        </pc:spChg>
        <pc:spChg chg="mod">
          <ac:chgData name="White, Alex" userId="eff6cc8c-37d8-483b-9c6c-6b27e9afa9bc" providerId="ADAL" clId="{BF04C754-5BF4-4E83-9615-DB14FA25AF8A}" dt="2023-10-12T11:38:20.867" v="298"/>
          <ac:spMkLst>
            <pc:docMk/>
            <pc:sldMk cId="2376958513" sldId="260"/>
            <ac:spMk id="8716" creationId="{E827E3D6-4550-35ED-AD17-F413CC063138}"/>
          </ac:spMkLst>
        </pc:spChg>
        <pc:spChg chg="mod">
          <ac:chgData name="White, Alex" userId="eff6cc8c-37d8-483b-9c6c-6b27e9afa9bc" providerId="ADAL" clId="{BF04C754-5BF4-4E83-9615-DB14FA25AF8A}" dt="2023-10-12T11:38:20.867" v="298"/>
          <ac:spMkLst>
            <pc:docMk/>
            <pc:sldMk cId="2376958513" sldId="260"/>
            <ac:spMk id="8717" creationId="{C2B6B99E-934A-2845-BC29-16735E5B35D6}"/>
          </ac:spMkLst>
        </pc:spChg>
        <pc:spChg chg="mod">
          <ac:chgData name="White, Alex" userId="eff6cc8c-37d8-483b-9c6c-6b27e9afa9bc" providerId="ADAL" clId="{BF04C754-5BF4-4E83-9615-DB14FA25AF8A}" dt="2023-10-12T11:38:20.867" v="298"/>
          <ac:spMkLst>
            <pc:docMk/>
            <pc:sldMk cId="2376958513" sldId="260"/>
            <ac:spMk id="8718" creationId="{4A97AFAD-8C75-028A-2A21-153EDDE67883}"/>
          </ac:spMkLst>
        </pc:spChg>
        <pc:spChg chg="mod">
          <ac:chgData name="White, Alex" userId="eff6cc8c-37d8-483b-9c6c-6b27e9afa9bc" providerId="ADAL" clId="{BF04C754-5BF4-4E83-9615-DB14FA25AF8A}" dt="2023-10-12T11:38:20.867" v="298"/>
          <ac:spMkLst>
            <pc:docMk/>
            <pc:sldMk cId="2376958513" sldId="260"/>
            <ac:spMk id="8719" creationId="{2695A48F-FE93-F297-9BBE-C6271F835BB0}"/>
          </ac:spMkLst>
        </pc:spChg>
        <pc:spChg chg="mod">
          <ac:chgData name="White, Alex" userId="eff6cc8c-37d8-483b-9c6c-6b27e9afa9bc" providerId="ADAL" clId="{BF04C754-5BF4-4E83-9615-DB14FA25AF8A}" dt="2023-10-12T11:38:20.867" v="298"/>
          <ac:spMkLst>
            <pc:docMk/>
            <pc:sldMk cId="2376958513" sldId="260"/>
            <ac:spMk id="8720" creationId="{4EFE3ED0-1BC2-DC1B-A98F-741238AEB167}"/>
          </ac:spMkLst>
        </pc:spChg>
        <pc:spChg chg="mod">
          <ac:chgData name="White, Alex" userId="eff6cc8c-37d8-483b-9c6c-6b27e9afa9bc" providerId="ADAL" clId="{BF04C754-5BF4-4E83-9615-DB14FA25AF8A}" dt="2023-10-12T11:38:20.867" v="298"/>
          <ac:spMkLst>
            <pc:docMk/>
            <pc:sldMk cId="2376958513" sldId="260"/>
            <ac:spMk id="8721" creationId="{4D04FD2C-3305-F290-7724-D6F0994CF798}"/>
          </ac:spMkLst>
        </pc:spChg>
        <pc:spChg chg="mod">
          <ac:chgData name="White, Alex" userId="eff6cc8c-37d8-483b-9c6c-6b27e9afa9bc" providerId="ADAL" clId="{BF04C754-5BF4-4E83-9615-DB14FA25AF8A}" dt="2023-10-12T11:38:20.867" v="298"/>
          <ac:spMkLst>
            <pc:docMk/>
            <pc:sldMk cId="2376958513" sldId="260"/>
            <ac:spMk id="8722" creationId="{9E45FDC9-9DC2-B905-0EDF-BCCBAFEBF197}"/>
          </ac:spMkLst>
        </pc:spChg>
        <pc:spChg chg="mod">
          <ac:chgData name="White, Alex" userId="eff6cc8c-37d8-483b-9c6c-6b27e9afa9bc" providerId="ADAL" clId="{BF04C754-5BF4-4E83-9615-DB14FA25AF8A}" dt="2023-10-12T11:38:20.867" v="298"/>
          <ac:spMkLst>
            <pc:docMk/>
            <pc:sldMk cId="2376958513" sldId="260"/>
            <ac:spMk id="8723" creationId="{174FF9E2-DDE3-4BD6-0739-F6CF5722F106}"/>
          </ac:spMkLst>
        </pc:spChg>
        <pc:spChg chg="mod">
          <ac:chgData name="White, Alex" userId="eff6cc8c-37d8-483b-9c6c-6b27e9afa9bc" providerId="ADAL" clId="{BF04C754-5BF4-4E83-9615-DB14FA25AF8A}" dt="2023-10-12T11:38:20.867" v="298"/>
          <ac:spMkLst>
            <pc:docMk/>
            <pc:sldMk cId="2376958513" sldId="260"/>
            <ac:spMk id="8724" creationId="{37696607-758E-5B6A-30D1-40EC093F2889}"/>
          </ac:spMkLst>
        </pc:spChg>
        <pc:spChg chg="mod">
          <ac:chgData name="White, Alex" userId="eff6cc8c-37d8-483b-9c6c-6b27e9afa9bc" providerId="ADAL" clId="{BF04C754-5BF4-4E83-9615-DB14FA25AF8A}" dt="2023-10-12T11:38:20.867" v="298"/>
          <ac:spMkLst>
            <pc:docMk/>
            <pc:sldMk cId="2376958513" sldId="260"/>
            <ac:spMk id="8725" creationId="{983C48FB-0A09-817C-1481-14F10B45F7F9}"/>
          </ac:spMkLst>
        </pc:spChg>
        <pc:spChg chg="mod">
          <ac:chgData name="White, Alex" userId="eff6cc8c-37d8-483b-9c6c-6b27e9afa9bc" providerId="ADAL" clId="{BF04C754-5BF4-4E83-9615-DB14FA25AF8A}" dt="2023-10-12T11:38:20.867" v="298"/>
          <ac:spMkLst>
            <pc:docMk/>
            <pc:sldMk cId="2376958513" sldId="260"/>
            <ac:spMk id="8726" creationId="{616666CB-5C47-70B2-0E07-00487E2B8AD4}"/>
          </ac:spMkLst>
        </pc:spChg>
        <pc:spChg chg="mod">
          <ac:chgData name="White, Alex" userId="eff6cc8c-37d8-483b-9c6c-6b27e9afa9bc" providerId="ADAL" clId="{BF04C754-5BF4-4E83-9615-DB14FA25AF8A}" dt="2023-10-12T11:38:20.867" v="298"/>
          <ac:spMkLst>
            <pc:docMk/>
            <pc:sldMk cId="2376958513" sldId="260"/>
            <ac:spMk id="8727" creationId="{F95BA154-3D7B-E6EF-6BCC-1530E97929BE}"/>
          </ac:spMkLst>
        </pc:spChg>
        <pc:spChg chg="mod">
          <ac:chgData name="White, Alex" userId="eff6cc8c-37d8-483b-9c6c-6b27e9afa9bc" providerId="ADAL" clId="{BF04C754-5BF4-4E83-9615-DB14FA25AF8A}" dt="2023-10-12T11:38:20.867" v="298"/>
          <ac:spMkLst>
            <pc:docMk/>
            <pc:sldMk cId="2376958513" sldId="260"/>
            <ac:spMk id="8728" creationId="{8B498091-9576-F899-A95B-C56AAF053C1C}"/>
          </ac:spMkLst>
        </pc:spChg>
        <pc:spChg chg="mod">
          <ac:chgData name="White, Alex" userId="eff6cc8c-37d8-483b-9c6c-6b27e9afa9bc" providerId="ADAL" clId="{BF04C754-5BF4-4E83-9615-DB14FA25AF8A}" dt="2023-10-12T11:38:20.867" v="298"/>
          <ac:spMkLst>
            <pc:docMk/>
            <pc:sldMk cId="2376958513" sldId="260"/>
            <ac:spMk id="8729" creationId="{8675D365-BDC4-7824-70C8-474F15FBA49F}"/>
          </ac:spMkLst>
        </pc:spChg>
        <pc:spChg chg="mod">
          <ac:chgData name="White, Alex" userId="eff6cc8c-37d8-483b-9c6c-6b27e9afa9bc" providerId="ADAL" clId="{BF04C754-5BF4-4E83-9615-DB14FA25AF8A}" dt="2023-10-12T11:38:20.867" v="298"/>
          <ac:spMkLst>
            <pc:docMk/>
            <pc:sldMk cId="2376958513" sldId="260"/>
            <ac:spMk id="8730" creationId="{3D940109-9028-997A-3739-789A91F16C32}"/>
          </ac:spMkLst>
        </pc:spChg>
        <pc:spChg chg="mod">
          <ac:chgData name="White, Alex" userId="eff6cc8c-37d8-483b-9c6c-6b27e9afa9bc" providerId="ADAL" clId="{BF04C754-5BF4-4E83-9615-DB14FA25AF8A}" dt="2023-10-12T11:38:20.867" v="298"/>
          <ac:spMkLst>
            <pc:docMk/>
            <pc:sldMk cId="2376958513" sldId="260"/>
            <ac:spMk id="8731" creationId="{7CE67AEA-41B2-0C45-A5B5-C7A8C3EE1386}"/>
          </ac:spMkLst>
        </pc:spChg>
        <pc:spChg chg="mod">
          <ac:chgData name="White, Alex" userId="eff6cc8c-37d8-483b-9c6c-6b27e9afa9bc" providerId="ADAL" clId="{BF04C754-5BF4-4E83-9615-DB14FA25AF8A}" dt="2023-10-12T11:38:20.867" v="298"/>
          <ac:spMkLst>
            <pc:docMk/>
            <pc:sldMk cId="2376958513" sldId="260"/>
            <ac:spMk id="8732" creationId="{A3E7965C-C07A-2C82-BD82-E67DFBB77836}"/>
          </ac:spMkLst>
        </pc:spChg>
        <pc:spChg chg="mod">
          <ac:chgData name="White, Alex" userId="eff6cc8c-37d8-483b-9c6c-6b27e9afa9bc" providerId="ADAL" clId="{BF04C754-5BF4-4E83-9615-DB14FA25AF8A}" dt="2023-10-12T11:38:20.867" v="298"/>
          <ac:spMkLst>
            <pc:docMk/>
            <pc:sldMk cId="2376958513" sldId="260"/>
            <ac:spMk id="8733" creationId="{51E7C2BE-E59D-7786-40A1-6D07FB56191B}"/>
          </ac:spMkLst>
        </pc:spChg>
        <pc:spChg chg="mod">
          <ac:chgData name="White, Alex" userId="eff6cc8c-37d8-483b-9c6c-6b27e9afa9bc" providerId="ADAL" clId="{BF04C754-5BF4-4E83-9615-DB14FA25AF8A}" dt="2023-10-12T11:38:20.867" v="298"/>
          <ac:spMkLst>
            <pc:docMk/>
            <pc:sldMk cId="2376958513" sldId="260"/>
            <ac:spMk id="8734" creationId="{58046A4D-172E-70BB-777B-3BD26F7DE11F}"/>
          </ac:spMkLst>
        </pc:spChg>
        <pc:spChg chg="mod">
          <ac:chgData name="White, Alex" userId="eff6cc8c-37d8-483b-9c6c-6b27e9afa9bc" providerId="ADAL" clId="{BF04C754-5BF4-4E83-9615-DB14FA25AF8A}" dt="2023-10-12T11:38:20.867" v="298"/>
          <ac:spMkLst>
            <pc:docMk/>
            <pc:sldMk cId="2376958513" sldId="260"/>
            <ac:spMk id="8735" creationId="{C30AAAE5-BBD2-A1A6-91BE-D87DA2885523}"/>
          </ac:spMkLst>
        </pc:spChg>
        <pc:spChg chg="mod">
          <ac:chgData name="White, Alex" userId="eff6cc8c-37d8-483b-9c6c-6b27e9afa9bc" providerId="ADAL" clId="{BF04C754-5BF4-4E83-9615-DB14FA25AF8A}" dt="2023-10-12T11:38:20.867" v="298"/>
          <ac:spMkLst>
            <pc:docMk/>
            <pc:sldMk cId="2376958513" sldId="260"/>
            <ac:spMk id="8736" creationId="{887002DB-FB3D-624F-67F5-9803EE518F46}"/>
          </ac:spMkLst>
        </pc:spChg>
        <pc:spChg chg="mod">
          <ac:chgData name="White, Alex" userId="eff6cc8c-37d8-483b-9c6c-6b27e9afa9bc" providerId="ADAL" clId="{BF04C754-5BF4-4E83-9615-DB14FA25AF8A}" dt="2023-10-12T11:38:20.867" v="298"/>
          <ac:spMkLst>
            <pc:docMk/>
            <pc:sldMk cId="2376958513" sldId="260"/>
            <ac:spMk id="8737" creationId="{9079D651-2096-5612-530D-CFBD7F2C91CC}"/>
          </ac:spMkLst>
        </pc:spChg>
        <pc:spChg chg="mod">
          <ac:chgData name="White, Alex" userId="eff6cc8c-37d8-483b-9c6c-6b27e9afa9bc" providerId="ADAL" clId="{BF04C754-5BF4-4E83-9615-DB14FA25AF8A}" dt="2023-10-12T11:38:20.867" v="298"/>
          <ac:spMkLst>
            <pc:docMk/>
            <pc:sldMk cId="2376958513" sldId="260"/>
            <ac:spMk id="8738" creationId="{4AD6C536-C259-C1C5-126F-6CD2A699192A}"/>
          </ac:spMkLst>
        </pc:spChg>
        <pc:spChg chg="mod">
          <ac:chgData name="White, Alex" userId="eff6cc8c-37d8-483b-9c6c-6b27e9afa9bc" providerId="ADAL" clId="{BF04C754-5BF4-4E83-9615-DB14FA25AF8A}" dt="2023-10-12T11:38:20.867" v="298"/>
          <ac:spMkLst>
            <pc:docMk/>
            <pc:sldMk cId="2376958513" sldId="260"/>
            <ac:spMk id="8739" creationId="{8C428499-A518-7825-1B66-8984C39C86BD}"/>
          </ac:spMkLst>
        </pc:spChg>
        <pc:spChg chg="mod">
          <ac:chgData name="White, Alex" userId="eff6cc8c-37d8-483b-9c6c-6b27e9afa9bc" providerId="ADAL" clId="{BF04C754-5BF4-4E83-9615-DB14FA25AF8A}" dt="2023-10-12T11:38:20.867" v="298"/>
          <ac:spMkLst>
            <pc:docMk/>
            <pc:sldMk cId="2376958513" sldId="260"/>
            <ac:spMk id="8740" creationId="{1D5A60D5-9D6C-BD10-48E5-B91E5E1EBC74}"/>
          </ac:spMkLst>
        </pc:spChg>
        <pc:spChg chg="mod">
          <ac:chgData name="White, Alex" userId="eff6cc8c-37d8-483b-9c6c-6b27e9afa9bc" providerId="ADAL" clId="{BF04C754-5BF4-4E83-9615-DB14FA25AF8A}" dt="2023-10-12T11:38:20.867" v="298"/>
          <ac:spMkLst>
            <pc:docMk/>
            <pc:sldMk cId="2376958513" sldId="260"/>
            <ac:spMk id="8741" creationId="{4A53D1E4-EDE2-45EF-C59A-E908FEF730BB}"/>
          </ac:spMkLst>
        </pc:spChg>
        <pc:spChg chg="mod">
          <ac:chgData name="White, Alex" userId="eff6cc8c-37d8-483b-9c6c-6b27e9afa9bc" providerId="ADAL" clId="{BF04C754-5BF4-4E83-9615-DB14FA25AF8A}" dt="2023-10-12T11:38:20.867" v="298"/>
          <ac:spMkLst>
            <pc:docMk/>
            <pc:sldMk cId="2376958513" sldId="260"/>
            <ac:spMk id="8742" creationId="{EFE7E4A2-5065-57A8-9469-D5C3881356F0}"/>
          </ac:spMkLst>
        </pc:spChg>
        <pc:spChg chg="mod">
          <ac:chgData name="White, Alex" userId="eff6cc8c-37d8-483b-9c6c-6b27e9afa9bc" providerId="ADAL" clId="{BF04C754-5BF4-4E83-9615-DB14FA25AF8A}" dt="2023-10-12T11:38:20.867" v="298"/>
          <ac:spMkLst>
            <pc:docMk/>
            <pc:sldMk cId="2376958513" sldId="260"/>
            <ac:spMk id="8743" creationId="{EF7A9CCD-A39A-1238-0586-A631E4E74CF8}"/>
          </ac:spMkLst>
        </pc:spChg>
        <pc:spChg chg="mod">
          <ac:chgData name="White, Alex" userId="eff6cc8c-37d8-483b-9c6c-6b27e9afa9bc" providerId="ADAL" clId="{BF04C754-5BF4-4E83-9615-DB14FA25AF8A}" dt="2023-10-12T11:38:20.867" v="298"/>
          <ac:spMkLst>
            <pc:docMk/>
            <pc:sldMk cId="2376958513" sldId="260"/>
            <ac:spMk id="8744" creationId="{95664340-1300-0B3D-04FB-35E2AA64DF86}"/>
          </ac:spMkLst>
        </pc:spChg>
        <pc:spChg chg="mod">
          <ac:chgData name="White, Alex" userId="eff6cc8c-37d8-483b-9c6c-6b27e9afa9bc" providerId="ADAL" clId="{BF04C754-5BF4-4E83-9615-DB14FA25AF8A}" dt="2023-10-12T11:38:20.867" v="298"/>
          <ac:spMkLst>
            <pc:docMk/>
            <pc:sldMk cId="2376958513" sldId="260"/>
            <ac:spMk id="8745" creationId="{99CD3B16-2B71-E266-3EF3-7D09AF362F78}"/>
          </ac:spMkLst>
        </pc:spChg>
        <pc:spChg chg="mod">
          <ac:chgData name="White, Alex" userId="eff6cc8c-37d8-483b-9c6c-6b27e9afa9bc" providerId="ADAL" clId="{BF04C754-5BF4-4E83-9615-DB14FA25AF8A}" dt="2023-10-12T11:38:20.867" v="298"/>
          <ac:spMkLst>
            <pc:docMk/>
            <pc:sldMk cId="2376958513" sldId="260"/>
            <ac:spMk id="8746" creationId="{A6897FC9-7AA6-5582-8D50-9E3C6B32F788}"/>
          </ac:spMkLst>
        </pc:spChg>
        <pc:spChg chg="mod">
          <ac:chgData name="White, Alex" userId="eff6cc8c-37d8-483b-9c6c-6b27e9afa9bc" providerId="ADAL" clId="{BF04C754-5BF4-4E83-9615-DB14FA25AF8A}" dt="2023-10-12T11:38:20.867" v="298"/>
          <ac:spMkLst>
            <pc:docMk/>
            <pc:sldMk cId="2376958513" sldId="260"/>
            <ac:spMk id="8747" creationId="{0B563FEB-CDBC-E4DA-5FFC-5DBDC79155CC}"/>
          </ac:spMkLst>
        </pc:spChg>
        <pc:spChg chg="mod">
          <ac:chgData name="White, Alex" userId="eff6cc8c-37d8-483b-9c6c-6b27e9afa9bc" providerId="ADAL" clId="{BF04C754-5BF4-4E83-9615-DB14FA25AF8A}" dt="2023-10-12T11:38:20.867" v="298"/>
          <ac:spMkLst>
            <pc:docMk/>
            <pc:sldMk cId="2376958513" sldId="260"/>
            <ac:spMk id="8748" creationId="{E805971B-D350-81C8-3DE6-178EE0BBA9B3}"/>
          </ac:spMkLst>
        </pc:spChg>
        <pc:spChg chg="mod">
          <ac:chgData name="White, Alex" userId="eff6cc8c-37d8-483b-9c6c-6b27e9afa9bc" providerId="ADAL" clId="{BF04C754-5BF4-4E83-9615-DB14FA25AF8A}" dt="2023-10-12T11:38:20.867" v="298"/>
          <ac:spMkLst>
            <pc:docMk/>
            <pc:sldMk cId="2376958513" sldId="260"/>
            <ac:spMk id="8749" creationId="{201EAB90-25B5-EAEE-E62D-7242203FE69A}"/>
          </ac:spMkLst>
        </pc:spChg>
        <pc:spChg chg="mod">
          <ac:chgData name="White, Alex" userId="eff6cc8c-37d8-483b-9c6c-6b27e9afa9bc" providerId="ADAL" clId="{BF04C754-5BF4-4E83-9615-DB14FA25AF8A}" dt="2023-10-12T11:38:20.867" v="298"/>
          <ac:spMkLst>
            <pc:docMk/>
            <pc:sldMk cId="2376958513" sldId="260"/>
            <ac:spMk id="8750" creationId="{D7DA1F11-3287-2C84-8C4E-66A1D94C6941}"/>
          </ac:spMkLst>
        </pc:spChg>
        <pc:spChg chg="mod">
          <ac:chgData name="White, Alex" userId="eff6cc8c-37d8-483b-9c6c-6b27e9afa9bc" providerId="ADAL" clId="{BF04C754-5BF4-4E83-9615-DB14FA25AF8A}" dt="2023-10-12T11:38:20.867" v="298"/>
          <ac:spMkLst>
            <pc:docMk/>
            <pc:sldMk cId="2376958513" sldId="260"/>
            <ac:spMk id="8751" creationId="{8531B5FC-7186-427C-25FA-69B0279CD65A}"/>
          </ac:spMkLst>
        </pc:spChg>
        <pc:spChg chg="mod">
          <ac:chgData name="White, Alex" userId="eff6cc8c-37d8-483b-9c6c-6b27e9afa9bc" providerId="ADAL" clId="{BF04C754-5BF4-4E83-9615-DB14FA25AF8A}" dt="2023-10-12T11:38:20.867" v="298"/>
          <ac:spMkLst>
            <pc:docMk/>
            <pc:sldMk cId="2376958513" sldId="260"/>
            <ac:spMk id="8752" creationId="{EECFD953-061D-94E8-351E-49E44FCCD1F9}"/>
          </ac:spMkLst>
        </pc:spChg>
        <pc:spChg chg="mod">
          <ac:chgData name="White, Alex" userId="eff6cc8c-37d8-483b-9c6c-6b27e9afa9bc" providerId="ADAL" clId="{BF04C754-5BF4-4E83-9615-DB14FA25AF8A}" dt="2023-10-12T11:38:20.867" v="298"/>
          <ac:spMkLst>
            <pc:docMk/>
            <pc:sldMk cId="2376958513" sldId="260"/>
            <ac:spMk id="8753" creationId="{C6566154-04FB-FB80-8430-BBFC5575AD0A}"/>
          </ac:spMkLst>
        </pc:spChg>
        <pc:spChg chg="mod">
          <ac:chgData name="White, Alex" userId="eff6cc8c-37d8-483b-9c6c-6b27e9afa9bc" providerId="ADAL" clId="{BF04C754-5BF4-4E83-9615-DB14FA25AF8A}" dt="2023-10-12T11:38:20.867" v="298"/>
          <ac:spMkLst>
            <pc:docMk/>
            <pc:sldMk cId="2376958513" sldId="260"/>
            <ac:spMk id="8754" creationId="{264FF495-26F8-BD36-DB17-DCCB98BD76DD}"/>
          </ac:spMkLst>
        </pc:spChg>
        <pc:spChg chg="mod">
          <ac:chgData name="White, Alex" userId="eff6cc8c-37d8-483b-9c6c-6b27e9afa9bc" providerId="ADAL" clId="{BF04C754-5BF4-4E83-9615-DB14FA25AF8A}" dt="2023-10-12T11:38:20.867" v="298"/>
          <ac:spMkLst>
            <pc:docMk/>
            <pc:sldMk cId="2376958513" sldId="260"/>
            <ac:spMk id="8755" creationId="{BF1EE6FA-D9F7-F16C-9AE5-2C00132DBDE3}"/>
          </ac:spMkLst>
        </pc:spChg>
        <pc:spChg chg="mod">
          <ac:chgData name="White, Alex" userId="eff6cc8c-37d8-483b-9c6c-6b27e9afa9bc" providerId="ADAL" clId="{BF04C754-5BF4-4E83-9615-DB14FA25AF8A}" dt="2023-10-12T11:38:20.867" v="298"/>
          <ac:spMkLst>
            <pc:docMk/>
            <pc:sldMk cId="2376958513" sldId="260"/>
            <ac:spMk id="8756" creationId="{46B97CA7-666D-C0BB-59DE-6319E8EC0F51}"/>
          </ac:spMkLst>
        </pc:spChg>
        <pc:spChg chg="mod">
          <ac:chgData name="White, Alex" userId="eff6cc8c-37d8-483b-9c6c-6b27e9afa9bc" providerId="ADAL" clId="{BF04C754-5BF4-4E83-9615-DB14FA25AF8A}" dt="2023-10-12T11:38:20.867" v="298"/>
          <ac:spMkLst>
            <pc:docMk/>
            <pc:sldMk cId="2376958513" sldId="260"/>
            <ac:spMk id="8757" creationId="{4617555C-89A8-6279-6EA3-28703C73D535}"/>
          </ac:spMkLst>
        </pc:spChg>
        <pc:spChg chg="mod">
          <ac:chgData name="White, Alex" userId="eff6cc8c-37d8-483b-9c6c-6b27e9afa9bc" providerId="ADAL" clId="{BF04C754-5BF4-4E83-9615-DB14FA25AF8A}" dt="2023-10-12T11:38:20.867" v="298"/>
          <ac:spMkLst>
            <pc:docMk/>
            <pc:sldMk cId="2376958513" sldId="260"/>
            <ac:spMk id="8758" creationId="{9E321A3C-9D6D-3477-5BDD-A91CD1AA6259}"/>
          </ac:spMkLst>
        </pc:spChg>
        <pc:spChg chg="mod">
          <ac:chgData name="White, Alex" userId="eff6cc8c-37d8-483b-9c6c-6b27e9afa9bc" providerId="ADAL" clId="{BF04C754-5BF4-4E83-9615-DB14FA25AF8A}" dt="2023-10-12T11:38:20.867" v="298"/>
          <ac:spMkLst>
            <pc:docMk/>
            <pc:sldMk cId="2376958513" sldId="260"/>
            <ac:spMk id="8759" creationId="{18C97F05-F4DC-7442-5450-88AB9B1003CA}"/>
          </ac:spMkLst>
        </pc:spChg>
        <pc:spChg chg="mod">
          <ac:chgData name="White, Alex" userId="eff6cc8c-37d8-483b-9c6c-6b27e9afa9bc" providerId="ADAL" clId="{BF04C754-5BF4-4E83-9615-DB14FA25AF8A}" dt="2023-10-12T11:38:20.867" v="298"/>
          <ac:spMkLst>
            <pc:docMk/>
            <pc:sldMk cId="2376958513" sldId="260"/>
            <ac:spMk id="8760" creationId="{C38B646C-ED79-1A01-092B-0C5D9BC4D329}"/>
          </ac:spMkLst>
        </pc:spChg>
        <pc:spChg chg="mod">
          <ac:chgData name="White, Alex" userId="eff6cc8c-37d8-483b-9c6c-6b27e9afa9bc" providerId="ADAL" clId="{BF04C754-5BF4-4E83-9615-DB14FA25AF8A}" dt="2023-10-12T11:38:20.867" v="298"/>
          <ac:spMkLst>
            <pc:docMk/>
            <pc:sldMk cId="2376958513" sldId="260"/>
            <ac:spMk id="8761" creationId="{955C57D0-12EC-3DAD-89FC-425F8F60F6FE}"/>
          </ac:spMkLst>
        </pc:spChg>
        <pc:spChg chg="mod">
          <ac:chgData name="White, Alex" userId="eff6cc8c-37d8-483b-9c6c-6b27e9afa9bc" providerId="ADAL" clId="{BF04C754-5BF4-4E83-9615-DB14FA25AF8A}" dt="2023-10-12T11:38:20.867" v="298"/>
          <ac:spMkLst>
            <pc:docMk/>
            <pc:sldMk cId="2376958513" sldId="260"/>
            <ac:spMk id="8762" creationId="{CE8AFBAE-6301-E237-317C-37C1A2126B9F}"/>
          </ac:spMkLst>
        </pc:spChg>
        <pc:spChg chg="mod">
          <ac:chgData name="White, Alex" userId="eff6cc8c-37d8-483b-9c6c-6b27e9afa9bc" providerId="ADAL" clId="{BF04C754-5BF4-4E83-9615-DB14FA25AF8A}" dt="2023-10-12T11:38:20.867" v="298"/>
          <ac:spMkLst>
            <pc:docMk/>
            <pc:sldMk cId="2376958513" sldId="260"/>
            <ac:spMk id="8763" creationId="{7B8A7DCE-6B80-A3EB-39B6-148D654AF9E2}"/>
          </ac:spMkLst>
        </pc:spChg>
        <pc:spChg chg="mod">
          <ac:chgData name="White, Alex" userId="eff6cc8c-37d8-483b-9c6c-6b27e9afa9bc" providerId="ADAL" clId="{BF04C754-5BF4-4E83-9615-DB14FA25AF8A}" dt="2023-10-12T11:38:20.867" v="298"/>
          <ac:spMkLst>
            <pc:docMk/>
            <pc:sldMk cId="2376958513" sldId="260"/>
            <ac:spMk id="8764" creationId="{0BE46F68-F422-3D0A-77CB-DB30AE37D45B}"/>
          </ac:spMkLst>
        </pc:spChg>
        <pc:spChg chg="mod">
          <ac:chgData name="White, Alex" userId="eff6cc8c-37d8-483b-9c6c-6b27e9afa9bc" providerId="ADAL" clId="{BF04C754-5BF4-4E83-9615-DB14FA25AF8A}" dt="2023-10-12T11:38:20.867" v="298"/>
          <ac:spMkLst>
            <pc:docMk/>
            <pc:sldMk cId="2376958513" sldId="260"/>
            <ac:spMk id="8765" creationId="{0BF503CB-917F-095F-BE67-7AF179FC2984}"/>
          </ac:spMkLst>
        </pc:spChg>
        <pc:spChg chg="mod">
          <ac:chgData name="White, Alex" userId="eff6cc8c-37d8-483b-9c6c-6b27e9afa9bc" providerId="ADAL" clId="{BF04C754-5BF4-4E83-9615-DB14FA25AF8A}" dt="2023-10-12T11:38:20.867" v="298"/>
          <ac:spMkLst>
            <pc:docMk/>
            <pc:sldMk cId="2376958513" sldId="260"/>
            <ac:spMk id="8766" creationId="{9F2AB67C-4A9A-E0A3-10A0-544216C80B0C}"/>
          </ac:spMkLst>
        </pc:spChg>
        <pc:spChg chg="mod">
          <ac:chgData name="White, Alex" userId="eff6cc8c-37d8-483b-9c6c-6b27e9afa9bc" providerId="ADAL" clId="{BF04C754-5BF4-4E83-9615-DB14FA25AF8A}" dt="2023-10-12T11:38:20.867" v="298"/>
          <ac:spMkLst>
            <pc:docMk/>
            <pc:sldMk cId="2376958513" sldId="260"/>
            <ac:spMk id="8767" creationId="{B2B49796-DE3F-7909-494C-E16558DAD34B}"/>
          </ac:spMkLst>
        </pc:spChg>
        <pc:spChg chg="mod">
          <ac:chgData name="White, Alex" userId="eff6cc8c-37d8-483b-9c6c-6b27e9afa9bc" providerId="ADAL" clId="{BF04C754-5BF4-4E83-9615-DB14FA25AF8A}" dt="2023-10-12T11:38:20.867" v="298"/>
          <ac:spMkLst>
            <pc:docMk/>
            <pc:sldMk cId="2376958513" sldId="260"/>
            <ac:spMk id="8768" creationId="{89AA1F7D-61F7-DA94-DA45-6A6D3916A71A}"/>
          </ac:spMkLst>
        </pc:spChg>
        <pc:spChg chg="mod">
          <ac:chgData name="White, Alex" userId="eff6cc8c-37d8-483b-9c6c-6b27e9afa9bc" providerId="ADAL" clId="{BF04C754-5BF4-4E83-9615-DB14FA25AF8A}" dt="2023-10-12T11:38:20.867" v="298"/>
          <ac:spMkLst>
            <pc:docMk/>
            <pc:sldMk cId="2376958513" sldId="260"/>
            <ac:spMk id="8769" creationId="{194064EB-DB2E-7A5B-6A20-B7BC1CDD8CEF}"/>
          </ac:spMkLst>
        </pc:spChg>
        <pc:spChg chg="mod">
          <ac:chgData name="White, Alex" userId="eff6cc8c-37d8-483b-9c6c-6b27e9afa9bc" providerId="ADAL" clId="{BF04C754-5BF4-4E83-9615-DB14FA25AF8A}" dt="2023-10-12T11:38:20.867" v="298"/>
          <ac:spMkLst>
            <pc:docMk/>
            <pc:sldMk cId="2376958513" sldId="260"/>
            <ac:spMk id="8770" creationId="{6EDFCF11-BBC8-A91F-5F8C-6F9B9670F767}"/>
          </ac:spMkLst>
        </pc:spChg>
        <pc:spChg chg="mod">
          <ac:chgData name="White, Alex" userId="eff6cc8c-37d8-483b-9c6c-6b27e9afa9bc" providerId="ADAL" clId="{BF04C754-5BF4-4E83-9615-DB14FA25AF8A}" dt="2023-10-12T11:38:20.867" v="298"/>
          <ac:spMkLst>
            <pc:docMk/>
            <pc:sldMk cId="2376958513" sldId="260"/>
            <ac:spMk id="8771" creationId="{9D41925C-D799-401B-2085-7D9EA478EAFD}"/>
          </ac:spMkLst>
        </pc:spChg>
        <pc:spChg chg="mod">
          <ac:chgData name="White, Alex" userId="eff6cc8c-37d8-483b-9c6c-6b27e9afa9bc" providerId="ADAL" clId="{BF04C754-5BF4-4E83-9615-DB14FA25AF8A}" dt="2023-10-12T11:38:20.867" v="298"/>
          <ac:spMkLst>
            <pc:docMk/>
            <pc:sldMk cId="2376958513" sldId="260"/>
            <ac:spMk id="8772" creationId="{E8E24628-D66A-681F-B1FA-4744C15F02AC}"/>
          </ac:spMkLst>
        </pc:spChg>
        <pc:spChg chg="mod">
          <ac:chgData name="White, Alex" userId="eff6cc8c-37d8-483b-9c6c-6b27e9afa9bc" providerId="ADAL" clId="{BF04C754-5BF4-4E83-9615-DB14FA25AF8A}" dt="2023-10-12T11:38:20.867" v="298"/>
          <ac:spMkLst>
            <pc:docMk/>
            <pc:sldMk cId="2376958513" sldId="260"/>
            <ac:spMk id="8773" creationId="{50E14F5C-A49C-A5E3-46E3-46A6894209E5}"/>
          </ac:spMkLst>
        </pc:spChg>
        <pc:spChg chg="mod">
          <ac:chgData name="White, Alex" userId="eff6cc8c-37d8-483b-9c6c-6b27e9afa9bc" providerId="ADAL" clId="{BF04C754-5BF4-4E83-9615-DB14FA25AF8A}" dt="2023-10-12T11:38:20.867" v="298"/>
          <ac:spMkLst>
            <pc:docMk/>
            <pc:sldMk cId="2376958513" sldId="260"/>
            <ac:spMk id="8774" creationId="{640D032A-948E-C676-08CA-F156E582EDD3}"/>
          </ac:spMkLst>
        </pc:spChg>
        <pc:spChg chg="mod">
          <ac:chgData name="White, Alex" userId="eff6cc8c-37d8-483b-9c6c-6b27e9afa9bc" providerId="ADAL" clId="{BF04C754-5BF4-4E83-9615-DB14FA25AF8A}" dt="2023-10-12T11:38:20.867" v="298"/>
          <ac:spMkLst>
            <pc:docMk/>
            <pc:sldMk cId="2376958513" sldId="260"/>
            <ac:spMk id="8775" creationId="{E8177110-B448-0355-F226-A5BA2EC54696}"/>
          </ac:spMkLst>
        </pc:spChg>
        <pc:spChg chg="mod">
          <ac:chgData name="White, Alex" userId="eff6cc8c-37d8-483b-9c6c-6b27e9afa9bc" providerId="ADAL" clId="{BF04C754-5BF4-4E83-9615-DB14FA25AF8A}" dt="2023-10-12T11:38:20.867" v="298"/>
          <ac:spMkLst>
            <pc:docMk/>
            <pc:sldMk cId="2376958513" sldId="260"/>
            <ac:spMk id="8776" creationId="{83EDDF16-93F3-6473-5C5A-53BF3989E4D9}"/>
          </ac:spMkLst>
        </pc:spChg>
        <pc:spChg chg="mod">
          <ac:chgData name="White, Alex" userId="eff6cc8c-37d8-483b-9c6c-6b27e9afa9bc" providerId="ADAL" clId="{BF04C754-5BF4-4E83-9615-DB14FA25AF8A}" dt="2023-10-12T11:38:20.867" v="298"/>
          <ac:spMkLst>
            <pc:docMk/>
            <pc:sldMk cId="2376958513" sldId="260"/>
            <ac:spMk id="8777" creationId="{B6C26B2C-C602-CBA6-1CBA-8410A3535233}"/>
          </ac:spMkLst>
        </pc:spChg>
        <pc:spChg chg="mod">
          <ac:chgData name="White, Alex" userId="eff6cc8c-37d8-483b-9c6c-6b27e9afa9bc" providerId="ADAL" clId="{BF04C754-5BF4-4E83-9615-DB14FA25AF8A}" dt="2023-10-12T11:38:20.867" v="298"/>
          <ac:spMkLst>
            <pc:docMk/>
            <pc:sldMk cId="2376958513" sldId="260"/>
            <ac:spMk id="8778" creationId="{EACC1AD1-E2FB-B0A1-7249-CDB6A87FE2AE}"/>
          </ac:spMkLst>
        </pc:spChg>
        <pc:spChg chg="mod">
          <ac:chgData name="White, Alex" userId="eff6cc8c-37d8-483b-9c6c-6b27e9afa9bc" providerId="ADAL" clId="{BF04C754-5BF4-4E83-9615-DB14FA25AF8A}" dt="2023-10-12T11:38:20.867" v="298"/>
          <ac:spMkLst>
            <pc:docMk/>
            <pc:sldMk cId="2376958513" sldId="260"/>
            <ac:spMk id="8779" creationId="{5A7DEAD2-FC57-B8AF-9711-A15EB8486D51}"/>
          </ac:spMkLst>
        </pc:spChg>
        <pc:spChg chg="mod">
          <ac:chgData name="White, Alex" userId="eff6cc8c-37d8-483b-9c6c-6b27e9afa9bc" providerId="ADAL" clId="{BF04C754-5BF4-4E83-9615-DB14FA25AF8A}" dt="2023-10-12T11:38:20.867" v="298"/>
          <ac:spMkLst>
            <pc:docMk/>
            <pc:sldMk cId="2376958513" sldId="260"/>
            <ac:spMk id="8780" creationId="{3C625175-8666-752F-72B5-CA416C0E08B1}"/>
          </ac:spMkLst>
        </pc:spChg>
        <pc:spChg chg="mod">
          <ac:chgData name="White, Alex" userId="eff6cc8c-37d8-483b-9c6c-6b27e9afa9bc" providerId="ADAL" clId="{BF04C754-5BF4-4E83-9615-DB14FA25AF8A}" dt="2023-10-12T11:38:20.867" v="298"/>
          <ac:spMkLst>
            <pc:docMk/>
            <pc:sldMk cId="2376958513" sldId="260"/>
            <ac:spMk id="8781" creationId="{3F985D96-4505-6962-E2D9-B4610D02904E}"/>
          </ac:spMkLst>
        </pc:spChg>
        <pc:spChg chg="mod">
          <ac:chgData name="White, Alex" userId="eff6cc8c-37d8-483b-9c6c-6b27e9afa9bc" providerId="ADAL" clId="{BF04C754-5BF4-4E83-9615-DB14FA25AF8A}" dt="2023-10-12T11:38:20.867" v="298"/>
          <ac:spMkLst>
            <pc:docMk/>
            <pc:sldMk cId="2376958513" sldId="260"/>
            <ac:spMk id="8782" creationId="{1D663D15-BE74-BF47-1441-EA82041B8D4E}"/>
          </ac:spMkLst>
        </pc:spChg>
        <pc:spChg chg="mod">
          <ac:chgData name="White, Alex" userId="eff6cc8c-37d8-483b-9c6c-6b27e9afa9bc" providerId="ADAL" clId="{BF04C754-5BF4-4E83-9615-DB14FA25AF8A}" dt="2023-10-12T11:38:20.867" v="298"/>
          <ac:spMkLst>
            <pc:docMk/>
            <pc:sldMk cId="2376958513" sldId="260"/>
            <ac:spMk id="8783" creationId="{F2297CC1-0B91-045D-60B1-588A49FB1AFB}"/>
          </ac:spMkLst>
        </pc:spChg>
        <pc:spChg chg="mod">
          <ac:chgData name="White, Alex" userId="eff6cc8c-37d8-483b-9c6c-6b27e9afa9bc" providerId="ADAL" clId="{BF04C754-5BF4-4E83-9615-DB14FA25AF8A}" dt="2023-10-12T11:38:20.867" v="298"/>
          <ac:spMkLst>
            <pc:docMk/>
            <pc:sldMk cId="2376958513" sldId="260"/>
            <ac:spMk id="8784" creationId="{23FBE433-FEDD-6165-2DFF-AF7C52AC5753}"/>
          </ac:spMkLst>
        </pc:spChg>
        <pc:spChg chg="mod">
          <ac:chgData name="White, Alex" userId="eff6cc8c-37d8-483b-9c6c-6b27e9afa9bc" providerId="ADAL" clId="{BF04C754-5BF4-4E83-9615-DB14FA25AF8A}" dt="2023-10-12T11:38:20.867" v="298"/>
          <ac:spMkLst>
            <pc:docMk/>
            <pc:sldMk cId="2376958513" sldId="260"/>
            <ac:spMk id="8785" creationId="{E97E1832-657C-48BC-6167-3E4A91CACC21}"/>
          </ac:spMkLst>
        </pc:spChg>
        <pc:spChg chg="mod">
          <ac:chgData name="White, Alex" userId="eff6cc8c-37d8-483b-9c6c-6b27e9afa9bc" providerId="ADAL" clId="{BF04C754-5BF4-4E83-9615-DB14FA25AF8A}" dt="2023-10-12T11:38:20.867" v="298"/>
          <ac:spMkLst>
            <pc:docMk/>
            <pc:sldMk cId="2376958513" sldId="260"/>
            <ac:spMk id="8786" creationId="{11AAF79A-274C-262E-5737-4F83D731EFCC}"/>
          </ac:spMkLst>
        </pc:spChg>
        <pc:spChg chg="mod">
          <ac:chgData name="White, Alex" userId="eff6cc8c-37d8-483b-9c6c-6b27e9afa9bc" providerId="ADAL" clId="{BF04C754-5BF4-4E83-9615-DB14FA25AF8A}" dt="2023-10-12T11:38:20.867" v="298"/>
          <ac:spMkLst>
            <pc:docMk/>
            <pc:sldMk cId="2376958513" sldId="260"/>
            <ac:spMk id="8787" creationId="{8DF54C24-D52E-8A13-3D97-2C51B5D00F5C}"/>
          </ac:spMkLst>
        </pc:spChg>
        <pc:spChg chg="mod">
          <ac:chgData name="White, Alex" userId="eff6cc8c-37d8-483b-9c6c-6b27e9afa9bc" providerId="ADAL" clId="{BF04C754-5BF4-4E83-9615-DB14FA25AF8A}" dt="2023-10-12T11:38:20.867" v="298"/>
          <ac:spMkLst>
            <pc:docMk/>
            <pc:sldMk cId="2376958513" sldId="260"/>
            <ac:spMk id="8788" creationId="{3E65643C-141E-89B6-489E-3CAAE2D0161B}"/>
          </ac:spMkLst>
        </pc:spChg>
        <pc:spChg chg="mod">
          <ac:chgData name="White, Alex" userId="eff6cc8c-37d8-483b-9c6c-6b27e9afa9bc" providerId="ADAL" clId="{BF04C754-5BF4-4E83-9615-DB14FA25AF8A}" dt="2023-10-12T11:38:20.867" v="298"/>
          <ac:spMkLst>
            <pc:docMk/>
            <pc:sldMk cId="2376958513" sldId="260"/>
            <ac:spMk id="8789" creationId="{2FBC4BC6-8631-3077-7F81-F2285204F2BB}"/>
          </ac:spMkLst>
        </pc:spChg>
        <pc:spChg chg="mod">
          <ac:chgData name="White, Alex" userId="eff6cc8c-37d8-483b-9c6c-6b27e9afa9bc" providerId="ADAL" clId="{BF04C754-5BF4-4E83-9615-DB14FA25AF8A}" dt="2023-10-12T11:38:20.867" v="298"/>
          <ac:spMkLst>
            <pc:docMk/>
            <pc:sldMk cId="2376958513" sldId="260"/>
            <ac:spMk id="8790" creationId="{CA756855-D1F7-E10C-93D5-BFA8A58F2D28}"/>
          </ac:spMkLst>
        </pc:spChg>
        <pc:spChg chg="mod">
          <ac:chgData name="White, Alex" userId="eff6cc8c-37d8-483b-9c6c-6b27e9afa9bc" providerId="ADAL" clId="{BF04C754-5BF4-4E83-9615-DB14FA25AF8A}" dt="2023-10-12T11:38:20.867" v="298"/>
          <ac:spMkLst>
            <pc:docMk/>
            <pc:sldMk cId="2376958513" sldId="260"/>
            <ac:spMk id="8791" creationId="{71973261-D134-799B-5A07-8A58AE3DCE8F}"/>
          </ac:spMkLst>
        </pc:spChg>
        <pc:spChg chg="mod">
          <ac:chgData name="White, Alex" userId="eff6cc8c-37d8-483b-9c6c-6b27e9afa9bc" providerId="ADAL" clId="{BF04C754-5BF4-4E83-9615-DB14FA25AF8A}" dt="2023-10-12T11:38:20.867" v="298"/>
          <ac:spMkLst>
            <pc:docMk/>
            <pc:sldMk cId="2376958513" sldId="260"/>
            <ac:spMk id="8792" creationId="{90916065-9429-D2F4-0B46-9D9B2817B075}"/>
          </ac:spMkLst>
        </pc:spChg>
        <pc:spChg chg="mod">
          <ac:chgData name="White, Alex" userId="eff6cc8c-37d8-483b-9c6c-6b27e9afa9bc" providerId="ADAL" clId="{BF04C754-5BF4-4E83-9615-DB14FA25AF8A}" dt="2023-10-12T11:38:20.867" v="298"/>
          <ac:spMkLst>
            <pc:docMk/>
            <pc:sldMk cId="2376958513" sldId="260"/>
            <ac:spMk id="8793" creationId="{3DD32F80-45E7-975C-1C6C-88B7D975D381}"/>
          </ac:spMkLst>
        </pc:spChg>
        <pc:spChg chg="mod">
          <ac:chgData name="White, Alex" userId="eff6cc8c-37d8-483b-9c6c-6b27e9afa9bc" providerId="ADAL" clId="{BF04C754-5BF4-4E83-9615-DB14FA25AF8A}" dt="2023-10-12T11:38:20.867" v="298"/>
          <ac:spMkLst>
            <pc:docMk/>
            <pc:sldMk cId="2376958513" sldId="260"/>
            <ac:spMk id="8794" creationId="{FA864179-056D-7959-8642-CCEEDEBC7658}"/>
          </ac:spMkLst>
        </pc:spChg>
        <pc:spChg chg="mod">
          <ac:chgData name="White, Alex" userId="eff6cc8c-37d8-483b-9c6c-6b27e9afa9bc" providerId="ADAL" clId="{BF04C754-5BF4-4E83-9615-DB14FA25AF8A}" dt="2023-10-12T11:38:20.867" v="298"/>
          <ac:spMkLst>
            <pc:docMk/>
            <pc:sldMk cId="2376958513" sldId="260"/>
            <ac:spMk id="8795" creationId="{6DCB952A-F261-2B2F-7591-53288281EFC9}"/>
          </ac:spMkLst>
        </pc:spChg>
        <pc:spChg chg="mod">
          <ac:chgData name="White, Alex" userId="eff6cc8c-37d8-483b-9c6c-6b27e9afa9bc" providerId="ADAL" clId="{BF04C754-5BF4-4E83-9615-DB14FA25AF8A}" dt="2023-10-12T11:38:20.867" v="298"/>
          <ac:spMkLst>
            <pc:docMk/>
            <pc:sldMk cId="2376958513" sldId="260"/>
            <ac:spMk id="8796" creationId="{6F63A3AF-1ADD-90BC-0DD7-4844BF95F83A}"/>
          </ac:spMkLst>
        </pc:spChg>
        <pc:spChg chg="mod">
          <ac:chgData name="White, Alex" userId="eff6cc8c-37d8-483b-9c6c-6b27e9afa9bc" providerId="ADAL" clId="{BF04C754-5BF4-4E83-9615-DB14FA25AF8A}" dt="2023-10-12T11:38:20.867" v="298"/>
          <ac:spMkLst>
            <pc:docMk/>
            <pc:sldMk cId="2376958513" sldId="260"/>
            <ac:spMk id="8797" creationId="{7414F06D-C53E-3280-5F24-ECE70D8F3A8C}"/>
          </ac:spMkLst>
        </pc:spChg>
        <pc:spChg chg="mod">
          <ac:chgData name="White, Alex" userId="eff6cc8c-37d8-483b-9c6c-6b27e9afa9bc" providerId="ADAL" clId="{BF04C754-5BF4-4E83-9615-DB14FA25AF8A}" dt="2023-10-12T11:38:20.867" v="298"/>
          <ac:spMkLst>
            <pc:docMk/>
            <pc:sldMk cId="2376958513" sldId="260"/>
            <ac:spMk id="8798" creationId="{08A1016E-EB21-CDF6-1F11-033D46DC1C4E}"/>
          </ac:spMkLst>
        </pc:spChg>
        <pc:spChg chg="mod">
          <ac:chgData name="White, Alex" userId="eff6cc8c-37d8-483b-9c6c-6b27e9afa9bc" providerId="ADAL" clId="{BF04C754-5BF4-4E83-9615-DB14FA25AF8A}" dt="2023-10-12T11:38:20.867" v="298"/>
          <ac:spMkLst>
            <pc:docMk/>
            <pc:sldMk cId="2376958513" sldId="260"/>
            <ac:spMk id="8799" creationId="{41A387CB-17AF-6196-5F30-045119559EAB}"/>
          </ac:spMkLst>
        </pc:spChg>
        <pc:spChg chg="mod">
          <ac:chgData name="White, Alex" userId="eff6cc8c-37d8-483b-9c6c-6b27e9afa9bc" providerId="ADAL" clId="{BF04C754-5BF4-4E83-9615-DB14FA25AF8A}" dt="2023-10-12T11:38:20.867" v="298"/>
          <ac:spMkLst>
            <pc:docMk/>
            <pc:sldMk cId="2376958513" sldId="260"/>
            <ac:spMk id="8800" creationId="{D362F998-C792-2D34-E72E-8C0FFA7E5727}"/>
          </ac:spMkLst>
        </pc:spChg>
        <pc:spChg chg="mod">
          <ac:chgData name="White, Alex" userId="eff6cc8c-37d8-483b-9c6c-6b27e9afa9bc" providerId="ADAL" clId="{BF04C754-5BF4-4E83-9615-DB14FA25AF8A}" dt="2023-10-12T11:38:20.867" v="298"/>
          <ac:spMkLst>
            <pc:docMk/>
            <pc:sldMk cId="2376958513" sldId="260"/>
            <ac:spMk id="8801" creationId="{7B2702C4-45BA-FCAF-5739-BB7AACE98362}"/>
          </ac:spMkLst>
        </pc:spChg>
        <pc:spChg chg="mod">
          <ac:chgData name="White, Alex" userId="eff6cc8c-37d8-483b-9c6c-6b27e9afa9bc" providerId="ADAL" clId="{BF04C754-5BF4-4E83-9615-DB14FA25AF8A}" dt="2023-10-12T11:38:20.867" v="298"/>
          <ac:spMkLst>
            <pc:docMk/>
            <pc:sldMk cId="2376958513" sldId="260"/>
            <ac:spMk id="8802" creationId="{AB00B8C3-3EC1-DC6D-5A0B-1592C19BA2E2}"/>
          </ac:spMkLst>
        </pc:spChg>
        <pc:spChg chg="mod">
          <ac:chgData name="White, Alex" userId="eff6cc8c-37d8-483b-9c6c-6b27e9afa9bc" providerId="ADAL" clId="{BF04C754-5BF4-4E83-9615-DB14FA25AF8A}" dt="2023-10-12T11:38:20.867" v="298"/>
          <ac:spMkLst>
            <pc:docMk/>
            <pc:sldMk cId="2376958513" sldId="260"/>
            <ac:spMk id="8803" creationId="{BB12C5A2-3E7C-1988-120E-613E44AAD505}"/>
          </ac:spMkLst>
        </pc:spChg>
        <pc:spChg chg="mod">
          <ac:chgData name="White, Alex" userId="eff6cc8c-37d8-483b-9c6c-6b27e9afa9bc" providerId="ADAL" clId="{BF04C754-5BF4-4E83-9615-DB14FA25AF8A}" dt="2023-10-12T11:38:20.867" v="298"/>
          <ac:spMkLst>
            <pc:docMk/>
            <pc:sldMk cId="2376958513" sldId="260"/>
            <ac:spMk id="8804" creationId="{55F7D8F6-01A7-76DC-6E03-B18E02E627DE}"/>
          </ac:spMkLst>
        </pc:spChg>
        <pc:spChg chg="mod">
          <ac:chgData name="White, Alex" userId="eff6cc8c-37d8-483b-9c6c-6b27e9afa9bc" providerId="ADAL" clId="{BF04C754-5BF4-4E83-9615-DB14FA25AF8A}" dt="2023-10-12T11:38:20.867" v="298"/>
          <ac:spMkLst>
            <pc:docMk/>
            <pc:sldMk cId="2376958513" sldId="260"/>
            <ac:spMk id="8805" creationId="{3B2603D4-BD6A-6642-8AA9-1353CEBADBD5}"/>
          </ac:spMkLst>
        </pc:spChg>
        <pc:spChg chg="mod">
          <ac:chgData name="White, Alex" userId="eff6cc8c-37d8-483b-9c6c-6b27e9afa9bc" providerId="ADAL" clId="{BF04C754-5BF4-4E83-9615-DB14FA25AF8A}" dt="2023-10-12T11:38:20.867" v="298"/>
          <ac:spMkLst>
            <pc:docMk/>
            <pc:sldMk cId="2376958513" sldId="260"/>
            <ac:spMk id="8806" creationId="{D5F7BDFE-B5EA-FF7C-DA7A-7EABBB4B2B21}"/>
          </ac:spMkLst>
        </pc:spChg>
        <pc:spChg chg="mod">
          <ac:chgData name="White, Alex" userId="eff6cc8c-37d8-483b-9c6c-6b27e9afa9bc" providerId="ADAL" clId="{BF04C754-5BF4-4E83-9615-DB14FA25AF8A}" dt="2023-10-12T11:38:20.867" v="298"/>
          <ac:spMkLst>
            <pc:docMk/>
            <pc:sldMk cId="2376958513" sldId="260"/>
            <ac:spMk id="8807" creationId="{EEA67F0E-A164-0B45-123A-DFBF8B900406}"/>
          </ac:spMkLst>
        </pc:spChg>
        <pc:spChg chg="mod">
          <ac:chgData name="White, Alex" userId="eff6cc8c-37d8-483b-9c6c-6b27e9afa9bc" providerId="ADAL" clId="{BF04C754-5BF4-4E83-9615-DB14FA25AF8A}" dt="2023-10-12T11:38:20.867" v="298"/>
          <ac:spMkLst>
            <pc:docMk/>
            <pc:sldMk cId="2376958513" sldId="260"/>
            <ac:spMk id="8808" creationId="{1EB8F786-5136-0E2C-043F-48EA7E7190E9}"/>
          </ac:spMkLst>
        </pc:spChg>
        <pc:spChg chg="mod">
          <ac:chgData name="White, Alex" userId="eff6cc8c-37d8-483b-9c6c-6b27e9afa9bc" providerId="ADAL" clId="{BF04C754-5BF4-4E83-9615-DB14FA25AF8A}" dt="2023-10-12T11:38:20.867" v="298"/>
          <ac:spMkLst>
            <pc:docMk/>
            <pc:sldMk cId="2376958513" sldId="260"/>
            <ac:spMk id="8809" creationId="{FAA1070C-FA40-E721-7BCA-2EE8775CEF35}"/>
          </ac:spMkLst>
        </pc:spChg>
        <pc:spChg chg="mod">
          <ac:chgData name="White, Alex" userId="eff6cc8c-37d8-483b-9c6c-6b27e9afa9bc" providerId="ADAL" clId="{BF04C754-5BF4-4E83-9615-DB14FA25AF8A}" dt="2023-10-12T11:38:20.867" v="298"/>
          <ac:spMkLst>
            <pc:docMk/>
            <pc:sldMk cId="2376958513" sldId="260"/>
            <ac:spMk id="8810" creationId="{091C5842-158D-F939-DB46-231D97391432}"/>
          </ac:spMkLst>
        </pc:spChg>
        <pc:spChg chg="mod">
          <ac:chgData name="White, Alex" userId="eff6cc8c-37d8-483b-9c6c-6b27e9afa9bc" providerId="ADAL" clId="{BF04C754-5BF4-4E83-9615-DB14FA25AF8A}" dt="2023-10-12T11:38:20.867" v="298"/>
          <ac:spMkLst>
            <pc:docMk/>
            <pc:sldMk cId="2376958513" sldId="260"/>
            <ac:spMk id="8811" creationId="{CAFF51E0-B8E9-0C97-C5F5-276F3A9600A7}"/>
          </ac:spMkLst>
        </pc:spChg>
        <pc:spChg chg="mod">
          <ac:chgData name="White, Alex" userId="eff6cc8c-37d8-483b-9c6c-6b27e9afa9bc" providerId="ADAL" clId="{BF04C754-5BF4-4E83-9615-DB14FA25AF8A}" dt="2023-10-12T11:38:20.867" v="298"/>
          <ac:spMkLst>
            <pc:docMk/>
            <pc:sldMk cId="2376958513" sldId="260"/>
            <ac:spMk id="8812" creationId="{9BA6295B-F0DA-11C7-4F86-1AC0D075CB0C}"/>
          </ac:spMkLst>
        </pc:spChg>
        <pc:spChg chg="mod">
          <ac:chgData name="White, Alex" userId="eff6cc8c-37d8-483b-9c6c-6b27e9afa9bc" providerId="ADAL" clId="{BF04C754-5BF4-4E83-9615-DB14FA25AF8A}" dt="2023-10-12T11:38:20.867" v="298"/>
          <ac:spMkLst>
            <pc:docMk/>
            <pc:sldMk cId="2376958513" sldId="260"/>
            <ac:spMk id="8813" creationId="{966A6A0A-BAE4-96CD-8CC2-0D634AA67C5C}"/>
          </ac:spMkLst>
        </pc:spChg>
        <pc:spChg chg="mod">
          <ac:chgData name="White, Alex" userId="eff6cc8c-37d8-483b-9c6c-6b27e9afa9bc" providerId="ADAL" clId="{BF04C754-5BF4-4E83-9615-DB14FA25AF8A}" dt="2023-10-12T11:38:20.867" v="298"/>
          <ac:spMkLst>
            <pc:docMk/>
            <pc:sldMk cId="2376958513" sldId="260"/>
            <ac:spMk id="8814" creationId="{EFF75802-B15B-89FA-7F6A-985652437932}"/>
          </ac:spMkLst>
        </pc:spChg>
        <pc:spChg chg="mod">
          <ac:chgData name="White, Alex" userId="eff6cc8c-37d8-483b-9c6c-6b27e9afa9bc" providerId="ADAL" clId="{BF04C754-5BF4-4E83-9615-DB14FA25AF8A}" dt="2023-10-12T11:38:20.867" v="298"/>
          <ac:spMkLst>
            <pc:docMk/>
            <pc:sldMk cId="2376958513" sldId="260"/>
            <ac:spMk id="8815" creationId="{65CE385B-33D4-5CFF-AAA6-A41E158ED970}"/>
          </ac:spMkLst>
        </pc:spChg>
        <pc:spChg chg="mod">
          <ac:chgData name="White, Alex" userId="eff6cc8c-37d8-483b-9c6c-6b27e9afa9bc" providerId="ADAL" clId="{BF04C754-5BF4-4E83-9615-DB14FA25AF8A}" dt="2023-10-12T11:38:20.867" v="298"/>
          <ac:spMkLst>
            <pc:docMk/>
            <pc:sldMk cId="2376958513" sldId="260"/>
            <ac:spMk id="8816" creationId="{3488EAA2-85AA-61DA-7F71-BBD28B1B95FB}"/>
          </ac:spMkLst>
        </pc:spChg>
        <pc:spChg chg="mod">
          <ac:chgData name="White, Alex" userId="eff6cc8c-37d8-483b-9c6c-6b27e9afa9bc" providerId="ADAL" clId="{BF04C754-5BF4-4E83-9615-DB14FA25AF8A}" dt="2023-10-12T11:38:20.867" v="298"/>
          <ac:spMkLst>
            <pc:docMk/>
            <pc:sldMk cId="2376958513" sldId="260"/>
            <ac:spMk id="8817" creationId="{7DE24559-A5DF-1C9C-B633-BCD2A2F82091}"/>
          </ac:spMkLst>
        </pc:spChg>
        <pc:spChg chg="mod">
          <ac:chgData name="White, Alex" userId="eff6cc8c-37d8-483b-9c6c-6b27e9afa9bc" providerId="ADAL" clId="{BF04C754-5BF4-4E83-9615-DB14FA25AF8A}" dt="2023-10-12T11:38:20.867" v="298"/>
          <ac:spMkLst>
            <pc:docMk/>
            <pc:sldMk cId="2376958513" sldId="260"/>
            <ac:spMk id="8818" creationId="{21680BA5-1CC8-4010-9550-0728002272CE}"/>
          </ac:spMkLst>
        </pc:spChg>
        <pc:spChg chg="mod">
          <ac:chgData name="White, Alex" userId="eff6cc8c-37d8-483b-9c6c-6b27e9afa9bc" providerId="ADAL" clId="{BF04C754-5BF4-4E83-9615-DB14FA25AF8A}" dt="2023-10-12T11:38:20.867" v="298"/>
          <ac:spMkLst>
            <pc:docMk/>
            <pc:sldMk cId="2376958513" sldId="260"/>
            <ac:spMk id="8819" creationId="{139BC078-6560-AF04-C55D-FAD825066B31}"/>
          </ac:spMkLst>
        </pc:spChg>
        <pc:spChg chg="mod">
          <ac:chgData name="White, Alex" userId="eff6cc8c-37d8-483b-9c6c-6b27e9afa9bc" providerId="ADAL" clId="{BF04C754-5BF4-4E83-9615-DB14FA25AF8A}" dt="2023-10-12T11:38:20.867" v="298"/>
          <ac:spMkLst>
            <pc:docMk/>
            <pc:sldMk cId="2376958513" sldId="260"/>
            <ac:spMk id="8820" creationId="{6674ADE7-6E68-8C3D-A279-0B489C651092}"/>
          </ac:spMkLst>
        </pc:spChg>
        <pc:spChg chg="mod">
          <ac:chgData name="White, Alex" userId="eff6cc8c-37d8-483b-9c6c-6b27e9afa9bc" providerId="ADAL" clId="{BF04C754-5BF4-4E83-9615-DB14FA25AF8A}" dt="2023-10-12T11:38:20.867" v="298"/>
          <ac:spMkLst>
            <pc:docMk/>
            <pc:sldMk cId="2376958513" sldId="260"/>
            <ac:spMk id="8821" creationId="{67C48918-0177-72A4-961B-4CEDC028B2B1}"/>
          </ac:spMkLst>
        </pc:spChg>
        <pc:spChg chg="mod">
          <ac:chgData name="White, Alex" userId="eff6cc8c-37d8-483b-9c6c-6b27e9afa9bc" providerId="ADAL" clId="{BF04C754-5BF4-4E83-9615-DB14FA25AF8A}" dt="2023-10-12T11:38:20.867" v="298"/>
          <ac:spMkLst>
            <pc:docMk/>
            <pc:sldMk cId="2376958513" sldId="260"/>
            <ac:spMk id="8822" creationId="{8D599801-6ABC-1756-3958-25AAE9F1931C}"/>
          </ac:spMkLst>
        </pc:spChg>
        <pc:spChg chg="mod">
          <ac:chgData name="White, Alex" userId="eff6cc8c-37d8-483b-9c6c-6b27e9afa9bc" providerId="ADAL" clId="{BF04C754-5BF4-4E83-9615-DB14FA25AF8A}" dt="2023-10-12T11:38:20.867" v="298"/>
          <ac:spMkLst>
            <pc:docMk/>
            <pc:sldMk cId="2376958513" sldId="260"/>
            <ac:spMk id="8823" creationId="{9F7EFE70-7ECB-5799-F885-8B31EE938A83}"/>
          </ac:spMkLst>
        </pc:spChg>
        <pc:spChg chg="mod">
          <ac:chgData name="White, Alex" userId="eff6cc8c-37d8-483b-9c6c-6b27e9afa9bc" providerId="ADAL" clId="{BF04C754-5BF4-4E83-9615-DB14FA25AF8A}" dt="2023-10-12T11:38:20.867" v="298"/>
          <ac:spMkLst>
            <pc:docMk/>
            <pc:sldMk cId="2376958513" sldId="260"/>
            <ac:spMk id="8824" creationId="{071C0A04-9FE6-8EDA-CBD6-FB946CB87110}"/>
          </ac:spMkLst>
        </pc:spChg>
        <pc:spChg chg="mod">
          <ac:chgData name="White, Alex" userId="eff6cc8c-37d8-483b-9c6c-6b27e9afa9bc" providerId="ADAL" clId="{BF04C754-5BF4-4E83-9615-DB14FA25AF8A}" dt="2023-10-12T11:38:20.867" v="298"/>
          <ac:spMkLst>
            <pc:docMk/>
            <pc:sldMk cId="2376958513" sldId="260"/>
            <ac:spMk id="8825" creationId="{E8F0A108-EDBA-8187-34BB-B8870E6A741D}"/>
          </ac:spMkLst>
        </pc:spChg>
        <pc:spChg chg="mod">
          <ac:chgData name="White, Alex" userId="eff6cc8c-37d8-483b-9c6c-6b27e9afa9bc" providerId="ADAL" clId="{BF04C754-5BF4-4E83-9615-DB14FA25AF8A}" dt="2023-10-12T11:38:20.867" v="298"/>
          <ac:spMkLst>
            <pc:docMk/>
            <pc:sldMk cId="2376958513" sldId="260"/>
            <ac:spMk id="8826" creationId="{3DE38618-DF0E-D64F-9807-A54A0650A257}"/>
          </ac:spMkLst>
        </pc:spChg>
        <pc:spChg chg="mod">
          <ac:chgData name="White, Alex" userId="eff6cc8c-37d8-483b-9c6c-6b27e9afa9bc" providerId="ADAL" clId="{BF04C754-5BF4-4E83-9615-DB14FA25AF8A}" dt="2023-10-12T11:38:20.867" v="298"/>
          <ac:spMkLst>
            <pc:docMk/>
            <pc:sldMk cId="2376958513" sldId="260"/>
            <ac:spMk id="8827" creationId="{083F7485-E70A-9E2C-FB97-9F9155D035FE}"/>
          </ac:spMkLst>
        </pc:spChg>
        <pc:spChg chg="mod">
          <ac:chgData name="White, Alex" userId="eff6cc8c-37d8-483b-9c6c-6b27e9afa9bc" providerId="ADAL" clId="{BF04C754-5BF4-4E83-9615-DB14FA25AF8A}" dt="2023-10-12T11:38:20.867" v="298"/>
          <ac:spMkLst>
            <pc:docMk/>
            <pc:sldMk cId="2376958513" sldId="260"/>
            <ac:spMk id="8828" creationId="{0D93D412-452D-041D-F802-D2508BC1C500}"/>
          </ac:spMkLst>
        </pc:spChg>
        <pc:spChg chg="mod">
          <ac:chgData name="White, Alex" userId="eff6cc8c-37d8-483b-9c6c-6b27e9afa9bc" providerId="ADAL" clId="{BF04C754-5BF4-4E83-9615-DB14FA25AF8A}" dt="2023-10-12T11:38:20.867" v="298"/>
          <ac:spMkLst>
            <pc:docMk/>
            <pc:sldMk cId="2376958513" sldId="260"/>
            <ac:spMk id="8829" creationId="{6A663A38-067D-E23C-94B0-89F8E9B37298}"/>
          </ac:spMkLst>
        </pc:spChg>
        <pc:spChg chg="mod">
          <ac:chgData name="White, Alex" userId="eff6cc8c-37d8-483b-9c6c-6b27e9afa9bc" providerId="ADAL" clId="{BF04C754-5BF4-4E83-9615-DB14FA25AF8A}" dt="2023-10-12T11:38:20.867" v="298"/>
          <ac:spMkLst>
            <pc:docMk/>
            <pc:sldMk cId="2376958513" sldId="260"/>
            <ac:spMk id="8830" creationId="{3AD1F202-0B39-EE44-1BF5-2EB43301D58F}"/>
          </ac:spMkLst>
        </pc:spChg>
        <pc:spChg chg="mod">
          <ac:chgData name="White, Alex" userId="eff6cc8c-37d8-483b-9c6c-6b27e9afa9bc" providerId="ADAL" clId="{BF04C754-5BF4-4E83-9615-DB14FA25AF8A}" dt="2023-10-12T11:38:20.867" v="298"/>
          <ac:spMkLst>
            <pc:docMk/>
            <pc:sldMk cId="2376958513" sldId="260"/>
            <ac:spMk id="8831" creationId="{2D1F2998-F395-7A34-B2DA-5632A58E58D2}"/>
          </ac:spMkLst>
        </pc:spChg>
        <pc:spChg chg="mod">
          <ac:chgData name="White, Alex" userId="eff6cc8c-37d8-483b-9c6c-6b27e9afa9bc" providerId="ADAL" clId="{BF04C754-5BF4-4E83-9615-DB14FA25AF8A}" dt="2023-10-12T11:38:20.867" v="298"/>
          <ac:spMkLst>
            <pc:docMk/>
            <pc:sldMk cId="2376958513" sldId="260"/>
            <ac:spMk id="8832" creationId="{8DE7E1A6-9309-8F5C-C0BD-534DAF7468E7}"/>
          </ac:spMkLst>
        </pc:spChg>
        <pc:spChg chg="mod">
          <ac:chgData name="White, Alex" userId="eff6cc8c-37d8-483b-9c6c-6b27e9afa9bc" providerId="ADAL" clId="{BF04C754-5BF4-4E83-9615-DB14FA25AF8A}" dt="2023-10-12T11:38:20.867" v="298"/>
          <ac:spMkLst>
            <pc:docMk/>
            <pc:sldMk cId="2376958513" sldId="260"/>
            <ac:spMk id="8833" creationId="{CD354AA2-6BA1-4615-8B14-D3D410473A85}"/>
          </ac:spMkLst>
        </pc:spChg>
        <pc:spChg chg="mod">
          <ac:chgData name="White, Alex" userId="eff6cc8c-37d8-483b-9c6c-6b27e9afa9bc" providerId="ADAL" clId="{BF04C754-5BF4-4E83-9615-DB14FA25AF8A}" dt="2023-10-12T11:38:20.867" v="298"/>
          <ac:spMkLst>
            <pc:docMk/>
            <pc:sldMk cId="2376958513" sldId="260"/>
            <ac:spMk id="8834" creationId="{D52CC369-A1F8-0B54-F878-407133EE3784}"/>
          </ac:spMkLst>
        </pc:spChg>
        <pc:spChg chg="mod">
          <ac:chgData name="White, Alex" userId="eff6cc8c-37d8-483b-9c6c-6b27e9afa9bc" providerId="ADAL" clId="{BF04C754-5BF4-4E83-9615-DB14FA25AF8A}" dt="2023-10-12T11:38:20.867" v="298"/>
          <ac:spMkLst>
            <pc:docMk/>
            <pc:sldMk cId="2376958513" sldId="260"/>
            <ac:spMk id="8835" creationId="{1CFE99D0-32BD-98CC-1862-3EAC6170C6A0}"/>
          </ac:spMkLst>
        </pc:spChg>
        <pc:spChg chg="mod">
          <ac:chgData name="White, Alex" userId="eff6cc8c-37d8-483b-9c6c-6b27e9afa9bc" providerId="ADAL" clId="{BF04C754-5BF4-4E83-9615-DB14FA25AF8A}" dt="2023-10-12T11:38:20.867" v="298"/>
          <ac:spMkLst>
            <pc:docMk/>
            <pc:sldMk cId="2376958513" sldId="260"/>
            <ac:spMk id="8836" creationId="{FF3770ED-B21F-1EB2-2634-D5E86EDD73CB}"/>
          </ac:spMkLst>
        </pc:spChg>
        <pc:spChg chg="mod">
          <ac:chgData name="White, Alex" userId="eff6cc8c-37d8-483b-9c6c-6b27e9afa9bc" providerId="ADAL" clId="{BF04C754-5BF4-4E83-9615-DB14FA25AF8A}" dt="2023-10-12T11:38:20.867" v="298"/>
          <ac:spMkLst>
            <pc:docMk/>
            <pc:sldMk cId="2376958513" sldId="260"/>
            <ac:spMk id="8837" creationId="{9E30DE86-2759-9C1A-BF42-B1E89E7E6A48}"/>
          </ac:spMkLst>
        </pc:spChg>
        <pc:spChg chg="mod">
          <ac:chgData name="White, Alex" userId="eff6cc8c-37d8-483b-9c6c-6b27e9afa9bc" providerId="ADAL" clId="{BF04C754-5BF4-4E83-9615-DB14FA25AF8A}" dt="2023-10-12T11:38:20.867" v="298"/>
          <ac:spMkLst>
            <pc:docMk/>
            <pc:sldMk cId="2376958513" sldId="260"/>
            <ac:spMk id="8838" creationId="{FE73772C-4E9B-3239-D3B8-16CB5DBA5DD4}"/>
          </ac:spMkLst>
        </pc:spChg>
        <pc:spChg chg="mod">
          <ac:chgData name="White, Alex" userId="eff6cc8c-37d8-483b-9c6c-6b27e9afa9bc" providerId="ADAL" clId="{BF04C754-5BF4-4E83-9615-DB14FA25AF8A}" dt="2023-10-12T11:38:20.867" v="298"/>
          <ac:spMkLst>
            <pc:docMk/>
            <pc:sldMk cId="2376958513" sldId="260"/>
            <ac:spMk id="8839" creationId="{8B6E7F5B-1CBF-EAD9-6386-727B24756909}"/>
          </ac:spMkLst>
        </pc:spChg>
        <pc:spChg chg="mod">
          <ac:chgData name="White, Alex" userId="eff6cc8c-37d8-483b-9c6c-6b27e9afa9bc" providerId="ADAL" clId="{BF04C754-5BF4-4E83-9615-DB14FA25AF8A}" dt="2023-10-12T11:38:20.867" v="298"/>
          <ac:spMkLst>
            <pc:docMk/>
            <pc:sldMk cId="2376958513" sldId="260"/>
            <ac:spMk id="8840" creationId="{0D423A14-47EC-5805-313B-A9EE49EB174B}"/>
          </ac:spMkLst>
        </pc:spChg>
        <pc:spChg chg="mod">
          <ac:chgData name="White, Alex" userId="eff6cc8c-37d8-483b-9c6c-6b27e9afa9bc" providerId="ADAL" clId="{BF04C754-5BF4-4E83-9615-DB14FA25AF8A}" dt="2023-10-12T11:38:20.867" v="298"/>
          <ac:spMkLst>
            <pc:docMk/>
            <pc:sldMk cId="2376958513" sldId="260"/>
            <ac:spMk id="8841" creationId="{8EE4D50E-BCD2-427E-9ECF-848620F662C9}"/>
          </ac:spMkLst>
        </pc:spChg>
        <pc:spChg chg="mod">
          <ac:chgData name="White, Alex" userId="eff6cc8c-37d8-483b-9c6c-6b27e9afa9bc" providerId="ADAL" clId="{BF04C754-5BF4-4E83-9615-DB14FA25AF8A}" dt="2023-10-12T11:38:20.867" v="298"/>
          <ac:spMkLst>
            <pc:docMk/>
            <pc:sldMk cId="2376958513" sldId="260"/>
            <ac:spMk id="8842" creationId="{53D2531E-63FC-FC4B-144D-F832BDB136C9}"/>
          </ac:spMkLst>
        </pc:spChg>
        <pc:spChg chg="mod">
          <ac:chgData name="White, Alex" userId="eff6cc8c-37d8-483b-9c6c-6b27e9afa9bc" providerId="ADAL" clId="{BF04C754-5BF4-4E83-9615-DB14FA25AF8A}" dt="2023-10-12T11:38:20.867" v="298"/>
          <ac:spMkLst>
            <pc:docMk/>
            <pc:sldMk cId="2376958513" sldId="260"/>
            <ac:spMk id="8843" creationId="{C8686FC5-13F0-B16E-BFB5-6362DE3A5F06}"/>
          </ac:spMkLst>
        </pc:spChg>
        <pc:spChg chg="mod">
          <ac:chgData name="White, Alex" userId="eff6cc8c-37d8-483b-9c6c-6b27e9afa9bc" providerId="ADAL" clId="{BF04C754-5BF4-4E83-9615-DB14FA25AF8A}" dt="2023-10-12T11:38:20.867" v="298"/>
          <ac:spMkLst>
            <pc:docMk/>
            <pc:sldMk cId="2376958513" sldId="260"/>
            <ac:spMk id="8844" creationId="{F676D586-45C3-6309-3447-D848B68CBCB1}"/>
          </ac:spMkLst>
        </pc:spChg>
        <pc:spChg chg="mod">
          <ac:chgData name="White, Alex" userId="eff6cc8c-37d8-483b-9c6c-6b27e9afa9bc" providerId="ADAL" clId="{BF04C754-5BF4-4E83-9615-DB14FA25AF8A}" dt="2023-10-12T11:38:20.867" v="298"/>
          <ac:spMkLst>
            <pc:docMk/>
            <pc:sldMk cId="2376958513" sldId="260"/>
            <ac:spMk id="8845" creationId="{0CA64A0F-4A2C-B50D-C106-0D78F3F82E34}"/>
          </ac:spMkLst>
        </pc:spChg>
        <pc:spChg chg="mod">
          <ac:chgData name="White, Alex" userId="eff6cc8c-37d8-483b-9c6c-6b27e9afa9bc" providerId="ADAL" clId="{BF04C754-5BF4-4E83-9615-DB14FA25AF8A}" dt="2023-10-12T11:38:20.867" v="298"/>
          <ac:spMkLst>
            <pc:docMk/>
            <pc:sldMk cId="2376958513" sldId="260"/>
            <ac:spMk id="8846" creationId="{D47FFA74-36C3-88EB-7B68-D3DEC0797632}"/>
          </ac:spMkLst>
        </pc:spChg>
        <pc:spChg chg="mod">
          <ac:chgData name="White, Alex" userId="eff6cc8c-37d8-483b-9c6c-6b27e9afa9bc" providerId="ADAL" clId="{BF04C754-5BF4-4E83-9615-DB14FA25AF8A}" dt="2023-10-12T11:38:20.867" v="298"/>
          <ac:spMkLst>
            <pc:docMk/>
            <pc:sldMk cId="2376958513" sldId="260"/>
            <ac:spMk id="8847" creationId="{AA8635D2-6B27-DB0C-DF9B-0DB87B395442}"/>
          </ac:spMkLst>
        </pc:spChg>
        <pc:spChg chg="mod">
          <ac:chgData name="White, Alex" userId="eff6cc8c-37d8-483b-9c6c-6b27e9afa9bc" providerId="ADAL" clId="{BF04C754-5BF4-4E83-9615-DB14FA25AF8A}" dt="2023-10-12T11:38:20.867" v="298"/>
          <ac:spMkLst>
            <pc:docMk/>
            <pc:sldMk cId="2376958513" sldId="260"/>
            <ac:spMk id="8848" creationId="{19D059CC-E85F-A99E-BAF3-7E0D0AB7CFE6}"/>
          </ac:spMkLst>
        </pc:spChg>
        <pc:spChg chg="mod">
          <ac:chgData name="White, Alex" userId="eff6cc8c-37d8-483b-9c6c-6b27e9afa9bc" providerId="ADAL" clId="{BF04C754-5BF4-4E83-9615-DB14FA25AF8A}" dt="2023-10-12T11:38:20.867" v="298"/>
          <ac:spMkLst>
            <pc:docMk/>
            <pc:sldMk cId="2376958513" sldId="260"/>
            <ac:spMk id="8849" creationId="{CC08C1DE-6132-33F7-BF48-93DB343FDEB5}"/>
          </ac:spMkLst>
        </pc:spChg>
        <pc:spChg chg="mod">
          <ac:chgData name="White, Alex" userId="eff6cc8c-37d8-483b-9c6c-6b27e9afa9bc" providerId="ADAL" clId="{BF04C754-5BF4-4E83-9615-DB14FA25AF8A}" dt="2023-10-12T11:38:20.867" v="298"/>
          <ac:spMkLst>
            <pc:docMk/>
            <pc:sldMk cId="2376958513" sldId="260"/>
            <ac:spMk id="8850" creationId="{AF51F7FE-63BB-7DEE-DF71-8BF515F68DC8}"/>
          </ac:spMkLst>
        </pc:spChg>
        <pc:spChg chg="mod">
          <ac:chgData name="White, Alex" userId="eff6cc8c-37d8-483b-9c6c-6b27e9afa9bc" providerId="ADAL" clId="{BF04C754-5BF4-4E83-9615-DB14FA25AF8A}" dt="2023-10-12T11:38:20.867" v="298"/>
          <ac:spMkLst>
            <pc:docMk/>
            <pc:sldMk cId="2376958513" sldId="260"/>
            <ac:spMk id="8851" creationId="{C34D3D62-4FEC-DDA9-74B1-F34D022904D3}"/>
          </ac:spMkLst>
        </pc:spChg>
        <pc:spChg chg="mod">
          <ac:chgData name="White, Alex" userId="eff6cc8c-37d8-483b-9c6c-6b27e9afa9bc" providerId="ADAL" clId="{BF04C754-5BF4-4E83-9615-DB14FA25AF8A}" dt="2023-10-12T11:38:20.867" v="298"/>
          <ac:spMkLst>
            <pc:docMk/>
            <pc:sldMk cId="2376958513" sldId="260"/>
            <ac:spMk id="8852" creationId="{50BA7599-3AD8-F7E5-2159-4BC4CF394203}"/>
          </ac:spMkLst>
        </pc:spChg>
        <pc:spChg chg="mod">
          <ac:chgData name="White, Alex" userId="eff6cc8c-37d8-483b-9c6c-6b27e9afa9bc" providerId="ADAL" clId="{BF04C754-5BF4-4E83-9615-DB14FA25AF8A}" dt="2023-10-12T11:38:20.867" v="298"/>
          <ac:spMkLst>
            <pc:docMk/>
            <pc:sldMk cId="2376958513" sldId="260"/>
            <ac:spMk id="8853" creationId="{08C94CDC-615F-7A9D-FE1C-1558CE571379}"/>
          </ac:spMkLst>
        </pc:spChg>
        <pc:spChg chg="mod">
          <ac:chgData name="White, Alex" userId="eff6cc8c-37d8-483b-9c6c-6b27e9afa9bc" providerId="ADAL" clId="{BF04C754-5BF4-4E83-9615-DB14FA25AF8A}" dt="2023-10-12T11:38:20.867" v="298"/>
          <ac:spMkLst>
            <pc:docMk/>
            <pc:sldMk cId="2376958513" sldId="260"/>
            <ac:spMk id="8854" creationId="{209B9439-9E73-ED67-E588-F24D155652D9}"/>
          </ac:spMkLst>
        </pc:spChg>
        <pc:spChg chg="mod">
          <ac:chgData name="White, Alex" userId="eff6cc8c-37d8-483b-9c6c-6b27e9afa9bc" providerId="ADAL" clId="{BF04C754-5BF4-4E83-9615-DB14FA25AF8A}" dt="2023-10-12T11:38:20.867" v="298"/>
          <ac:spMkLst>
            <pc:docMk/>
            <pc:sldMk cId="2376958513" sldId="260"/>
            <ac:spMk id="8855" creationId="{9B217AFB-00F1-0689-552E-CD432B377015}"/>
          </ac:spMkLst>
        </pc:spChg>
        <pc:spChg chg="mod">
          <ac:chgData name="White, Alex" userId="eff6cc8c-37d8-483b-9c6c-6b27e9afa9bc" providerId="ADAL" clId="{BF04C754-5BF4-4E83-9615-DB14FA25AF8A}" dt="2023-10-12T11:38:20.867" v="298"/>
          <ac:spMkLst>
            <pc:docMk/>
            <pc:sldMk cId="2376958513" sldId="260"/>
            <ac:spMk id="8856" creationId="{E4675ACB-5014-A426-B186-857215E85DD3}"/>
          </ac:spMkLst>
        </pc:spChg>
        <pc:spChg chg="mod">
          <ac:chgData name="White, Alex" userId="eff6cc8c-37d8-483b-9c6c-6b27e9afa9bc" providerId="ADAL" clId="{BF04C754-5BF4-4E83-9615-DB14FA25AF8A}" dt="2023-10-12T11:38:20.867" v="298"/>
          <ac:spMkLst>
            <pc:docMk/>
            <pc:sldMk cId="2376958513" sldId="260"/>
            <ac:spMk id="8857" creationId="{6482CF97-0E24-14BF-689B-C85A35FE7109}"/>
          </ac:spMkLst>
        </pc:spChg>
        <pc:spChg chg="mod">
          <ac:chgData name="White, Alex" userId="eff6cc8c-37d8-483b-9c6c-6b27e9afa9bc" providerId="ADAL" clId="{BF04C754-5BF4-4E83-9615-DB14FA25AF8A}" dt="2023-10-12T11:38:20.867" v="298"/>
          <ac:spMkLst>
            <pc:docMk/>
            <pc:sldMk cId="2376958513" sldId="260"/>
            <ac:spMk id="8858" creationId="{B620790F-551F-BB47-984C-09E6B5F3056B}"/>
          </ac:spMkLst>
        </pc:spChg>
        <pc:spChg chg="mod">
          <ac:chgData name="White, Alex" userId="eff6cc8c-37d8-483b-9c6c-6b27e9afa9bc" providerId="ADAL" clId="{BF04C754-5BF4-4E83-9615-DB14FA25AF8A}" dt="2023-10-12T11:38:20.867" v="298"/>
          <ac:spMkLst>
            <pc:docMk/>
            <pc:sldMk cId="2376958513" sldId="260"/>
            <ac:spMk id="8859" creationId="{70FA167E-23C1-4050-19C3-75499ED2A598}"/>
          </ac:spMkLst>
        </pc:spChg>
        <pc:spChg chg="mod">
          <ac:chgData name="White, Alex" userId="eff6cc8c-37d8-483b-9c6c-6b27e9afa9bc" providerId="ADAL" clId="{BF04C754-5BF4-4E83-9615-DB14FA25AF8A}" dt="2023-10-12T11:38:20.867" v="298"/>
          <ac:spMkLst>
            <pc:docMk/>
            <pc:sldMk cId="2376958513" sldId="260"/>
            <ac:spMk id="8860" creationId="{9CBC240F-276A-B63C-96B0-CB94D7CDA953}"/>
          </ac:spMkLst>
        </pc:spChg>
        <pc:spChg chg="mod">
          <ac:chgData name="White, Alex" userId="eff6cc8c-37d8-483b-9c6c-6b27e9afa9bc" providerId="ADAL" clId="{BF04C754-5BF4-4E83-9615-DB14FA25AF8A}" dt="2023-10-12T11:38:20.867" v="298"/>
          <ac:spMkLst>
            <pc:docMk/>
            <pc:sldMk cId="2376958513" sldId="260"/>
            <ac:spMk id="8861" creationId="{CF026873-4AE6-77CD-0F66-D7013B7C3507}"/>
          </ac:spMkLst>
        </pc:spChg>
        <pc:spChg chg="mod">
          <ac:chgData name="White, Alex" userId="eff6cc8c-37d8-483b-9c6c-6b27e9afa9bc" providerId="ADAL" clId="{BF04C754-5BF4-4E83-9615-DB14FA25AF8A}" dt="2023-10-12T11:38:20.867" v="298"/>
          <ac:spMkLst>
            <pc:docMk/>
            <pc:sldMk cId="2376958513" sldId="260"/>
            <ac:spMk id="8862" creationId="{DD037A13-7850-7C81-895B-2E1EB2FBAE4C}"/>
          </ac:spMkLst>
        </pc:spChg>
        <pc:spChg chg="mod">
          <ac:chgData name="White, Alex" userId="eff6cc8c-37d8-483b-9c6c-6b27e9afa9bc" providerId="ADAL" clId="{BF04C754-5BF4-4E83-9615-DB14FA25AF8A}" dt="2023-10-12T11:38:20.867" v="298"/>
          <ac:spMkLst>
            <pc:docMk/>
            <pc:sldMk cId="2376958513" sldId="260"/>
            <ac:spMk id="8863" creationId="{721742C3-1AEF-37C4-D0DD-4AF9585D0E8E}"/>
          </ac:spMkLst>
        </pc:spChg>
        <pc:spChg chg="mod">
          <ac:chgData name="White, Alex" userId="eff6cc8c-37d8-483b-9c6c-6b27e9afa9bc" providerId="ADAL" clId="{BF04C754-5BF4-4E83-9615-DB14FA25AF8A}" dt="2023-10-12T11:38:20.867" v="298"/>
          <ac:spMkLst>
            <pc:docMk/>
            <pc:sldMk cId="2376958513" sldId="260"/>
            <ac:spMk id="8864" creationId="{CAE7D7BA-85BF-A2B2-58A4-A21AC3DC3EE0}"/>
          </ac:spMkLst>
        </pc:spChg>
        <pc:spChg chg="mod">
          <ac:chgData name="White, Alex" userId="eff6cc8c-37d8-483b-9c6c-6b27e9afa9bc" providerId="ADAL" clId="{BF04C754-5BF4-4E83-9615-DB14FA25AF8A}" dt="2023-10-12T11:38:20.867" v="298"/>
          <ac:spMkLst>
            <pc:docMk/>
            <pc:sldMk cId="2376958513" sldId="260"/>
            <ac:spMk id="8865" creationId="{C12A0583-CB6B-49B0-E17A-2FE2FF200B46}"/>
          </ac:spMkLst>
        </pc:spChg>
        <pc:spChg chg="mod">
          <ac:chgData name="White, Alex" userId="eff6cc8c-37d8-483b-9c6c-6b27e9afa9bc" providerId="ADAL" clId="{BF04C754-5BF4-4E83-9615-DB14FA25AF8A}" dt="2023-10-12T11:38:20.867" v="298"/>
          <ac:spMkLst>
            <pc:docMk/>
            <pc:sldMk cId="2376958513" sldId="260"/>
            <ac:spMk id="8866" creationId="{DED34317-6648-6F24-F88D-E84B49959803}"/>
          </ac:spMkLst>
        </pc:spChg>
        <pc:spChg chg="mod">
          <ac:chgData name="White, Alex" userId="eff6cc8c-37d8-483b-9c6c-6b27e9afa9bc" providerId="ADAL" clId="{BF04C754-5BF4-4E83-9615-DB14FA25AF8A}" dt="2023-10-12T11:38:20.867" v="298"/>
          <ac:spMkLst>
            <pc:docMk/>
            <pc:sldMk cId="2376958513" sldId="260"/>
            <ac:spMk id="8867" creationId="{12158350-6821-648E-0125-7574021C12E3}"/>
          </ac:spMkLst>
        </pc:spChg>
        <pc:spChg chg="mod">
          <ac:chgData name="White, Alex" userId="eff6cc8c-37d8-483b-9c6c-6b27e9afa9bc" providerId="ADAL" clId="{BF04C754-5BF4-4E83-9615-DB14FA25AF8A}" dt="2023-10-12T11:38:20.867" v="298"/>
          <ac:spMkLst>
            <pc:docMk/>
            <pc:sldMk cId="2376958513" sldId="260"/>
            <ac:spMk id="8868" creationId="{9ADF665E-723E-C4D5-743F-3ACC2CC6F4B1}"/>
          </ac:spMkLst>
        </pc:spChg>
        <pc:spChg chg="mod">
          <ac:chgData name="White, Alex" userId="eff6cc8c-37d8-483b-9c6c-6b27e9afa9bc" providerId="ADAL" clId="{BF04C754-5BF4-4E83-9615-DB14FA25AF8A}" dt="2023-10-12T11:38:20.867" v="298"/>
          <ac:spMkLst>
            <pc:docMk/>
            <pc:sldMk cId="2376958513" sldId="260"/>
            <ac:spMk id="8869" creationId="{5ECF4A07-791F-F466-57FF-4F5BFE24A47E}"/>
          </ac:spMkLst>
        </pc:spChg>
        <pc:spChg chg="mod">
          <ac:chgData name="White, Alex" userId="eff6cc8c-37d8-483b-9c6c-6b27e9afa9bc" providerId="ADAL" clId="{BF04C754-5BF4-4E83-9615-DB14FA25AF8A}" dt="2023-10-12T11:38:20.867" v="298"/>
          <ac:spMkLst>
            <pc:docMk/>
            <pc:sldMk cId="2376958513" sldId="260"/>
            <ac:spMk id="8870" creationId="{2672A1E2-3D92-EFD5-C747-63E6F9ABFA70}"/>
          </ac:spMkLst>
        </pc:spChg>
        <pc:spChg chg="mod">
          <ac:chgData name="White, Alex" userId="eff6cc8c-37d8-483b-9c6c-6b27e9afa9bc" providerId="ADAL" clId="{BF04C754-5BF4-4E83-9615-DB14FA25AF8A}" dt="2023-10-12T11:38:20.867" v="298"/>
          <ac:spMkLst>
            <pc:docMk/>
            <pc:sldMk cId="2376958513" sldId="260"/>
            <ac:spMk id="8871" creationId="{51E999CE-7C87-8553-D329-2F963EBAF635}"/>
          </ac:spMkLst>
        </pc:spChg>
        <pc:spChg chg="mod">
          <ac:chgData name="White, Alex" userId="eff6cc8c-37d8-483b-9c6c-6b27e9afa9bc" providerId="ADAL" clId="{BF04C754-5BF4-4E83-9615-DB14FA25AF8A}" dt="2023-10-12T11:38:20.867" v="298"/>
          <ac:spMkLst>
            <pc:docMk/>
            <pc:sldMk cId="2376958513" sldId="260"/>
            <ac:spMk id="8872" creationId="{B9F2B13A-E2FE-F6B1-1A23-08C36D34EA2A}"/>
          </ac:spMkLst>
        </pc:spChg>
        <pc:spChg chg="mod">
          <ac:chgData name="White, Alex" userId="eff6cc8c-37d8-483b-9c6c-6b27e9afa9bc" providerId="ADAL" clId="{BF04C754-5BF4-4E83-9615-DB14FA25AF8A}" dt="2023-10-12T11:38:20.867" v="298"/>
          <ac:spMkLst>
            <pc:docMk/>
            <pc:sldMk cId="2376958513" sldId="260"/>
            <ac:spMk id="8873" creationId="{6FC8AB7E-BF20-C99E-F68C-616C27125B98}"/>
          </ac:spMkLst>
        </pc:spChg>
        <pc:spChg chg="mod">
          <ac:chgData name="White, Alex" userId="eff6cc8c-37d8-483b-9c6c-6b27e9afa9bc" providerId="ADAL" clId="{BF04C754-5BF4-4E83-9615-DB14FA25AF8A}" dt="2023-10-12T11:38:20.867" v="298"/>
          <ac:spMkLst>
            <pc:docMk/>
            <pc:sldMk cId="2376958513" sldId="260"/>
            <ac:spMk id="8874" creationId="{203CB66E-C6D3-54F3-6CB7-1B96604D2E96}"/>
          </ac:spMkLst>
        </pc:spChg>
        <pc:spChg chg="mod">
          <ac:chgData name="White, Alex" userId="eff6cc8c-37d8-483b-9c6c-6b27e9afa9bc" providerId="ADAL" clId="{BF04C754-5BF4-4E83-9615-DB14FA25AF8A}" dt="2023-10-12T11:38:20.867" v="298"/>
          <ac:spMkLst>
            <pc:docMk/>
            <pc:sldMk cId="2376958513" sldId="260"/>
            <ac:spMk id="8875" creationId="{19E953D8-EA46-8B15-2387-9390AB11D247}"/>
          </ac:spMkLst>
        </pc:spChg>
        <pc:spChg chg="mod">
          <ac:chgData name="White, Alex" userId="eff6cc8c-37d8-483b-9c6c-6b27e9afa9bc" providerId="ADAL" clId="{BF04C754-5BF4-4E83-9615-DB14FA25AF8A}" dt="2023-10-12T11:38:20.867" v="298"/>
          <ac:spMkLst>
            <pc:docMk/>
            <pc:sldMk cId="2376958513" sldId="260"/>
            <ac:spMk id="8876" creationId="{28CFF492-13C0-2BAB-F90E-5EEC634F5E1E}"/>
          </ac:spMkLst>
        </pc:spChg>
        <pc:spChg chg="mod">
          <ac:chgData name="White, Alex" userId="eff6cc8c-37d8-483b-9c6c-6b27e9afa9bc" providerId="ADAL" clId="{BF04C754-5BF4-4E83-9615-DB14FA25AF8A}" dt="2023-10-12T11:38:20.867" v="298"/>
          <ac:spMkLst>
            <pc:docMk/>
            <pc:sldMk cId="2376958513" sldId="260"/>
            <ac:spMk id="8877" creationId="{80D1E5DA-8962-41F2-2BB1-797FD2BE3AD3}"/>
          </ac:spMkLst>
        </pc:spChg>
        <pc:spChg chg="mod">
          <ac:chgData name="White, Alex" userId="eff6cc8c-37d8-483b-9c6c-6b27e9afa9bc" providerId="ADAL" clId="{BF04C754-5BF4-4E83-9615-DB14FA25AF8A}" dt="2023-10-12T11:38:20.867" v="298"/>
          <ac:spMkLst>
            <pc:docMk/>
            <pc:sldMk cId="2376958513" sldId="260"/>
            <ac:spMk id="8878" creationId="{80A270E6-1428-192D-51E0-70A835807E10}"/>
          </ac:spMkLst>
        </pc:spChg>
        <pc:spChg chg="mod">
          <ac:chgData name="White, Alex" userId="eff6cc8c-37d8-483b-9c6c-6b27e9afa9bc" providerId="ADAL" clId="{BF04C754-5BF4-4E83-9615-DB14FA25AF8A}" dt="2023-10-12T11:38:20.867" v="298"/>
          <ac:spMkLst>
            <pc:docMk/>
            <pc:sldMk cId="2376958513" sldId="260"/>
            <ac:spMk id="8879" creationId="{14301F75-4EF2-BF73-04B8-4CD65310EE0A}"/>
          </ac:spMkLst>
        </pc:spChg>
        <pc:spChg chg="mod">
          <ac:chgData name="White, Alex" userId="eff6cc8c-37d8-483b-9c6c-6b27e9afa9bc" providerId="ADAL" clId="{BF04C754-5BF4-4E83-9615-DB14FA25AF8A}" dt="2023-10-12T11:38:20.867" v="298"/>
          <ac:spMkLst>
            <pc:docMk/>
            <pc:sldMk cId="2376958513" sldId="260"/>
            <ac:spMk id="8880" creationId="{72206777-6C4C-1218-C25B-9FCB8576304A}"/>
          </ac:spMkLst>
        </pc:spChg>
        <pc:spChg chg="mod">
          <ac:chgData name="White, Alex" userId="eff6cc8c-37d8-483b-9c6c-6b27e9afa9bc" providerId="ADAL" clId="{BF04C754-5BF4-4E83-9615-DB14FA25AF8A}" dt="2023-10-12T11:38:20.867" v="298"/>
          <ac:spMkLst>
            <pc:docMk/>
            <pc:sldMk cId="2376958513" sldId="260"/>
            <ac:spMk id="8881" creationId="{BCCF8896-EB98-638C-DC9C-A907950DBA3F}"/>
          </ac:spMkLst>
        </pc:spChg>
        <pc:spChg chg="mod">
          <ac:chgData name="White, Alex" userId="eff6cc8c-37d8-483b-9c6c-6b27e9afa9bc" providerId="ADAL" clId="{BF04C754-5BF4-4E83-9615-DB14FA25AF8A}" dt="2023-10-12T11:38:20.867" v="298"/>
          <ac:spMkLst>
            <pc:docMk/>
            <pc:sldMk cId="2376958513" sldId="260"/>
            <ac:spMk id="8882" creationId="{A82D8B9D-5079-3784-0D2A-7BC6A2C43719}"/>
          </ac:spMkLst>
        </pc:spChg>
        <pc:spChg chg="mod">
          <ac:chgData name="White, Alex" userId="eff6cc8c-37d8-483b-9c6c-6b27e9afa9bc" providerId="ADAL" clId="{BF04C754-5BF4-4E83-9615-DB14FA25AF8A}" dt="2023-10-12T11:38:20.867" v="298"/>
          <ac:spMkLst>
            <pc:docMk/>
            <pc:sldMk cId="2376958513" sldId="260"/>
            <ac:spMk id="8883" creationId="{91CAF842-1891-BBCC-A08D-88A76E1D0E3A}"/>
          </ac:spMkLst>
        </pc:spChg>
        <pc:spChg chg="mod">
          <ac:chgData name="White, Alex" userId="eff6cc8c-37d8-483b-9c6c-6b27e9afa9bc" providerId="ADAL" clId="{BF04C754-5BF4-4E83-9615-DB14FA25AF8A}" dt="2023-10-12T11:38:20.867" v="298"/>
          <ac:spMkLst>
            <pc:docMk/>
            <pc:sldMk cId="2376958513" sldId="260"/>
            <ac:spMk id="8884" creationId="{9E6D65AC-5015-7A64-04EF-269B529A1ABF}"/>
          </ac:spMkLst>
        </pc:spChg>
        <pc:spChg chg="mod">
          <ac:chgData name="White, Alex" userId="eff6cc8c-37d8-483b-9c6c-6b27e9afa9bc" providerId="ADAL" clId="{BF04C754-5BF4-4E83-9615-DB14FA25AF8A}" dt="2023-10-12T11:38:20.867" v="298"/>
          <ac:spMkLst>
            <pc:docMk/>
            <pc:sldMk cId="2376958513" sldId="260"/>
            <ac:spMk id="8885" creationId="{23A2786C-021A-98CA-2337-4C21715CF07D}"/>
          </ac:spMkLst>
        </pc:spChg>
        <pc:spChg chg="mod">
          <ac:chgData name="White, Alex" userId="eff6cc8c-37d8-483b-9c6c-6b27e9afa9bc" providerId="ADAL" clId="{BF04C754-5BF4-4E83-9615-DB14FA25AF8A}" dt="2023-10-12T11:38:20.867" v="298"/>
          <ac:spMkLst>
            <pc:docMk/>
            <pc:sldMk cId="2376958513" sldId="260"/>
            <ac:spMk id="8886" creationId="{91C77E01-7210-A2EE-2EB0-7B5F7E9CB77F}"/>
          </ac:spMkLst>
        </pc:spChg>
        <pc:spChg chg="mod">
          <ac:chgData name="White, Alex" userId="eff6cc8c-37d8-483b-9c6c-6b27e9afa9bc" providerId="ADAL" clId="{BF04C754-5BF4-4E83-9615-DB14FA25AF8A}" dt="2023-10-12T11:38:20.867" v="298"/>
          <ac:spMkLst>
            <pc:docMk/>
            <pc:sldMk cId="2376958513" sldId="260"/>
            <ac:spMk id="8887" creationId="{3FF0D2F5-A45A-2C33-9164-594212E30708}"/>
          </ac:spMkLst>
        </pc:spChg>
        <pc:spChg chg="mod">
          <ac:chgData name="White, Alex" userId="eff6cc8c-37d8-483b-9c6c-6b27e9afa9bc" providerId="ADAL" clId="{BF04C754-5BF4-4E83-9615-DB14FA25AF8A}" dt="2023-10-12T11:38:20.867" v="298"/>
          <ac:spMkLst>
            <pc:docMk/>
            <pc:sldMk cId="2376958513" sldId="260"/>
            <ac:spMk id="8888" creationId="{FB724284-B156-9B8D-3918-6FD461214F2F}"/>
          </ac:spMkLst>
        </pc:spChg>
        <pc:spChg chg="mod">
          <ac:chgData name="White, Alex" userId="eff6cc8c-37d8-483b-9c6c-6b27e9afa9bc" providerId="ADAL" clId="{BF04C754-5BF4-4E83-9615-DB14FA25AF8A}" dt="2023-10-12T11:38:20.867" v="298"/>
          <ac:spMkLst>
            <pc:docMk/>
            <pc:sldMk cId="2376958513" sldId="260"/>
            <ac:spMk id="8889" creationId="{59E37CAF-15C7-B6ED-E755-17D654BFA5C1}"/>
          </ac:spMkLst>
        </pc:spChg>
        <pc:spChg chg="mod">
          <ac:chgData name="White, Alex" userId="eff6cc8c-37d8-483b-9c6c-6b27e9afa9bc" providerId="ADAL" clId="{BF04C754-5BF4-4E83-9615-DB14FA25AF8A}" dt="2023-10-12T11:38:20.867" v="298"/>
          <ac:spMkLst>
            <pc:docMk/>
            <pc:sldMk cId="2376958513" sldId="260"/>
            <ac:spMk id="8890" creationId="{8BA59765-C93E-8057-68E5-4B70099EEF51}"/>
          </ac:spMkLst>
        </pc:spChg>
        <pc:spChg chg="mod">
          <ac:chgData name="White, Alex" userId="eff6cc8c-37d8-483b-9c6c-6b27e9afa9bc" providerId="ADAL" clId="{BF04C754-5BF4-4E83-9615-DB14FA25AF8A}" dt="2023-10-12T11:38:20.867" v="298"/>
          <ac:spMkLst>
            <pc:docMk/>
            <pc:sldMk cId="2376958513" sldId="260"/>
            <ac:spMk id="8891" creationId="{70BDD577-0E9E-B8FF-D31B-603A56218EF3}"/>
          </ac:spMkLst>
        </pc:spChg>
        <pc:spChg chg="mod">
          <ac:chgData name="White, Alex" userId="eff6cc8c-37d8-483b-9c6c-6b27e9afa9bc" providerId="ADAL" clId="{BF04C754-5BF4-4E83-9615-DB14FA25AF8A}" dt="2023-10-12T11:38:20.867" v="298"/>
          <ac:spMkLst>
            <pc:docMk/>
            <pc:sldMk cId="2376958513" sldId="260"/>
            <ac:spMk id="8892" creationId="{A885201C-B4E0-4354-D4CC-3E64C25BA938}"/>
          </ac:spMkLst>
        </pc:spChg>
        <pc:spChg chg="mod">
          <ac:chgData name="White, Alex" userId="eff6cc8c-37d8-483b-9c6c-6b27e9afa9bc" providerId="ADAL" clId="{BF04C754-5BF4-4E83-9615-DB14FA25AF8A}" dt="2023-10-12T11:38:20.867" v="298"/>
          <ac:spMkLst>
            <pc:docMk/>
            <pc:sldMk cId="2376958513" sldId="260"/>
            <ac:spMk id="8893" creationId="{3552E232-5EC3-914E-C500-DE1635AE0A3C}"/>
          </ac:spMkLst>
        </pc:spChg>
        <pc:spChg chg="mod">
          <ac:chgData name="White, Alex" userId="eff6cc8c-37d8-483b-9c6c-6b27e9afa9bc" providerId="ADAL" clId="{BF04C754-5BF4-4E83-9615-DB14FA25AF8A}" dt="2023-10-12T11:38:20.867" v="298"/>
          <ac:spMkLst>
            <pc:docMk/>
            <pc:sldMk cId="2376958513" sldId="260"/>
            <ac:spMk id="8894" creationId="{16AA4572-293B-9D3A-3CAC-3C76A023682B}"/>
          </ac:spMkLst>
        </pc:spChg>
        <pc:spChg chg="mod">
          <ac:chgData name="White, Alex" userId="eff6cc8c-37d8-483b-9c6c-6b27e9afa9bc" providerId="ADAL" clId="{BF04C754-5BF4-4E83-9615-DB14FA25AF8A}" dt="2023-10-12T11:38:20.867" v="298"/>
          <ac:spMkLst>
            <pc:docMk/>
            <pc:sldMk cId="2376958513" sldId="260"/>
            <ac:spMk id="8895" creationId="{13A72AB1-A761-C5F7-27A8-32362648320E}"/>
          </ac:spMkLst>
        </pc:spChg>
        <pc:spChg chg="mod">
          <ac:chgData name="White, Alex" userId="eff6cc8c-37d8-483b-9c6c-6b27e9afa9bc" providerId="ADAL" clId="{BF04C754-5BF4-4E83-9615-DB14FA25AF8A}" dt="2023-10-12T11:38:20.867" v="298"/>
          <ac:spMkLst>
            <pc:docMk/>
            <pc:sldMk cId="2376958513" sldId="260"/>
            <ac:spMk id="8896" creationId="{5B66908D-5F6D-B3B7-10DC-AD0761615CF4}"/>
          </ac:spMkLst>
        </pc:spChg>
        <pc:spChg chg="mod">
          <ac:chgData name="White, Alex" userId="eff6cc8c-37d8-483b-9c6c-6b27e9afa9bc" providerId="ADAL" clId="{BF04C754-5BF4-4E83-9615-DB14FA25AF8A}" dt="2023-10-12T11:38:20.867" v="298"/>
          <ac:spMkLst>
            <pc:docMk/>
            <pc:sldMk cId="2376958513" sldId="260"/>
            <ac:spMk id="8897" creationId="{C57BB1C8-2C40-FB4C-E29A-7BF64091D433}"/>
          </ac:spMkLst>
        </pc:spChg>
        <pc:spChg chg="mod">
          <ac:chgData name="White, Alex" userId="eff6cc8c-37d8-483b-9c6c-6b27e9afa9bc" providerId="ADAL" clId="{BF04C754-5BF4-4E83-9615-DB14FA25AF8A}" dt="2023-10-12T11:38:20.867" v="298"/>
          <ac:spMkLst>
            <pc:docMk/>
            <pc:sldMk cId="2376958513" sldId="260"/>
            <ac:spMk id="8898" creationId="{9BC9CF54-DC48-0EE9-A8DE-0480C346C555}"/>
          </ac:spMkLst>
        </pc:spChg>
        <pc:spChg chg="mod">
          <ac:chgData name="White, Alex" userId="eff6cc8c-37d8-483b-9c6c-6b27e9afa9bc" providerId="ADAL" clId="{BF04C754-5BF4-4E83-9615-DB14FA25AF8A}" dt="2023-10-12T11:38:20.867" v="298"/>
          <ac:spMkLst>
            <pc:docMk/>
            <pc:sldMk cId="2376958513" sldId="260"/>
            <ac:spMk id="8899" creationId="{990ADE55-7B57-C61F-B7EE-0D9C5800A013}"/>
          </ac:spMkLst>
        </pc:spChg>
        <pc:spChg chg="mod">
          <ac:chgData name="White, Alex" userId="eff6cc8c-37d8-483b-9c6c-6b27e9afa9bc" providerId="ADAL" clId="{BF04C754-5BF4-4E83-9615-DB14FA25AF8A}" dt="2023-10-12T11:38:20.867" v="298"/>
          <ac:spMkLst>
            <pc:docMk/>
            <pc:sldMk cId="2376958513" sldId="260"/>
            <ac:spMk id="8900" creationId="{7330E34C-A651-C1E0-0201-067710303363}"/>
          </ac:spMkLst>
        </pc:spChg>
        <pc:spChg chg="mod">
          <ac:chgData name="White, Alex" userId="eff6cc8c-37d8-483b-9c6c-6b27e9afa9bc" providerId="ADAL" clId="{BF04C754-5BF4-4E83-9615-DB14FA25AF8A}" dt="2023-10-12T11:38:20.867" v="298"/>
          <ac:spMkLst>
            <pc:docMk/>
            <pc:sldMk cId="2376958513" sldId="260"/>
            <ac:spMk id="8901" creationId="{850B2D5A-1FA7-2F7A-E637-A9D87ACB8B4E}"/>
          </ac:spMkLst>
        </pc:spChg>
        <pc:spChg chg="mod">
          <ac:chgData name="White, Alex" userId="eff6cc8c-37d8-483b-9c6c-6b27e9afa9bc" providerId="ADAL" clId="{BF04C754-5BF4-4E83-9615-DB14FA25AF8A}" dt="2023-10-12T11:38:20.867" v="298"/>
          <ac:spMkLst>
            <pc:docMk/>
            <pc:sldMk cId="2376958513" sldId="260"/>
            <ac:spMk id="8902" creationId="{8A5B1B20-A2E3-1706-72C5-C9B75B13A6CC}"/>
          </ac:spMkLst>
        </pc:spChg>
        <pc:spChg chg="mod">
          <ac:chgData name="White, Alex" userId="eff6cc8c-37d8-483b-9c6c-6b27e9afa9bc" providerId="ADAL" clId="{BF04C754-5BF4-4E83-9615-DB14FA25AF8A}" dt="2023-10-12T11:38:20.867" v="298"/>
          <ac:spMkLst>
            <pc:docMk/>
            <pc:sldMk cId="2376958513" sldId="260"/>
            <ac:spMk id="8903" creationId="{D7DB64B2-D258-C580-39AC-02EF8EAC9AFA}"/>
          </ac:spMkLst>
        </pc:spChg>
        <pc:spChg chg="mod">
          <ac:chgData name="White, Alex" userId="eff6cc8c-37d8-483b-9c6c-6b27e9afa9bc" providerId="ADAL" clId="{BF04C754-5BF4-4E83-9615-DB14FA25AF8A}" dt="2023-10-12T11:38:20.867" v="298"/>
          <ac:spMkLst>
            <pc:docMk/>
            <pc:sldMk cId="2376958513" sldId="260"/>
            <ac:spMk id="8904" creationId="{D461F1CC-8F31-6933-D680-EADEF7A1AD12}"/>
          </ac:spMkLst>
        </pc:spChg>
        <pc:spChg chg="mod">
          <ac:chgData name="White, Alex" userId="eff6cc8c-37d8-483b-9c6c-6b27e9afa9bc" providerId="ADAL" clId="{BF04C754-5BF4-4E83-9615-DB14FA25AF8A}" dt="2023-10-12T11:38:20.867" v="298"/>
          <ac:spMkLst>
            <pc:docMk/>
            <pc:sldMk cId="2376958513" sldId="260"/>
            <ac:spMk id="8905" creationId="{F8BFA026-E841-48B2-B70A-AA218DC2A943}"/>
          </ac:spMkLst>
        </pc:spChg>
        <pc:spChg chg="mod">
          <ac:chgData name="White, Alex" userId="eff6cc8c-37d8-483b-9c6c-6b27e9afa9bc" providerId="ADAL" clId="{BF04C754-5BF4-4E83-9615-DB14FA25AF8A}" dt="2023-10-12T11:38:20.867" v="298"/>
          <ac:spMkLst>
            <pc:docMk/>
            <pc:sldMk cId="2376958513" sldId="260"/>
            <ac:spMk id="8906" creationId="{B1FA1459-0BE3-18D8-7B60-BB951689D33B}"/>
          </ac:spMkLst>
        </pc:spChg>
        <pc:spChg chg="mod">
          <ac:chgData name="White, Alex" userId="eff6cc8c-37d8-483b-9c6c-6b27e9afa9bc" providerId="ADAL" clId="{BF04C754-5BF4-4E83-9615-DB14FA25AF8A}" dt="2023-10-12T11:38:20.867" v="298"/>
          <ac:spMkLst>
            <pc:docMk/>
            <pc:sldMk cId="2376958513" sldId="260"/>
            <ac:spMk id="8907" creationId="{CA695728-C916-D1A6-6766-80A3BF5E05E5}"/>
          </ac:spMkLst>
        </pc:spChg>
        <pc:spChg chg="mod">
          <ac:chgData name="White, Alex" userId="eff6cc8c-37d8-483b-9c6c-6b27e9afa9bc" providerId="ADAL" clId="{BF04C754-5BF4-4E83-9615-DB14FA25AF8A}" dt="2023-10-12T11:38:20.867" v="298"/>
          <ac:spMkLst>
            <pc:docMk/>
            <pc:sldMk cId="2376958513" sldId="260"/>
            <ac:spMk id="8908" creationId="{88032189-5E2C-857D-4C47-ACFA3FEE4694}"/>
          </ac:spMkLst>
        </pc:spChg>
        <pc:spChg chg="mod">
          <ac:chgData name="White, Alex" userId="eff6cc8c-37d8-483b-9c6c-6b27e9afa9bc" providerId="ADAL" clId="{BF04C754-5BF4-4E83-9615-DB14FA25AF8A}" dt="2023-10-12T11:38:20.867" v="298"/>
          <ac:spMkLst>
            <pc:docMk/>
            <pc:sldMk cId="2376958513" sldId="260"/>
            <ac:spMk id="8909" creationId="{BFB37667-054B-2DB2-15A4-B50A00112C70}"/>
          </ac:spMkLst>
        </pc:spChg>
        <pc:spChg chg="mod">
          <ac:chgData name="White, Alex" userId="eff6cc8c-37d8-483b-9c6c-6b27e9afa9bc" providerId="ADAL" clId="{BF04C754-5BF4-4E83-9615-DB14FA25AF8A}" dt="2023-10-12T11:38:20.867" v="298"/>
          <ac:spMkLst>
            <pc:docMk/>
            <pc:sldMk cId="2376958513" sldId="260"/>
            <ac:spMk id="8910" creationId="{D58F0AB6-3C63-9F68-9416-8A079C2559CC}"/>
          </ac:spMkLst>
        </pc:spChg>
        <pc:spChg chg="mod">
          <ac:chgData name="White, Alex" userId="eff6cc8c-37d8-483b-9c6c-6b27e9afa9bc" providerId="ADAL" clId="{BF04C754-5BF4-4E83-9615-DB14FA25AF8A}" dt="2023-10-12T11:38:20.867" v="298"/>
          <ac:spMkLst>
            <pc:docMk/>
            <pc:sldMk cId="2376958513" sldId="260"/>
            <ac:spMk id="8911" creationId="{4B5DDAB3-C7DE-8FE1-0DBD-736CD7836E11}"/>
          </ac:spMkLst>
        </pc:spChg>
        <pc:spChg chg="mod">
          <ac:chgData name="White, Alex" userId="eff6cc8c-37d8-483b-9c6c-6b27e9afa9bc" providerId="ADAL" clId="{BF04C754-5BF4-4E83-9615-DB14FA25AF8A}" dt="2023-10-12T11:38:20.867" v="298"/>
          <ac:spMkLst>
            <pc:docMk/>
            <pc:sldMk cId="2376958513" sldId="260"/>
            <ac:spMk id="8912" creationId="{534AC070-19D3-FAC0-EB18-0234B91D728B}"/>
          </ac:spMkLst>
        </pc:spChg>
        <pc:spChg chg="mod">
          <ac:chgData name="White, Alex" userId="eff6cc8c-37d8-483b-9c6c-6b27e9afa9bc" providerId="ADAL" clId="{BF04C754-5BF4-4E83-9615-DB14FA25AF8A}" dt="2023-10-12T11:38:20.867" v="298"/>
          <ac:spMkLst>
            <pc:docMk/>
            <pc:sldMk cId="2376958513" sldId="260"/>
            <ac:spMk id="8913" creationId="{8F0D7C9B-2325-BA4F-8563-DD54479024A8}"/>
          </ac:spMkLst>
        </pc:spChg>
        <pc:spChg chg="mod">
          <ac:chgData name="White, Alex" userId="eff6cc8c-37d8-483b-9c6c-6b27e9afa9bc" providerId="ADAL" clId="{BF04C754-5BF4-4E83-9615-DB14FA25AF8A}" dt="2023-10-12T11:38:20.867" v="298"/>
          <ac:spMkLst>
            <pc:docMk/>
            <pc:sldMk cId="2376958513" sldId="260"/>
            <ac:spMk id="8914" creationId="{0DB3F5B0-11A9-1604-F8AE-B112B903BF09}"/>
          </ac:spMkLst>
        </pc:spChg>
        <pc:spChg chg="mod">
          <ac:chgData name="White, Alex" userId="eff6cc8c-37d8-483b-9c6c-6b27e9afa9bc" providerId="ADAL" clId="{BF04C754-5BF4-4E83-9615-DB14FA25AF8A}" dt="2023-10-12T11:38:20.867" v="298"/>
          <ac:spMkLst>
            <pc:docMk/>
            <pc:sldMk cId="2376958513" sldId="260"/>
            <ac:spMk id="8915" creationId="{0C93CF30-60D8-CF54-E8D6-2879599409F8}"/>
          </ac:spMkLst>
        </pc:spChg>
        <pc:spChg chg="mod">
          <ac:chgData name="White, Alex" userId="eff6cc8c-37d8-483b-9c6c-6b27e9afa9bc" providerId="ADAL" clId="{BF04C754-5BF4-4E83-9615-DB14FA25AF8A}" dt="2023-10-12T11:38:20.867" v="298"/>
          <ac:spMkLst>
            <pc:docMk/>
            <pc:sldMk cId="2376958513" sldId="260"/>
            <ac:spMk id="8916" creationId="{ABC83856-A071-4EA8-05D4-AF2211519F73}"/>
          </ac:spMkLst>
        </pc:spChg>
        <pc:spChg chg="mod">
          <ac:chgData name="White, Alex" userId="eff6cc8c-37d8-483b-9c6c-6b27e9afa9bc" providerId="ADAL" clId="{BF04C754-5BF4-4E83-9615-DB14FA25AF8A}" dt="2023-10-12T11:38:20.867" v="298"/>
          <ac:spMkLst>
            <pc:docMk/>
            <pc:sldMk cId="2376958513" sldId="260"/>
            <ac:spMk id="8917" creationId="{70025429-EDD2-50C8-FB9A-D1F20B047DD7}"/>
          </ac:spMkLst>
        </pc:spChg>
        <pc:spChg chg="mod">
          <ac:chgData name="White, Alex" userId="eff6cc8c-37d8-483b-9c6c-6b27e9afa9bc" providerId="ADAL" clId="{BF04C754-5BF4-4E83-9615-DB14FA25AF8A}" dt="2023-10-12T11:38:20.867" v="298"/>
          <ac:spMkLst>
            <pc:docMk/>
            <pc:sldMk cId="2376958513" sldId="260"/>
            <ac:spMk id="8918" creationId="{905E7BA6-4A60-A11F-60FE-86B9E505C866}"/>
          </ac:spMkLst>
        </pc:spChg>
        <pc:spChg chg="mod">
          <ac:chgData name="White, Alex" userId="eff6cc8c-37d8-483b-9c6c-6b27e9afa9bc" providerId="ADAL" clId="{BF04C754-5BF4-4E83-9615-DB14FA25AF8A}" dt="2023-10-12T11:38:20.867" v="298"/>
          <ac:spMkLst>
            <pc:docMk/>
            <pc:sldMk cId="2376958513" sldId="260"/>
            <ac:spMk id="8919" creationId="{850493B5-6D53-14E9-F966-46A69C649E52}"/>
          </ac:spMkLst>
        </pc:spChg>
        <pc:spChg chg="mod">
          <ac:chgData name="White, Alex" userId="eff6cc8c-37d8-483b-9c6c-6b27e9afa9bc" providerId="ADAL" clId="{BF04C754-5BF4-4E83-9615-DB14FA25AF8A}" dt="2023-10-12T11:38:20.867" v="298"/>
          <ac:spMkLst>
            <pc:docMk/>
            <pc:sldMk cId="2376958513" sldId="260"/>
            <ac:spMk id="8920" creationId="{9B86062E-9AAA-F6AB-4BB4-B0757CB5BAAC}"/>
          </ac:spMkLst>
        </pc:spChg>
        <pc:spChg chg="mod">
          <ac:chgData name="White, Alex" userId="eff6cc8c-37d8-483b-9c6c-6b27e9afa9bc" providerId="ADAL" clId="{BF04C754-5BF4-4E83-9615-DB14FA25AF8A}" dt="2023-10-12T11:38:20.867" v="298"/>
          <ac:spMkLst>
            <pc:docMk/>
            <pc:sldMk cId="2376958513" sldId="260"/>
            <ac:spMk id="8921" creationId="{5D70D61E-47FB-6D30-3CAA-CF8BFEF43F6D}"/>
          </ac:spMkLst>
        </pc:spChg>
        <pc:spChg chg="mod">
          <ac:chgData name="White, Alex" userId="eff6cc8c-37d8-483b-9c6c-6b27e9afa9bc" providerId="ADAL" clId="{BF04C754-5BF4-4E83-9615-DB14FA25AF8A}" dt="2023-10-12T11:38:20.867" v="298"/>
          <ac:spMkLst>
            <pc:docMk/>
            <pc:sldMk cId="2376958513" sldId="260"/>
            <ac:spMk id="8922" creationId="{8EB5FCBC-99D4-498C-C3BF-9E642522D0B4}"/>
          </ac:spMkLst>
        </pc:spChg>
        <pc:spChg chg="mod">
          <ac:chgData name="White, Alex" userId="eff6cc8c-37d8-483b-9c6c-6b27e9afa9bc" providerId="ADAL" clId="{BF04C754-5BF4-4E83-9615-DB14FA25AF8A}" dt="2023-10-12T11:38:20.867" v="298"/>
          <ac:spMkLst>
            <pc:docMk/>
            <pc:sldMk cId="2376958513" sldId="260"/>
            <ac:spMk id="8923" creationId="{2E0ABA4F-FC68-83DC-E473-17B8CCB47678}"/>
          </ac:spMkLst>
        </pc:spChg>
        <pc:spChg chg="mod">
          <ac:chgData name="White, Alex" userId="eff6cc8c-37d8-483b-9c6c-6b27e9afa9bc" providerId="ADAL" clId="{BF04C754-5BF4-4E83-9615-DB14FA25AF8A}" dt="2023-10-12T11:38:20.867" v="298"/>
          <ac:spMkLst>
            <pc:docMk/>
            <pc:sldMk cId="2376958513" sldId="260"/>
            <ac:spMk id="8924" creationId="{E976B2BD-7326-ACCC-D95F-68712DECB17B}"/>
          </ac:spMkLst>
        </pc:spChg>
        <pc:spChg chg="mod">
          <ac:chgData name="White, Alex" userId="eff6cc8c-37d8-483b-9c6c-6b27e9afa9bc" providerId="ADAL" clId="{BF04C754-5BF4-4E83-9615-DB14FA25AF8A}" dt="2023-10-12T11:38:20.867" v="298"/>
          <ac:spMkLst>
            <pc:docMk/>
            <pc:sldMk cId="2376958513" sldId="260"/>
            <ac:spMk id="8925" creationId="{53AF6DA7-9759-1913-0B71-5A0D001A9B74}"/>
          </ac:spMkLst>
        </pc:spChg>
        <pc:spChg chg="mod">
          <ac:chgData name="White, Alex" userId="eff6cc8c-37d8-483b-9c6c-6b27e9afa9bc" providerId="ADAL" clId="{BF04C754-5BF4-4E83-9615-DB14FA25AF8A}" dt="2023-10-12T11:38:20.867" v="298"/>
          <ac:spMkLst>
            <pc:docMk/>
            <pc:sldMk cId="2376958513" sldId="260"/>
            <ac:spMk id="8926" creationId="{7F07E49A-1592-4E74-0C35-F7365AD9E3B8}"/>
          </ac:spMkLst>
        </pc:spChg>
        <pc:spChg chg="mod">
          <ac:chgData name="White, Alex" userId="eff6cc8c-37d8-483b-9c6c-6b27e9afa9bc" providerId="ADAL" clId="{BF04C754-5BF4-4E83-9615-DB14FA25AF8A}" dt="2023-10-12T11:38:20.867" v="298"/>
          <ac:spMkLst>
            <pc:docMk/>
            <pc:sldMk cId="2376958513" sldId="260"/>
            <ac:spMk id="8927" creationId="{247E2381-565D-1639-C198-32636A12BC7A}"/>
          </ac:spMkLst>
        </pc:spChg>
        <pc:spChg chg="mod">
          <ac:chgData name="White, Alex" userId="eff6cc8c-37d8-483b-9c6c-6b27e9afa9bc" providerId="ADAL" clId="{BF04C754-5BF4-4E83-9615-DB14FA25AF8A}" dt="2023-10-12T11:38:20.867" v="298"/>
          <ac:spMkLst>
            <pc:docMk/>
            <pc:sldMk cId="2376958513" sldId="260"/>
            <ac:spMk id="8928" creationId="{DD75E64D-E6E8-1863-C6D9-70D7B3549437}"/>
          </ac:spMkLst>
        </pc:spChg>
        <pc:spChg chg="mod">
          <ac:chgData name="White, Alex" userId="eff6cc8c-37d8-483b-9c6c-6b27e9afa9bc" providerId="ADAL" clId="{BF04C754-5BF4-4E83-9615-DB14FA25AF8A}" dt="2023-10-12T11:38:20.867" v="298"/>
          <ac:spMkLst>
            <pc:docMk/>
            <pc:sldMk cId="2376958513" sldId="260"/>
            <ac:spMk id="8929" creationId="{950B7FD4-8191-7108-6E4A-BDE1D2FBE5F8}"/>
          </ac:spMkLst>
        </pc:spChg>
        <pc:spChg chg="mod">
          <ac:chgData name="White, Alex" userId="eff6cc8c-37d8-483b-9c6c-6b27e9afa9bc" providerId="ADAL" clId="{BF04C754-5BF4-4E83-9615-DB14FA25AF8A}" dt="2023-10-12T11:38:20.867" v="298"/>
          <ac:spMkLst>
            <pc:docMk/>
            <pc:sldMk cId="2376958513" sldId="260"/>
            <ac:spMk id="8930" creationId="{693CA96C-D5AC-38C3-054F-0F946E138070}"/>
          </ac:spMkLst>
        </pc:spChg>
        <pc:spChg chg="mod">
          <ac:chgData name="White, Alex" userId="eff6cc8c-37d8-483b-9c6c-6b27e9afa9bc" providerId="ADAL" clId="{BF04C754-5BF4-4E83-9615-DB14FA25AF8A}" dt="2023-10-12T11:38:20.867" v="298"/>
          <ac:spMkLst>
            <pc:docMk/>
            <pc:sldMk cId="2376958513" sldId="260"/>
            <ac:spMk id="8931" creationId="{0CA45BF6-E5CB-449D-073A-FF848D1F763E}"/>
          </ac:spMkLst>
        </pc:spChg>
        <pc:spChg chg="mod">
          <ac:chgData name="White, Alex" userId="eff6cc8c-37d8-483b-9c6c-6b27e9afa9bc" providerId="ADAL" clId="{BF04C754-5BF4-4E83-9615-DB14FA25AF8A}" dt="2023-10-12T11:38:20.867" v="298"/>
          <ac:spMkLst>
            <pc:docMk/>
            <pc:sldMk cId="2376958513" sldId="260"/>
            <ac:spMk id="8932" creationId="{810BCBE7-05C7-82F4-7FD3-7C8E4C7F43FD}"/>
          </ac:spMkLst>
        </pc:spChg>
        <pc:spChg chg="mod">
          <ac:chgData name="White, Alex" userId="eff6cc8c-37d8-483b-9c6c-6b27e9afa9bc" providerId="ADAL" clId="{BF04C754-5BF4-4E83-9615-DB14FA25AF8A}" dt="2023-10-12T11:38:20.867" v="298"/>
          <ac:spMkLst>
            <pc:docMk/>
            <pc:sldMk cId="2376958513" sldId="260"/>
            <ac:spMk id="8933" creationId="{DABCFE18-2C9F-3A6C-E27B-DC184FA378A6}"/>
          </ac:spMkLst>
        </pc:spChg>
        <pc:spChg chg="mod">
          <ac:chgData name="White, Alex" userId="eff6cc8c-37d8-483b-9c6c-6b27e9afa9bc" providerId="ADAL" clId="{BF04C754-5BF4-4E83-9615-DB14FA25AF8A}" dt="2023-10-12T11:38:20.867" v="298"/>
          <ac:spMkLst>
            <pc:docMk/>
            <pc:sldMk cId="2376958513" sldId="260"/>
            <ac:spMk id="8934" creationId="{0AC94A58-F54D-E93A-9FB5-C5389D7C44C1}"/>
          </ac:spMkLst>
        </pc:spChg>
        <pc:spChg chg="mod">
          <ac:chgData name="White, Alex" userId="eff6cc8c-37d8-483b-9c6c-6b27e9afa9bc" providerId="ADAL" clId="{BF04C754-5BF4-4E83-9615-DB14FA25AF8A}" dt="2023-10-12T11:38:20.867" v="298"/>
          <ac:spMkLst>
            <pc:docMk/>
            <pc:sldMk cId="2376958513" sldId="260"/>
            <ac:spMk id="8935" creationId="{60058BFE-0EA3-D43E-E00A-C18920B58045}"/>
          </ac:spMkLst>
        </pc:spChg>
        <pc:spChg chg="mod">
          <ac:chgData name="White, Alex" userId="eff6cc8c-37d8-483b-9c6c-6b27e9afa9bc" providerId="ADAL" clId="{BF04C754-5BF4-4E83-9615-DB14FA25AF8A}" dt="2023-10-12T11:38:20.867" v="298"/>
          <ac:spMkLst>
            <pc:docMk/>
            <pc:sldMk cId="2376958513" sldId="260"/>
            <ac:spMk id="8936" creationId="{ECC83856-3ADF-E13A-0426-121D9C36770A}"/>
          </ac:spMkLst>
        </pc:spChg>
        <pc:spChg chg="mod">
          <ac:chgData name="White, Alex" userId="eff6cc8c-37d8-483b-9c6c-6b27e9afa9bc" providerId="ADAL" clId="{BF04C754-5BF4-4E83-9615-DB14FA25AF8A}" dt="2023-10-12T11:38:20.867" v="298"/>
          <ac:spMkLst>
            <pc:docMk/>
            <pc:sldMk cId="2376958513" sldId="260"/>
            <ac:spMk id="8937" creationId="{FAD6823B-DA07-7648-EFBB-484C2B895C4D}"/>
          </ac:spMkLst>
        </pc:spChg>
        <pc:spChg chg="mod">
          <ac:chgData name="White, Alex" userId="eff6cc8c-37d8-483b-9c6c-6b27e9afa9bc" providerId="ADAL" clId="{BF04C754-5BF4-4E83-9615-DB14FA25AF8A}" dt="2023-10-12T11:38:20.867" v="298"/>
          <ac:spMkLst>
            <pc:docMk/>
            <pc:sldMk cId="2376958513" sldId="260"/>
            <ac:spMk id="8938" creationId="{4FFC07A3-3369-8593-D8C7-D84A3729B40A}"/>
          </ac:spMkLst>
        </pc:spChg>
        <pc:spChg chg="mod">
          <ac:chgData name="White, Alex" userId="eff6cc8c-37d8-483b-9c6c-6b27e9afa9bc" providerId="ADAL" clId="{BF04C754-5BF4-4E83-9615-DB14FA25AF8A}" dt="2023-10-12T11:38:20.867" v="298"/>
          <ac:spMkLst>
            <pc:docMk/>
            <pc:sldMk cId="2376958513" sldId="260"/>
            <ac:spMk id="8939" creationId="{6BA85D2D-C829-9DB9-552A-FD68CE2FE690}"/>
          </ac:spMkLst>
        </pc:spChg>
        <pc:spChg chg="mod">
          <ac:chgData name="White, Alex" userId="eff6cc8c-37d8-483b-9c6c-6b27e9afa9bc" providerId="ADAL" clId="{BF04C754-5BF4-4E83-9615-DB14FA25AF8A}" dt="2023-10-12T11:38:20.867" v="298"/>
          <ac:spMkLst>
            <pc:docMk/>
            <pc:sldMk cId="2376958513" sldId="260"/>
            <ac:spMk id="8940" creationId="{C901F63D-D777-6E50-6020-277C278B6408}"/>
          </ac:spMkLst>
        </pc:spChg>
        <pc:spChg chg="mod">
          <ac:chgData name="White, Alex" userId="eff6cc8c-37d8-483b-9c6c-6b27e9afa9bc" providerId="ADAL" clId="{BF04C754-5BF4-4E83-9615-DB14FA25AF8A}" dt="2023-10-12T11:38:20.867" v="298"/>
          <ac:spMkLst>
            <pc:docMk/>
            <pc:sldMk cId="2376958513" sldId="260"/>
            <ac:spMk id="8941" creationId="{CD9BC754-0767-FAF9-68F0-A69FBD76022D}"/>
          </ac:spMkLst>
        </pc:spChg>
        <pc:spChg chg="mod">
          <ac:chgData name="White, Alex" userId="eff6cc8c-37d8-483b-9c6c-6b27e9afa9bc" providerId="ADAL" clId="{BF04C754-5BF4-4E83-9615-DB14FA25AF8A}" dt="2023-10-12T11:38:20.867" v="298"/>
          <ac:spMkLst>
            <pc:docMk/>
            <pc:sldMk cId="2376958513" sldId="260"/>
            <ac:spMk id="8942" creationId="{73F8491E-0765-E3B2-6FFB-3575D0A2D3E8}"/>
          </ac:spMkLst>
        </pc:spChg>
        <pc:spChg chg="mod">
          <ac:chgData name="White, Alex" userId="eff6cc8c-37d8-483b-9c6c-6b27e9afa9bc" providerId="ADAL" clId="{BF04C754-5BF4-4E83-9615-DB14FA25AF8A}" dt="2023-10-12T11:38:20.867" v="298"/>
          <ac:spMkLst>
            <pc:docMk/>
            <pc:sldMk cId="2376958513" sldId="260"/>
            <ac:spMk id="8943" creationId="{0664F6E1-442B-5D66-35C8-3211D7BBFB45}"/>
          </ac:spMkLst>
        </pc:spChg>
        <pc:spChg chg="mod">
          <ac:chgData name="White, Alex" userId="eff6cc8c-37d8-483b-9c6c-6b27e9afa9bc" providerId="ADAL" clId="{BF04C754-5BF4-4E83-9615-DB14FA25AF8A}" dt="2023-10-12T11:38:20.867" v="298"/>
          <ac:spMkLst>
            <pc:docMk/>
            <pc:sldMk cId="2376958513" sldId="260"/>
            <ac:spMk id="8944" creationId="{AFC0CD75-F231-E085-2FA4-EEAAD9CCF532}"/>
          </ac:spMkLst>
        </pc:spChg>
        <pc:spChg chg="mod">
          <ac:chgData name="White, Alex" userId="eff6cc8c-37d8-483b-9c6c-6b27e9afa9bc" providerId="ADAL" clId="{BF04C754-5BF4-4E83-9615-DB14FA25AF8A}" dt="2023-10-12T11:38:20.867" v="298"/>
          <ac:spMkLst>
            <pc:docMk/>
            <pc:sldMk cId="2376958513" sldId="260"/>
            <ac:spMk id="8945" creationId="{6C18A7C6-C1E0-1BEE-EB8F-C4A383BCDEA0}"/>
          </ac:spMkLst>
        </pc:spChg>
        <pc:spChg chg="mod">
          <ac:chgData name="White, Alex" userId="eff6cc8c-37d8-483b-9c6c-6b27e9afa9bc" providerId="ADAL" clId="{BF04C754-5BF4-4E83-9615-DB14FA25AF8A}" dt="2023-10-12T11:38:20.867" v="298"/>
          <ac:spMkLst>
            <pc:docMk/>
            <pc:sldMk cId="2376958513" sldId="260"/>
            <ac:spMk id="8946" creationId="{6C956295-5961-251F-E205-06B7A14DC3ED}"/>
          </ac:spMkLst>
        </pc:spChg>
        <pc:spChg chg="mod">
          <ac:chgData name="White, Alex" userId="eff6cc8c-37d8-483b-9c6c-6b27e9afa9bc" providerId="ADAL" clId="{BF04C754-5BF4-4E83-9615-DB14FA25AF8A}" dt="2023-10-12T11:38:20.867" v="298"/>
          <ac:spMkLst>
            <pc:docMk/>
            <pc:sldMk cId="2376958513" sldId="260"/>
            <ac:spMk id="8947" creationId="{0B3225DD-BF01-CD99-A41D-98E49ED7BC14}"/>
          </ac:spMkLst>
        </pc:spChg>
        <pc:spChg chg="mod">
          <ac:chgData name="White, Alex" userId="eff6cc8c-37d8-483b-9c6c-6b27e9afa9bc" providerId="ADAL" clId="{BF04C754-5BF4-4E83-9615-DB14FA25AF8A}" dt="2023-10-12T11:38:20.867" v="298"/>
          <ac:spMkLst>
            <pc:docMk/>
            <pc:sldMk cId="2376958513" sldId="260"/>
            <ac:spMk id="8948" creationId="{21F1F799-54D8-BE95-393C-12BEAB7FB980}"/>
          </ac:spMkLst>
        </pc:spChg>
        <pc:spChg chg="mod">
          <ac:chgData name="White, Alex" userId="eff6cc8c-37d8-483b-9c6c-6b27e9afa9bc" providerId="ADAL" clId="{BF04C754-5BF4-4E83-9615-DB14FA25AF8A}" dt="2023-10-12T11:38:20.867" v="298"/>
          <ac:spMkLst>
            <pc:docMk/>
            <pc:sldMk cId="2376958513" sldId="260"/>
            <ac:spMk id="8949" creationId="{56AA3EF8-EE01-E34D-CBEC-A0D2F85AF0E8}"/>
          </ac:spMkLst>
        </pc:spChg>
        <pc:spChg chg="mod">
          <ac:chgData name="White, Alex" userId="eff6cc8c-37d8-483b-9c6c-6b27e9afa9bc" providerId="ADAL" clId="{BF04C754-5BF4-4E83-9615-DB14FA25AF8A}" dt="2023-10-12T11:38:20.867" v="298"/>
          <ac:spMkLst>
            <pc:docMk/>
            <pc:sldMk cId="2376958513" sldId="260"/>
            <ac:spMk id="8950" creationId="{18D14F33-661C-C26B-4519-41C74B8E353B}"/>
          </ac:spMkLst>
        </pc:spChg>
        <pc:spChg chg="mod">
          <ac:chgData name="White, Alex" userId="eff6cc8c-37d8-483b-9c6c-6b27e9afa9bc" providerId="ADAL" clId="{BF04C754-5BF4-4E83-9615-DB14FA25AF8A}" dt="2023-10-12T11:38:20.867" v="298"/>
          <ac:spMkLst>
            <pc:docMk/>
            <pc:sldMk cId="2376958513" sldId="260"/>
            <ac:spMk id="8951" creationId="{BB50786B-96AD-410E-B7C8-792594293CAD}"/>
          </ac:spMkLst>
        </pc:spChg>
        <pc:spChg chg="mod">
          <ac:chgData name="White, Alex" userId="eff6cc8c-37d8-483b-9c6c-6b27e9afa9bc" providerId="ADAL" clId="{BF04C754-5BF4-4E83-9615-DB14FA25AF8A}" dt="2023-10-12T11:38:20.867" v="298"/>
          <ac:spMkLst>
            <pc:docMk/>
            <pc:sldMk cId="2376958513" sldId="260"/>
            <ac:spMk id="8952" creationId="{7B726CBE-0B64-7605-834C-9CEB0ACC8A34}"/>
          </ac:spMkLst>
        </pc:spChg>
        <pc:spChg chg="mod">
          <ac:chgData name="White, Alex" userId="eff6cc8c-37d8-483b-9c6c-6b27e9afa9bc" providerId="ADAL" clId="{BF04C754-5BF4-4E83-9615-DB14FA25AF8A}" dt="2023-10-12T11:38:20.867" v="298"/>
          <ac:spMkLst>
            <pc:docMk/>
            <pc:sldMk cId="2376958513" sldId="260"/>
            <ac:spMk id="8953" creationId="{22838FB3-BA13-4C61-3709-1D60B687EC21}"/>
          </ac:spMkLst>
        </pc:spChg>
        <pc:spChg chg="mod">
          <ac:chgData name="White, Alex" userId="eff6cc8c-37d8-483b-9c6c-6b27e9afa9bc" providerId="ADAL" clId="{BF04C754-5BF4-4E83-9615-DB14FA25AF8A}" dt="2023-10-12T11:38:20.867" v="298"/>
          <ac:spMkLst>
            <pc:docMk/>
            <pc:sldMk cId="2376958513" sldId="260"/>
            <ac:spMk id="8954" creationId="{58661850-9E4C-6E6A-4010-149813501550}"/>
          </ac:spMkLst>
        </pc:spChg>
        <pc:spChg chg="mod">
          <ac:chgData name="White, Alex" userId="eff6cc8c-37d8-483b-9c6c-6b27e9afa9bc" providerId="ADAL" clId="{BF04C754-5BF4-4E83-9615-DB14FA25AF8A}" dt="2023-10-12T11:38:20.867" v="298"/>
          <ac:spMkLst>
            <pc:docMk/>
            <pc:sldMk cId="2376958513" sldId="260"/>
            <ac:spMk id="8955" creationId="{3B2C36B9-13F6-0228-ECE5-69336C3572C5}"/>
          </ac:spMkLst>
        </pc:spChg>
        <pc:spChg chg="mod">
          <ac:chgData name="White, Alex" userId="eff6cc8c-37d8-483b-9c6c-6b27e9afa9bc" providerId="ADAL" clId="{BF04C754-5BF4-4E83-9615-DB14FA25AF8A}" dt="2023-10-12T11:38:20.867" v="298"/>
          <ac:spMkLst>
            <pc:docMk/>
            <pc:sldMk cId="2376958513" sldId="260"/>
            <ac:spMk id="8956" creationId="{78BA2DC3-3D32-33CB-B99C-293521B043A8}"/>
          </ac:spMkLst>
        </pc:spChg>
        <pc:spChg chg="mod">
          <ac:chgData name="White, Alex" userId="eff6cc8c-37d8-483b-9c6c-6b27e9afa9bc" providerId="ADAL" clId="{BF04C754-5BF4-4E83-9615-DB14FA25AF8A}" dt="2023-10-12T11:38:20.867" v="298"/>
          <ac:spMkLst>
            <pc:docMk/>
            <pc:sldMk cId="2376958513" sldId="260"/>
            <ac:spMk id="8957" creationId="{CFAF8B88-D9CA-4E48-D547-9DDB944EF489}"/>
          </ac:spMkLst>
        </pc:spChg>
        <pc:spChg chg="mod">
          <ac:chgData name="White, Alex" userId="eff6cc8c-37d8-483b-9c6c-6b27e9afa9bc" providerId="ADAL" clId="{BF04C754-5BF4-4E83-9615-DB14FA25AF8A}" dt="2023-10-12T11:38:20.867" v="298"/>
          <ac:spMkLst>
            <pc:docMk/>
            <pc:sldMk cId="2376958513" sldId="260"/>
            <ac:spMk id="8958" creationId="{FF8776C0-F4C2-E3E1-27F1-2E893702CC51}"/>
          </ac:spMkLst>
        </pc:spChg>
        <pc:spChg chg="mod">
          <ac:chgData name="White, Alex" userId="eff6cc8c-37d8-483b-9c6c-6b27e9afa9bc" providerId="ADAL" clId="{BF04C754-5BF4-4E83-9615-DB14FA25AF8A}" dt="2023-10-12T11:38:20.867" v="298"/>
          <ac:spMkLst>
            <pc:docMk/>
            <pc:sldMk cId="2376958513" sldId="260"/>
            <ac:spMk id="8959" creationId="{A6C00EEE-1CD6-133E-8B24-D90E5B647CA8}"/>
          </ac:spMkLst>
        </pc:spChg>
        <pc:spChg chg="mod">
          <ac:chgData name="White, Alex" userId="eff6cc8c-37d8-483b-9c6c-6b27e9afa9bc" providerId="ADAL" clId="{BF04C754-5BF4-4E83-9615-DB14FA25AF8A}" dt="2023-10-12T11:38:20.867" v="298"/>
          <ac:spMkLst>
            <pc:docMk/>
            <pc:sldMk cId="2376958513" sldId="260"/>
            <ac:spMk id="8960" creationId="{ECF52EF4-3648-7E8A-993D-040009E2E26B}"/>
          </ac:spMkLst>
        </pc:spChg>
        <pc:spChg chg="mod">
          <ac:chgData name="White, Alex" userId="eff6cc8c-37d8-483b-9c6c-6b27e9afa9bc" providerId="ADAL" clId="{BF04C754-5BF4-4E83-9615-DB14FA25AF8A}" dt="2023-10-12T11:38:20.867" v="298"/>
          <ac:spMkLst>
            <pc:docMk/>
            <pc:sldMk cId="2376958513" sldId="260"/>
            <ac:spMk id="8961" creationId="{117D1AE3-E7A9-4D2C-5B2F-54D46241AC51}"/>
          </ac:spMkLst>
        </pc:spChg>
        <pc:spChg chg="mod">
          <ac:chgData name="White, Alex" userId="eff6cc8c-37d8-483b-9c6c-6b27e9afa9bc" providerId="ADAL" clId="{BF04C754-5BF4-4E83-9615-DB14FA25AF8A}" dt="2023-10-12T11:38:20.867" v="298"/>
          <ac:spMkLst>
            <pc:docMk/>
            <pc:sldMk cId="2376958513" sldId="260"/>
            <ac:spMk id="8962" creationId="{A549DEF2-F05F-42F9-5CE2-7551A91C33DC}"/>
          </ac:spMkLst>
        </pc:spChg>
        <pc:spChg chg="mod">
          <ac:chgData name="White, Alex" userId="eff6cc8c-37d8-483b-9c6c-6b27e9afa9bc" providerId="ADAL" clId="{BF04C754-5BF4-4E83-9615-DB14FA25AF8A}" dt="2023-10-12T11:38:20.867" v="298"/>
          <ac:spMkLst>
            <pc:docMk/>
            <pc:sldMk cId="2376958513" sldId="260"/>
            <ac:spMk id="8963" creationId="{442501AF-18C9-2975-C6E9-5AAB6084A14C}"/>
          </ac:spMkLst>
        </pc:spChg>
        <pc:spChg chg="mod">
          <ac:chgData name="White, Alex" userId="eff6cc8c-37d8-483b-9c6c-6b27e9afa9bc" providerId="ADAL" clId="{BF04C754-5BF4-4E83-9615-DB14FA25AF8A}" dt="2023-10-12T11:38:20.867" v="298"/>
          <ac:spMkLst>
            <pc:docMk/>
            <pc:sldMk cId="2376958513" sldId="260"/>
            <ac:spMk id="8964" creationId="{EB1D13F7-A43F-9C07-B1A6-018B2FBA83F9}"/>
          </ac:spMkLst>
        </pc:spChg>
        <pc:spChg chg="mod">
          <ac:chgData name="White, Alex" userId="eff6cc8c-37d8-483b-9c6c-6b27e9afa9bc" providerId="ADAL" clId="{BF04C754-5BF4-4E83-9615-DB14FA25AF8A}" dt="2023-10-12T11:38:20.867" v="298"/>
          <ac:spMkLst>
            <pc:docMk/>
            <pc:sldMk cId="2376958513" sldId="260"/>
            <ac:spMk id="8965" creationId="{7AD27E2D-CB43-859B-7A3E-63917AB447D1}"/>
          </ac:spMkLst>
        </pc:spChg>
        <pc:spChg chg="mod">
          <ac:chgData name="White, Alex" userId="eff6cc8c-37d8-483b-9c6c-6b27e9afa9bc" providerId="ADAL" clId="{BF04C754-5BF4-4E83-9615-DB14FA25AF8A}" dt="2023-10-12T11:38:20.867" v="298"/>
          <ac:spMkLst>
            <pc:docMk/>
            <pc:sldMk cId="2376958513" sldId="260"/>
            <ac:spMk id="8966" creationId="{9AF5C984-2DB0-95B9-10C1-6DBCF4501D99}"/>
          </ac:spMkLst>
        </pc:spChg>
        <pc:spChg chg="mod">
          <ac:chgData name="White, Alex" userId="eff6cc8c-37d8-483b-9c6c-6b27e9afa9bc" providerId="ADAL" clId="{BF04C754-5BF4-4E83-9615-DB14FA25AF8A}" dt="2023-10-12T11:38:20.867" v="298"/>
          <ac:spMkLst>
            <pc:docMk/>
            <pc:sldMk cId="2376958513" sldId="260"/>
            <ac:spMk id="8967" creationId="{B7AC39BC-059D-EB1E-0767-95502A680D7A}"/>
          </ac:spMkLst>
        </pc:spChg>
        <pc:spChg chg="mod">
          <ac:chgData name="White, Alex" userId="eff6cc8c-37d8-483b-9c6c-6b27e9afa9bc" providerId="ADAL" clId="{BF04C754-5BF4-4E83-9615-DB14FA25AF8A}" dt="2023-10-12T11:38:20.867" v="298"/>
          <ac:spMkLst>
            <pc:docMk/>
            <pc:sldMk cId="2376958513" sldId="260"/>
            <ac:spMk id="8968" creationId="{4357447A-C82E-7987-6C9E-463051F76D1E}"/>
          </ac:spMkLst>
        </pc:spChg>
        <pc:spChg chg="mod">
          <ac:chgData name="White, Alex" userId="eff6cc8c-37d8-483b-9c6c-6b27e9afa9bc" providerId="ADAL" clId="{BF04C754-5BF4-4E83-9615-DB14FA25AF8A}" dt="2023-10-12T11:38:20.867" v="298"/>
          <ac:spMkLst>
            <pc:docMk/>
            <pc:sldMk cId="2376958513" sldId="260"/>
            <ac:spMk id="8969" creationId="{4E8813C1-FA93-617F-4B60-11F046D0D977}"/>
          </ac:spMkLst>
        </pc:spChg>
        <pc:spChg chg="mod">
          <ac:chgData name="White, Alex" userId="eff6cc8c-37d8-483b-9c6c-6b27e9afa9bc" providerId="ADAL" clId="{BF04C754-5BF4-4E83-9615-DB14FA25AF8A}" dt="2023-10-12T11:38:20.867" v="298"/>
          <ac:spMkLst>
            <pc:docMk/>
            <pc:sldMk cId="2376958513" sldId="260"/>
            <ac:spMk id="8970" creationId="{0914E00C-D693-17C1-CDC8-5F00F776245D}"/>
          </ac:spMkLst>
        </pc:spChg>
        <pc:spChg chg="mod">
          <ac:chgData name="White, Alex" userId="eff6cc8c-37d8-483b-9c6c-6b27e9afa9bc" providerId="ADAL" clId="{BF04C754-5BF4-4E83-9615-DB14FA25AF8A}" dt="2023-10-12T11:38:20.867" v="298"/>
          <ac:spMkLst>
            <pc:docMk/>
            <pc:sldMk cId="2376958513" sldId="260"/>
            <ac:spMk id="8971" creationId="{23E643F9-3F16-D9AB-EC5F-579DEA8FCF0A}"/>
          </ac:spMkLst>
        </pc:spChg>
        <pc:spChg chg="mod">
          <ac:chgData name="White, Alex" userId="eff6cc8c-37d8-483b-9c6c-6b27e9afa9bc" providerId="ADAL" clId="{BF04C754-5BF4-4E83-9615-DB14FA25AF8A}" dt="2023-10-12T11:38:20.867" v="298"/>
          <ac:spMkLst>
            <pc:docMk/>
            <pc:sldMk cId="2376958513" sldId="260"/>
            <ac:spMk id="8972" creationId="{63077052-15DD-2744-D491-B7825C5B7D62}"/>
          </ac:spMkLst>
        </pc:spChg>
        <pc:spChg chg="mod">
          <ac:chgData name="White, Alex" userId="eff6cc8c-37d8-483b-9c6c-6b27e9afa9bc" providerId="ADAL" clId="{BF04C754-5BF4-4E83-9615-DB14FA25AF8A}" dt="2023-10-12T11:38:20.867" v="298"/>
          <ac:spMkLst>
            <pc:docMk/>
            <pc:sldMk cId="2376958513" sldId="260"/>
            <ac:spMk id="8973" creationId="{F910D309-7D0E-52FA-148D-97D1E865F353}"/>
          </ac:spMkLst>
        </pc:spChg>
        <pc:spChg chg="mod">
          <ac:chgData name="White, Alex" userId="eff6cc8c-37d8-483b-9c6c-6b27e9afa9bc" providerId="ADAL" clId="{BF04C754-5BF4-4E83-9615-DB14FA25AF8A}" dt="2023-10-12T11:38:20.867" v="298"/>
          <ac:spMkLst>
            <pc:docMk/>
            <pc:sldMk cId="2376958513" sldId="260"/>
            <ac:spMk id="8974" creationId="{516359EB-C840-E84A-BA08-8C422E6A76A5}"/>
          </ac:spMkLst>
        </pc:spChg>
        <pc:spChg chg="mod">
          <ac:chgData name="White, Alex" userId="eff6cc8c-37d8-483b-9c6c-6b27e9afa9bc" providerId="ADAL" clId="{BF04C754-5BF4-4E83-9615-DB14FA25AF8A}" dt="2023-10-12T11:38:20.867" v="298"/>
          <ac:spMkLst>
            <pc:docMk/>
            <pc:sldMk cId="2376958513" sldId="260"/>
            <ac:spMk id="8975" creationId="{FADDFDE5-BEDE-6AD9-07C8-A1169B5D2009}"/>
          </ac:spMkLst>
        </pc:spChg>
        <pc:spChg chg="mod">
          <ac:chgData name="White, Alex" userId="eff6cc8c-37d8-483b-9c6c-6b27e9afa9bc" providerId="ADAL" clId="{BF04C754-5BF4-4E83-9615-DB14FA25AF8A}" dt="2023-10-12T11:38:20.867" v="298"/>
          <ac:spMkLst>
            <pc:docMk/>
            <pc:sldMk cId="2376958513" sldId="260"/>
            <ac:spMk id="8976" creationId="{535A4445-25FF-7477-80D0-EB4A5AB3C765}"/>
          </ac:spMkLst>
        </pc:spChg>
        <pc:spChg chg="mod">
          <ac:chgData name="White, Alex" userId="eff6cc8c-37d8-483b-9c6c-6b27e9afa9bc" providerId="ADAL" clId="{BF04C754-5BF4-4E83-9615-DB14FA25AF8A}" dt="2023-10-12T11:38:20.867" v="298"/>
          <ac:spMkLst>
            <pc:docMk/>
            <pc:sldMk cId="2376958513" sldId="260"/>
            <ac:spMk id="8977" creationId="{EFB9772A-7FCD-26FD-232C-E4430A3DF153}"/>
          </ac:spMkLst>
        </pc:spChg>
        <pc:spChg chg="mod">
          <ac:chgData name="White, Alex" userId="eff6cc8c-37d8-483b-9c6c-6b27e9afa9bc" providerId="ADAL" clId="{BF04C754-5BF4-4E83-9615-DB14FA25AF8A}" dt="2023-10-12T11:38:20.867" v="298"/>
          <ac:spMkLst>
            <pc:docMk/>
            <pc:sldMk cId="2376958513" sldId="260"/>
            <ac:spMk id="8978" creationId="{444E4A5B-82F3-9685-6833-C005244F15C1}"/>
          </ac:spMkLst>
        </pc:spChg>
        <pc:spChg chg="mod">
          <ac:chgData name="White, Alex" userId="eff6cc8c-37d8-483b-9c6c-6b27e9afa9bc" providerId="ADAL" clId="{BF04C754-5BF4-4E83-9615-DB14FA25AF8A}" dt="2023-10-12T11:38:20.867" v="298"/>
          <ac:spMkLst>
            <pc:docMk/>
            <pc:sldMk cId="2376958513" sldId="260"/>
            <ac:spMk id="8979" creationId="{C1D7F001-44C3-B768-A3EB-863514CD4451}"/>
          </ac:spMkLst>
        </pc:spChg>
        <pc:spChg chg="mod">
          <ac:chgData name="White, Alex" userId="eff6cc8c-37d8-483b-9c6c-6b27e9afa9bc" providerId="ADAL" clId="{BF04C754-5BF4-4E83-9615-DB14FA25AF8A}" dt="2023-10-12T11:38:20.867" v="298"/>
          <ac:spMkLst>
            <pc:docMk/>
            <pc:sldMk cId="2376958513" sldId="260"/>
            <ac:spMk id="8980" creationId="{0E496349-716B-7A85-A307-4F83B12C7F72}"/>
          </ac:spMkLst>
        </pc:spChg>
        <pc:spChg chg="mod">
          <ac:chgData name="White, Alex" userId="eff6cc8c-37d8-483b-9c6c-6b27e9afa9bc" providerId="ADAL" clId="{BF04C754-5BF4-4E83-9615-DB14FA25AF8A}" dt="2023-10-12T11:38:20.867" v="298"/>
          <ac:spMkLst>
            <pc:docMk/>
            <pc:sldMk cId="2376958513" sldId="260"/>
            <ac:spMk id="8981" creationId="{C6200B6F-F4B2-663F-2317-E51C386B6410}"/>
          </ac:spMkLst>
        </pc:spChg>
        <pc:spChg chg="mod">
          <ac:chgData name="White, Alex" userId="eff6cc8c-37d8-483b-9c6c-6b27e9afa9bc" providerId="ADAL" clId="{BF04C754-5BF4-4E83-9615-DB14FA25AF8A}" dt="2023-10-12T11:38:20.867" v="298"/>
          <ac:spMkLst>
            <pc:docMk/>
            <pc:sldMk cId="2376958513" sldId="260"/>
            <ac:spMk id="8982" creationId="{E667E991-3282-1B63-5A0F-60A359FEED9A}"/>
          </ac:spMkLst>
        </pc:spChg>
        <pc:spChg chg="mod">
          <ac:chgData name="White, Alex" userId="eff6cc8c-37d8-483b-9c6c-6b27e9afa9bc" providerId="ADAL" clId="{BF04C754-5BF4-4E83-9615-DB14FA25AF8A}" dt="2023-10-12T11:38:20.867" v="298"/>
          <ac:spMkLst>
            <pc:docMk/>
            <pc:sldMk cId="2376958513" sldId="260"/>
            <ac:spMk id="8983" creationId="{F892DF5D-B46F-C296-114B-BBB24154E6F0}"/>
          </ac:spMkLst>
        </pc:spChg>
        <pc:spChg chg="mod">
          <ac:chgData name="White, Alex" userId="eff6cc8c-37d8-483b-9c6c-6b27e9afa9bc" providerId="ADAL" clId="{BF04C754-5BF4-4E83-9615-DB14FA25AF8A}" dt="2023-10-12T11:38:20.867" v="298"/>
          <ac:spMkLst>
            <pc:docMk/>
            <pc:sldMk cId="2376958513" sldId="260"/>
            <ac:spMk id="8984" creationId="{43543E39-9D35-B409-FC57-622BBA629B4A}"/>
          </ac:spMkLst>
        </pc:spChg>
        <pc:spChg chg="mod">
          <ac:chgData name="White, Alex" userId="eff6cc8c-37d8-483b-9c6c-6b27e9afa9bc" providerId="ADAL" clId="{BF04C754-5BF4-4E83-9615-DB14FA25AF8A}" dt="2023-10-12T11:38:20.867" v="298"/>
          <ac:spMkLst>
            <pc:docMk/>
            <pc:sldMk cId="2376958513" sldId="260"/>
            <ac:spMk id="8985" creationId="{74713F4A-280F-041C-EE08-09D2EAA744E2}"/>
          </ac:spMkLst>
        </pc:spChg>
        <pc:spChg chg="mod">
          <ac:chgData name="White, Alex" userId="eff6cc8c-37d8-483b-9c6c-6b27e9afa9bc" providerId="ADAL" clId="{BF04C754-5BF4-4E83-9615-DB14FA25AF8A}" dt="2023-10-12T11:38:20.867" v="298"/>
          <ac:spMkLst>
            <pc:docMk/>
            <pc:sldMk cId="2376958513" sldId="260"/>
            <ac:spMk id="8986" creationId="{9D25D527-D1C8-C3E4-C7B2-7977635F8AF2}"/>
          </ac:spMkLst>
        </pc:spChg>
        <pc:spChg chg="mod">
          <ac:chgData name="White, Alex" userId="eff6cc8c-37d8-483b-9c6c-6b27e9afa9bc" providerId="ADAL" clId="{BF04C754-5BF4-4E83-9615-DB14FA25AF8A}" dt="2023-10-12T11:38:20.867" v="298"/>
          <ac:spMkLst>
            <pc:docMk/>
            <pc:sldMk cId="2376958513" sldId="260"/>
            <ac:spMk id="8987" creationId="{F1777874-3695-C2E3-A446-EB0A6598FC04}"/>
          </ac:spMkLst>
        </pc:spChg>
        <pc:spChg chg="mod">
          <ac:chgData name="White, Alex" userId="eff6cc8c-37d8-483b-9c6c-6b27e9afa9bc" providerId="ADAL" clId="{BF04C754-5BF4-4E83-9615-DB14FA25AF8A}" dt="2023-10-12T11:38:20.867" v="298"/>
          <ac:spMkLst>
            <pc:docMk/>
            <pc:sldMk cId="2376958513" sldId="260"/>
            <ac:spMk id="8988" creationId="{0373F642-BE46-F86B-662B-F779BF72772B}"/>
          </ac:spMkLst>
        </pc:spChg>
        <pc:spChg chg="mod">
          <ac:chgData name="White, Alex" userId="eff6cc8c-37d8-483b-9c6c-6b27e9afa9bc" providerId="ADAL" clId="{BF04C754-5BF4-4E83-9615-DB14FA25AF8A}" dt="2023-10-12T11:38:20.867" v="298"/>
          <ac:spMkLst>
            <pc:docMk/>
            <pc:sldMk cId="2376958513" sldId="260"/>
            <ac:spMk id="8989" creationId="{85A0040A-AC4C-3824-0485-93E7CC723DF4}"/>
          </ac:spMkLst>
        </pc:spChg>
        <pc:spChg chg="mod">
          <ac:chgData name="White, Alex" userId="eff6cc8c-37d8-483b-9c6c-6b27e9afa9bc" providerId="ADAL" clId="{BF04C754-5BF4-4E83-9615-DB14FA25AF8A}" dt="2023-10-12T11:38:20.867" v="298"/>
          <ac:spMkLst>
            <pc:docMk/>
            <pc:sldMk cId="2376958513" sldId="260"/>
            <ac:spMk id="8990" creationId="{718C83F2-B3BC-638B-7443-0A14E958368E}"/>
          </ac:spMkLst>
        </pc:spChg>
        <pc:spChg chg="mod">
          <ac:chgData name="White, Alex" userId="eff6cc8c-37d8-483b-9c6c-6b27e9afa9bc" providerId="ADAL" clId="{BF04C754-5BF4-4E83-9615-DB14FA25AF8A}" dt="2023-10-12T11:38:20.867" v="298"/>
          <ac:spMkLst>
            <pc:docMk/>
            <pc:sldMk cId="2376958513" sldId="260"/>
            <ac:spMk id="8991" creationId="{B6617B80-09B8-1A41-6F87-C65B31C9AC00}"/>
          </ac:spMkLst>
        </pc:spChg>
        <pc:spChg chg="mod">
          <ac:chgData name="White, Alex" userId="eff6cc8c-37d8-483b-9c6c-6b27e9afa9bc" providerId="ADAL" clId="{BF04C754-5BF4-4E83-9615-DB14FA25AF8A}" dt="2023-10-12T11:38:20.867" v="298"/>
          <ac:spMkLst>
            <pc:docMk/>
            <pc:sldMk cId="2376958513" sldId="260"/>
            <ac:spMk id="8992" creationId="{A6134242-3285-0FA0-15CE-61A4615AA784}"/>
          </ac:spMkLst>
        </pc:spChg>
        <pc:spChg chg="mod">
          <ac:chgData name="White, Alex" userId="eff6cc8c-37d8-483b-9c6c-6b27e9afa9bc" providerId="ADAL" clId="{BF04C754-5BF4-4E83-9615-DB14FA25AF8A}" dt="2023-10-12T11:38:20.867" v="298"/>
          <ac:spMkLst>
            <pc:docMk/>
            <pc:sldMk cId="2376958513" sldId="260"/>
            <ac:spMk id="8993" creationId="{0B7244F9-D5FA-F869-C043-ABBD6D9AF217}"/>
          </ac:spMkLst>
        </pc:spChg>
        <pc:spChg chg="mod">
          <ac:chgData name="White, Alex" userId="eff6cc8c-37d8-483b-9c6c-6b27e9afa9bc" providerId="ADAL" clId="{BF04C754-5BF4-4E83-9615-DB14FA25AF8A}" dt="2023-10-12T11:38:20.867" v="298"/>
          <ac:spMkLst>
            <pc:docMk/>
            <pc:sldMk cId="2376958513" sldId="260"/>
            <ac:spMk id="8994" creationId="{3C38D15E-9A1E-C59B-6AEF-F4949E5FE65B}"/>
          </ac:spMkLst>
        </pc:spChg>
        <pc:spChg chg="mod">
          <ac:chgData name="White, Alex" userId="eff6cc8c-37d8-483b-9c6c-6b27e9afa9bc" providerId="ADAL" clId="{BF04C754-5BF4-4E83-9615-DB14FA25AF8A}" dt="2023-10-12T11:38:20.867" v="298"/>
          <ac:spMkLst>
            <pc:docMk/>
            <pc:sldMk cId="2376958513" sldId="260"/>
            <ac:spMk id="8995" creationId="{C40C8F19-D2A8-6592-E472-7927FA234F72}"/>
          </ac:spMkLst>
        </pc:spChg>
        <pc:spChg chg="mod">
          <ac:chgData name="White, Alex" userId="eff6cc8c-37d8-483b-9c6c-6b27e9afa9bc" providerId="ADAL" clId="{BF04C754-5BF4-4E83-9615-DB14FA25AF8A}" dt="2023-10-12T11:38:20.867" v="298"/>
          <ac:spMkLst>
            <pc:docMk/>
            <pc:sldMk cId="2376958513" sldId="260"/>
            <ac:spMk id="8996" creationId="{329037BB-4B4C-C9B3-CA38-AF295CE564D6}"/>
          </ac:spMkLst>
        </pc:spChg>
        <pc:spChg chg="mod">
          <ac:chgData name="White, Alex" userId="eff6cc8c-37d8-483b-9c6c-6b27e9afa9bc" providerId="ADAL" clId="{BF04C754-5BF4-4E83-9615-DB14FA25AF8A}" dt="2023-10-12T11:38:20.867" v="298"/>
          <ac:spMkLst>
            <pc:docMk/>
            <pc:sldMk cId="2376958513" sldId="260"/>
            <ac:spMk id="8997" creationId="{57129CE8-50B7-0394-B2E9-395F18926644}"/>
          </ac:spMkLst>
        </pc:spChg>
        <pc:spChg chg="mod">
          <ac:chgData name="White, Alex" userId="eff6cc8c-37d8-483b-9c6c-6b27e9afa9bc" providerId="ADAL" clId="{BF04C754-5BF4-4E83-9615-DB14FA25AF8A}" dt="2023-10-12T11:38:20.867" v="298"/>
          <ac:spMkLst>
            <pc:docMk/>
            <pc:sldMk cId="2376958513" sldId="260"/>
            <ac:spMk id="8998" creationId="{9145E106-AB35-5971-6132-69F94F1C3A17}"/>
          </ac:spMkLst>
        </pc:spChg>
        <pc:spChg chg="mod">
          <ac:chgData name="White, Alex" userId="eff6cc8c-37d8-483b-9c6c-6b27e9afa9bc" providerId="ADAL" clId="{BF04C754-5BF4-4E83-9615-DB14FA25AF8A}" dt="2023-10-12T11:38:20.867" v="298"/>
          <ac:spMkLst>
            <pc:docMk/>
            <pc:sldMk cId="2376958513" sldId="260"/>
            <ac:spMk id="8999" creationId="{BB54DEDA-6200-ECCA-D7A8-BC4A6CA04EF1}"/>
          </ac:spMkLst>
        </pc:spChg>
        <pc:spChg chg="mod">
          <ac:chgData name="White, Alex" userId="eff6cc8c-37d8-483b-9c6c-6b27e9afa9bc" providerId="ADAL" clId="{BF04C754-5BF4-4E83-9615-DB14FA25AF8A}" dt="2023-10-12T11:38:20.867" v="298"/>
          <ac:spMkLst>
            <pc:docMk/>
            <pc:sldMk cId="2376958513" sldId="260"/>
            <ac:spMk id="9000" creationId="{9DED23EA-8C21-C6D5-4817-FAAF5EFACD60}"/>
          </ac:spMkLst>
        </pc:spChg>
        <pc:spChg chg="mod">
          <ac:chgData name="White, Alex" userId="eff6cc8c-37d8-483b-9c6c-6b27e9afa9bc" providerId="ADAL" clId="{BF04C754-5BF4-4E83-9615-DB14FA25AF8A}" dt="2023-10-12T11:38:20.867" v="298"/>
          <ac:spMkLst>
            <pc:docMk/>
            <pc:sldMk cId="2376958513" sldId="260"/>
            <ac:spMk id="9001" creationId="{0D5E26AA-CCA8-AED3-B591-1341DA90362E}"/>
          </ac:spMkLst>
        </pc:spChg>
        <pc:spChg chg="mod">
          <ac:chgData name="White, Alex" userId="eff6cc8c-37d8-483b-9c6c-6b27e9afa9bc" providerId="ADAL" clId="{BF04C754-5BF4-4E83-9615-DB14FA25AF8A}" dt="2023-10-12T11:38:20.867" v="298"/>
          <ac:spMkLst>
            <pc:docMk/>
            <pc:sldMk cId="2376958513" sldId="260"/>
            <ac:spMk id="9002" creationId="{258B27CF-7B10-34FB-28AF-8A84AAA04553}"/>
          </ac:spMkLst>
        </pc:spChg>
        <pc:spChg chg="mod">
          <ac:chgData name="White, Alex" userId="eff6cc8c-37d8-483b-9c6c-6b27e9afa9bc" providerId="ADAL" clId="{BF04C754-5BF4-4E83-9615-DB14FA25AF8A}" dt="2023-10-12T11:38:20.867" v="298"/>
          <ac:spMkLst>
            <pc:docMk/>
            <pc:sldMk cId="2376958513" sldId="260"/>
            <ac:spMk id="9003" creationId="{17D9B27A-2502-D4F5-E35C-1EE48B740BB3}"/>
          </ac:spMkLst>
        </pc:spChg>
        <pc:spChg chg="mod">
          <ac:chgData name="White, Alex" userId="eff6cc8c-37d8-483b-9c6c-6b27e9afa9bc" providerId="ADAL" clId="{BF04C754-5BF4-4E83-9615-DB14FA25AF8A}" dt="2023-10-12T11:38:20.867" v="298"/>
          <ac:spMkLst>
            <pc:docMk/>
            <pc:sldMk cId="2376958513" sldId="260"/>
            <ac:spMk id="9004" creationId="{20085181-787C-3837-3E5D-D12BC9E06824}"/>
          </ac:spMkLst>
        </pc:spChg>
        <pc:spChg chg="mod">
          <ac:chgData name="White, Alex" userId="eff6cc8c-37d8-483b-9c6c-6b27e9afa9bc" providerId="ADAL" clId="{BF04C754-5BF4-4E83-9615-DB14FA25AF8A}" dt="2023-10-12T11:38:20.867" v="298"/>
          <ac:spMkLst>
            <pc:docMk/>
            <pc:sldMk cId="2376958513" sldId="260"/>
            <ac:spMk id="9005" creationId="{A99A1A2A-38D5-6704-C65A-1A67EE596137}"/>
          </ac:spMkLst>
        </pc:spChg>
        <pc:spChg chg="mod">
          <ac:chgData name="White, Alex" userId="eff6cc8c-37d8-483b-9c6c-6b27e9afa9bc" providerId="ADAL" clId="{BF04C754-5BF4-4E83-9615-DB14FA25AF8A}" dt="2023-10-12T11:38:20.867" v="298"/>
          <ac:spMkLst>
            <pc:docMk/>
            <pc:sldMk cId="2376958513" sldId="260"/>
            <ac:spMk id="9006" creationId="{A65DEF61-A906-0802-44CE-BE80504FFA02}"/>
          </ac:spMkLst>
        </pc:spChg>
        <pc:spChg chg="mod">
          <ac:chgData name="White, Alex" userId="eff6cc8c-37d8-483b-9c6c-6b27e9afa9bc" providerId="ADAL" clId="{BF04C754-5BF4-4E83-9615-DB14FA25AF8A}" dt="2023-10-12T11:38:20.867" v="298"/>
          <ac:spMkLst>
            <pc:docMk/>
            <pc:sldMk cId="2376958513" sldId="260"/>
            <ac:spMk id="9007" creationId="{6F0871A2-9775-21CD-722C-3C6DE879FB5B}"/>
          </ac:spMkLst>
        </pc:spChg>
        <pc:spChg chg="mod">
          <ac:chgData name="White, Alex" userId="eff6cc8c-37d8-483b-9c6c-6b27e9afa9bc" providerId="ADAL" clId="{BF04C754-5BF4-4E83-9615-DB14FA25AF8A}" dt="2023-10-12T11:38:20.867" v="298"/>
          <ac:spMkLst>
            <pc:docMk/>
            <pc:sldMk cId="2376958513" sldId="260"/>
            <ac:spMk id="9008" creationId="{96AF03E0-2FE4-53A5-347B-FE25680FC3F3}"/>
          </ac:spMkLst>
        </pc:spChg>
        <pc:spChg chg="mod">
          <ac:chgData name="White, Alex" userId="eff6cc8c-37d8-483b-9c6c-6b27e9afa9bc" providerId="ADAL" clId="{BF04C754-5BF4-4E83-9615-DB14FA25AF8A}" dt="2023-10-12T11:38:20.867" v="298"/>
          <ac:spMkLst>
            <pc:docMk/>
            <pc:sldMk cId="2376958513" sldId="260"/>
            <ac:spMk id="9009" creationId="{5D32888B-3E7C-7B2F-C833-87454098AFF1}"/>
          </ac:spMkLst>
        </pc:spChg>
        <pc:spChg chg="mod">
          <ac:chgData name="White, Alex" userId="eff6cc8c-37d8-483b-9c6c-6b27e9afa9bc" providerId="ADAL" clId="{BF04C754-5BF4-4E83-9615-DB14FA25AF8A}" dt="2023-10-12T11:38:20.867" v="298"/>
          <ac:spMkLst>
            <pc:docMk/>
            <pc:sldMk cId="2376958513" sldId="260"/>
            <ac:spMk id="9010" creationId="{6E3FBF84-61A7-56A7-5937-821DC8F428B8}"/>
          </ac:spMkLst>
        </pc:spChg>
        <pc:spChg chg="mod">
          <ac:chgData name="White, Alex" userId="eff6cc8c-37d8-483b-9c6c-6b27e9afa9bc" providerId="ADAL" clId="{BF04C754-5BF4-4E83-9615-DB14FA25AF8A}" dt="2023-10-12T11:38:20.867" v="298"/>
          <ac:spMkLst>
            <pc:docMk/>
            <pc:sldMk cId="2376958513" sldId="260"/>
            <ac:spMk id="9011" creationId="{96D4341D-6D5E-AE13-C371-E104272D049E}"/>
          </ac:spMkLst>
        </pc:spChg>
        <pc:spChg chg="mod">
          <ac:chgData name="White, Alex" userId="eff6cc8c-37d8-483b-9c6c-6b27e9afa9bc" providerId="ADAL" clId="{BF04C754-5BF4-4E83-9615-DB14FA25AF8A}" dt="2023-10-12T11:38:20.867" v="298"/>
          <ac:spMkLst>
            <pc:docMk/>
            <pc:sldMk cId="2376958513" sldId="260"/>
            <ac:spMk id="9012" creationId="{5EBED7E6-1A82-B81C-9337-5EC81EC21918}"/>
          </ac:spMkLst>
        </pc:spChg>
        <pc:spChg chg="mod">
          <ac:chgData name="White, Alex" userId="eff6cc8c-37d8-483b-9c6c-6b27e9afa9bc" providerId="ADAL" clId="{BF04C754-5BF4-4E83-9615-DB14FA25AF8A}" dt="2023-10-12T11:38:20.867" v="298"/>
          <ac:spMkLst>
            <pc:docMk/>
            <pc:sldMk cId="2376958513" sldId="260"/>
            <ac:spMk id="9013" creationId="{4B332A5C-DC16-A0D5-0301-BFCD10E2EBC7}"/>
          </ac:spMkLst>
        </pc:spChg>
        <pc:spChg chg="mod">
          <ac:chgData name="White, Alex" userId="eff6cc8c-37d8-483b-9c6c-6b27e9afa9bc" providerId="ADAL" clId="{BF04C754-5BF4-4E83-9615-DB14FA25AF8A}" dt="2023-10-12T11:38:20.867" v="298"/>
          <ac:spMkLst>
            <pc:docMk/>
            <pc:sldMk cId="2376958513" sldId="260"/>
            <ac:spMk id="9014" creationId="{4B6E0812-D0CE-7794-A6EB-C82CEE990140}"/>
          </ac:spMkLst>
        </pc:spChg>
        <pc:spChg chg="mod">
          <ac:chgData name="White, Alex" userId="eff6cc8c-37d8-483b-9c6c-6b27e9afa9bc" providerId="ADAL" clId="{BF04C754-5BF4-4E83-9615-DB14FA25AF8A}" dt="2023-10-12T11:38:20.867" v="298"/>
          <ac:spMkLst>
            <pc:docMk/>
            <pc:sldMk cId="2376958513" sldId="260"/>
            <ac:spMk id="9015" creationId="{5BADA859-F82C-21CA-C6F8-690095C73D34}"/>
          </ac:spMkLst>
        </pc:spChg>
        <pc:spChg chg="mod">
          <ac:chgData name="White, Alex" userId="eff6cc8c-37d8-483b-9c6c-6b27e9afa9bc" providerId="ADAL" clId="{BF04C754-5BF4-4E83-9615-DB14FA25AF8A}" dt="2023-10-12T11:38:20.867" v="298"/>
          <ac:spMkLst>
            <pc:docMk/>
            <pc:sldMk cId="2376958513" sldId="260"/>
            <ac:spMk id="9016" creationId="{93DA20C7-90E7-8995-16AC-FCD7CBB012C1}"/>
          </ac:spMkLst>
        </pc:spChg>
        <pc:spChg chg="mod">
          <ac:chgData name="White, Alex" userId="eff6cc8c-37d8-483b-9c6c-6b27e9afa9bc" providerId="ADAL" clId="{BF04C754-5BF4-4E83-9615-DB14FA25AF8A}" dt="2023-10-12T11:38:20.867" v="298"/>
          <ac:spMkLst>
            <pc:docMk/>
            <pc:sldMk cId="2376958513" sldId="260"/>
            <ac:spMk id="9017" creationId="{BC33A46F-1548-C22B-7FFD-10C8A7810C45}"/>
          </ac:spMkLst>
        </pc:spChg>
        <pc:spChg chg="mod">
          <ac:chgData name="White, Alex" userId="eff6cc8c-37d8-483b-9c6c-6b27e9afa9bc" providerId="ADAL" clId="{BF04C754-5BF4-4E83-9615-DB14FA25AF8A}" dt="2023-10-12T11:38:20.867" v="298"/>
          <ac:spMkLst>
            <pc:docMk/>
            <pc:sldMk cId="2376958513" sldId="260"/>
            <ac:spMk id="9018" creationId="{4C3CE366-FFD3-7754-CC51-955187420644}"/>
          </ac:spMkLst>
        </pc:spChg>
        <pc:spChg chg="mod">
          <ac:chgData name="White, Alex" userId="eff6cc8c-37d8-483b-9c6c-6b27e9afa9bc" providerId="ADAL" clId="{BF04C754-5BF4-4E83-9615-DB14FA25AF8A}" dt="2023-10-12T11:38:20.867" v="298"/>
          <ac:spMkLst>
            <pc:docMk/>
            <pc:sldMk cId="2376958513" sldId="260"/>
            <ac:spMk id="9019" creationId="{1B9875D1-4219-00FA-8E9D-700758800941}"/>
          </ac:spMkLst>
        </pc:spChg>
        <pc:spChg chg="mod">
          <ac:chgData name="White, Alex" userId="eff6cc8c-37d8-483b-9c6c-6b27e9afa9bc" providerId="ADAL" clId="{BF04C754-5BF4-4E83-9615-DB14FA25AF8A}" dt="2023-10-12T11:38:20.867" v="298"/>
          <ac:spMkLst>
            <pc:docMk/>
            <pc:sldMk cId="2376958513" sldId="260"/>
            <ac:spMk id="9020" creationId="{2F39F3D1-D0F5-4019-F9D0-3F4B2B6F3E89}"/>
          </ac:spMkLst>
        </pc:spChg>
        <pc:spChg chg="mod">
          <ac:chgData name="White, Alex" userId="eff6cc8c-37d8-483b-9c6c-6b27e9afa9bc" providerId="ADAL" clId="{BF04C754-5BF4-4E83-9615-DB14FA25AF8A}" dt="2023-10-12T11:38:20.867" v="298"/>
          <ac:spMkLst>
            <pc:docMk/>
            <pc:sldMk cId="2376958513" sldId="260"/>
            <ac:spMk id="9021" creationId="{7A9E93EE-5FDD-A198-F396-EFF4D3DDB39B}"/>
          </ac:spMkLst>
        </pc:spChg>
        <pc:spChg chg="mod">
          <ac:chgData name="White, Alex" userId="eff6cc8c-37d8-483b-9c6c-6b27e9afa9bc" providerId="ADAL" clId="{BF04C754-5BF4-4E83-9615-DB14FA25AF8A}" dt="2023-10-12T11:38:20.867" v="298"/>
          <ac:spMkLst>
            <pc:docMk/>
            <pc:sldMk cId="2376958513" sldId="260"/>
            <ac:spMk id="9022" creationId="{B64354D4-2D84-512D-9726-0D2ACC9F0179}"/>
          </ac:spMkLst>
        </pc:spChg>
        <pc:spChg chg="mod">
          <ac:chgData name="White, Alex" userId="eff6cc8c-37d8-483b-9c6c-6b27e9afa9bc" providerId="ADAL" clId="{BF04C754-5BF4-4E83-9615-DB14FA25AF8A}" dt="2023-10-12T11:38:20.867" v="298"/>
          <ac:spMkLst>
            <pc:docMk/>
            <pc:sldMk cId="2376958513" sldId="260"/>
            <ac:spMk id="9023" creationId="{2A76EAD6-F7F8-5A73-E4DD-016E3E725B34}"/>
          </ac:spMkLst>
        </pc:spChg>
        <pc:spChg chg="mod">
          <ac:chgData name="White, Alex" userId="eff6cc8c-37d8-483b-9c6c-6b27e9afa9bc" providerId="ADAL" clId="{BF04C754-5BF4-4E83-9615-DB14FA25AF8A}" dt="2023-10-12T11:38:20.867" v="298"/>
          <ac:spMkLst>
            <pc:docMk/>
            <pc:sldMk cId="2376958513" sldId="260"/>
            <ac:spMk id="9024" creationId="{FFD3E9D3-4731-FBCC-930A-1193FD2AB83F}"/>
          </ac:spMkLst>
        </pc:spChg>
        <pc:spChg chg="mod">
          <ac:chgData name="White, Alex" userId="eff6cc8c-37d8-483b-9c6c-6b27e9afa9bc" providerId="ADAL" clId="{BF04C754-5BF4-4E83-9615-DB14FA25AF8A}" dt="2023-10-12T11:38:20.867" v="298"/>
          <ac:spMkLst>
            <pc:docMk/>
            <pc:sldMk cId="2376958513" sldId="260"/>
            <ac:spMk id="9025" creationId="{A7A6207C-46EB-37E9-2B33-7487BDD0F921}"/>
          </ac:spMkLst>
        </pc:spChg>
        <pc:spChg chg="mod">
          <ac:chgData name="White, Alex" userId="eff6cc8c-37d8-483b-9c6c-6b27e9afa9bc" providerId="ADAL" clId="{BF04C754-5BF4-4E83-9615-DB14FA25AF8A}" dt="2023-10-12T11:38:20.867" v="298"/>
          <ac:spMkLst>
            <pc:docMk/>
            <pc:sldMk cId="2376958513" sldId="260"/>
            <ac:spMk id="9026" creationId="{9C773A19-9B04-6D89-D50B-21F84FF2BBC7}"/>
          </ac:spMkLst>
        </pc:spChg>
        <pc:spChg chg="mod">
          <ac:chgData name="White, Alex" userId="eff6cc8c-37d8-483b-9c6c-6b27e9afa9bc" providerId="ADAL" clId="{BF04C754-5BF4-4E83-9615-DB14FA25AF8A}" dt="2023-10-12T11:38:20.867" v="298"/>
          <ac:spMkLst>
            <pc:docMk/>
            <pc:sldMk cId="2376958513" sldId="260"/>
            <ac:spMk id="9027" creationId="{0855F740-8124-5DE2-C6CD-7F5CDF70A99A}"/>
          </ac:spMkLst>
        </pc:spChg>
        <pc:spChg chg="mod">
          <ac:chgData name="White, Alex" userId="eff6cc8c-37d8-483b-9c6c-6b27e9afa9bc" providerId="ADAL" clId="{BF04C754-5BF4-4E83-9615-DB14FA25AF8A}" dt="2023-10-12T11:38:20.867" v="298"/>
          <ac:spMkLst>
            <pc:docMk/>
            <pc:sldMk cId="2376958513" sldId="260"/>
            <ac:spMk id="9028" creationId="{C473E497-79B2-C50D-A8A9-EEE81C4BD551}"/>
          </ac:spMkLst>
        </pc:spChg>
        <pc:spChg chg="mod">
          <ac:chgData name="White, Alex" userId="eff6cc8c-37d8-483b-9c6c-6b27e9afa9bc" providerId="ADAL" clId="{BF04C754-5BF4-4E83-9615-DB14FA25AF8A}" dt="2023-10-12T11:38:20.867" v="298"/>
          <ac:spMkLst>
            <pc:docMk/>
            <pc:sldMk cId="2376958513" sldId="260"/>
            <ac:spMk id="9029" creationId="{A3762EBC-4F76-5DC2-3A07-71D5BA5A41A7}"/>
          </ac:spMkLst>
        </pc:spChg>
        <pc:spChg chg="mod">
          <ac:chgData name="White, Alex" userId="eff6cc8c-37d8-483b-9c6c-6b27e9afa9bc" providerId="ADAL" clId="{BF04C754-5BF4-4E83-9615-DB14FA25AF8A}" dt="2023-10-12T11:38:20.867" v="298"/>
          <ac:spMkLst>
            <pc:docMk/>
            <pc:sldMk cId="2376958513" sldId="260"/>
            <ac:spMk id="9030" creationId="{B133123D-1792-A688-84C6-5BAF4EBE7D73}"/>
          </ac:spMkLst>
        </pc:spChg>
        <pc:spChg chg="mod">
          <ac:chgData name="White, Alex" userId="eff6cc8c-37d8-483b-9c6c-6b27e9afa9bc" providerId="ADAL" clId="{BF04C754-5BF4-4E83-9615-DB14FA25AF8A}" dt="2023-10-12T11:38:20.867" v="298"/>
          <ac:spMkLst>
            <pc:docMk/>
            <pc:sldMk cId="2376958513" sldId="260"/>
            <ac:spMk id="9031" creationId="{1584EAF1-26E8-342B-99FD-FD091D9B7172}"/>
          </ac:spMkLst>
        </pc:spChg>
        <pc:spChg chg="mod">
          <ac:chgData name="White, Alex" userId="eff6cc8c-37d8-483b-9c6c-6b27e9afa9bc" providerId="ADAL" clId="{BF04C754-5BF4-4E83-9615-DB14FA25AF8A}" dt="2023-10-12T11:38:20.867" v="298"/>
          <ac:spMkLst>
            <pc:docMk/>
            <pc:sldMk cId="2376958513" sldId="260"/>
            <ac:spMk id="9032" creationId="{C6872B21-358D-6E56-73C3-E4A41844B382}"/>
          </ac:spMkLst>
        </pc:spChg>
        <pc:spChg chg="mod">
          <ac:chgData name="White, Alex" userId="eff6cc8c-37d8-483b-9c6c-6b27e9afa9bc" providerId="ADAL" clId="{BF04C754-5BF4-4E83-9615-DB14FA25AF8A}" dt="2023-10-12T11:38:20.867" v="298"/>
          <ac:spMkLst>
            <pc:docMk/>
            <pc:sldMk cId="2376958513" sldId="260"/>
            <ac:spMk id="9033" creationId="{B21633CB-5DDC-84FA-291B-72E08BFA139D}"/>
          </ac:spMkLst>
        </pc:spChg>
        <pc:spChg chg="mod">
          <ac:chgData name="White, Alex" userId="eff6cc8c-37d8-483b-9c6c-6b27e9afa9bc" providerId="ADAL" clId="{BF04C754-5BF4-4E83-9615-DB14FA25AF8A}" dt="2023-10-12T11:38:20.867" v="298"/>
          <ac:spMkLst>
            <pc:docMk/>
            <pc:sldMk cId="2376958513" sldId="260"/>
            <ac:spMk id="9034" creationId="{4017281B-3501-5706-9A3F-3523CF9717BC}"/>
          </ac:spMkLst>
        </pc:spChg>
        <pc:spChg chg="mod">
          <ac:chgData name="White, Alex" userId="eff6cc8c-37d8-483b-9c6c-6b27e9afa9bc" providerId="ADAL" clId="{BF04C754-5BF4-4E83-9615-DB14FA25AF8A}" dt="2023-10-12T11:38:20.867" v="298"/>
          <ac:spMkLst>
            <pc:docMk/>
            <pc:sldMk cId="2376958513" sldId="260"/>
            <ac:spMk id="9035" creationId="{B82D5467-5DA3-F9B1-EEB8-7082103EEB3B}"/>
          </ac:spMkLst>
        </pc:spChg>
        <pc:spChg chg="mod">
          <ac:chgData name="White, Alex" userId="eff6cc8c-37d8-483b-9c6c-6b27e9afa9bc" providerId="ADAL" clId="{BF04C754-5BF4-4E83-9615-DB14FA25AF8A}" dt="2023-10-12T11:38:20.867" v="298"/>
          <ac:spMkLst>
            <pc:docMk/>
            <pc:sldMk cId="2376958513" sldId="260"/>
            <ac:spMk id="9036" creationId="{01D4529B-D6EB-3FA5-E7C8-A1BD8EE17AAF}"/>
          </ac:spMkLst>
        </pc:spChg>
        <pc:spChg chg="mod">
          <ac:chgData name="White, Alex" userId="eff6cc8c-37d8-483b-9c6c-6b27e9afa9bc" providerId="ADAL" clId="{BF04C754-5BF4-4E83-9615-DB14FA25AF8A}" dt="2023-10-12T11:38:20.867" v="298"/>
          <ac:spMkLst>
            <pc:docMk/>
            <pc:sldMk cId="2376958513" sldId="260"/>
            <ac:spMk id="9037" creationId="{0E56F0AC-4BBC-A44B-FAE6-6785DF2381FE}"/>
          </ac:spMkLst>
        </pc:spChg>
        <pc:spChg chg="mod">
          <ac:chgData name="White, Alex" userId="eff6cc8c-37d8-483b-9c6c-6b27e9afa9bc" providerId="ADAL" clId="{BF04C754-5BF4-4E83-9615-DB14FA25AF8A}" dt="2023-10-12T11:38:20.867" v="298"/>
          <ac:spMkLst>
            <pc:docMk/>
            <pc:sldMk cId="2376958513" sldId="260"/>
            <ac:spMk id="9038" creationId="{DA492FAE-26DE-C58A-20D3-6D3133E1A51C}"/>
          </ac:spMkLst>
        </pc:spChg>
        <pc:spChg chg="mod">
          <ac:chgData name="White, Alex" userId="eff6cc8c-37d8-483b-9c6c-6b27e9afa9bc" providerId="ADAL" clId="{BF04C754-5BF4-4E83-9615-DB14FA25AF8A}" dt="2023-10-12T11:38:20.867" v="298"/>
          <ac:spMkLst>
            <pc:docMk/>
            <pc:sldMk cId="2376958513" sldId="260"/>
            <ac:spMk id="9039" creationId="{99037116-A16A-F177-4BCF-697EA2C75DBC}"/>
          </ac:spMkLst>
        </pc:spChg>
        <pc:spChg chg="mod">
          <ac:chgData name="White, Alex" userId="eff6cc8c-37d8-483b-9c6c-6b27e9afa9bc" providerId="ADAL" clId="{BF04C754-5BF4-4E83-9615-DB14FA25AF8A}" dt="2023-10-12T11:38:20.867" v="298"/>
          <ac:spMkLst>
            <pc:docMk/>
            <pc:sldMk cId="2376958513" sldId="260"/>
            <ac:spMk id="9040" creationId="{A4FD833F-1608-09B3-6CFF-9D2874E5616A}"/>
          </ac:spMkLst>
        </pc:spChg>
        <pc:spChg chg="mod">
          <ac:chgData name="White, Alex" userId="eff6cc8c-37d8-483b-9c6c-6b27e9afa9bc" providerId="ADAL" clId="{BF04C754-5BF4-4E83-9615-DB14FA25AF8A}" dt="2023-10-12T11:38:20.867" v="298"/>
          <ac:spMkLst>
            <pc:docMk/>
            <pc:sldMk cId="2376958513" sldId="260"/>
            <ac:spMk id="9041" creationId="{D91C548F-530C-94CE-8870-8C71B64A2604}"/>
          </ac:spMkLst>
        </pc:spChg>
        <pc:spChg chg="mod">
          <ac:chgData name="White, Alex" userId="eff6cc8c-37d8-483b-9c6c-6b27e9afa9bc" providerId="ADAL" clId="{BF04C754-5BF4-4E83-9615-DB14FA25AF8A}" dt="2023-10-12T11:38:20.867" v="298"/>
          <ac:spMkLst>
            <pc:docMk/>
            <pc:sldMk cId="2376958513" sldId="260"/>
            <ac:spMk id="9042" creationId="{0A8F9706-7926-FB9D-50E7-3AD318DE606A}"/>
          </ac:spMkLst>
        </pc:spChg>
        <pc:spChg chg="mod">
          <ac:chgData name="White, Alex" userId="eff6cc8c-37d8-483b-9c6c-6b27e9afa9bc" providerId="ADAL" clId="{BF04C754-5BF4-4E83-9615-DB14FA25AF8A}" dt="2023-10-12T11:38:20.867" v="298"/>
          <ac:spMkLst>
            <pc:docMk/>
            <pc:sldMk cId="2376958513" sldId="260"/>
            <ac:spMk id="9043" creationId="{4E78B03F-E388-C90C-D52C-217C21867474}"/>
          </ac:spMkLst>
        </pc:spChg>
        <pc:spChg chg="mod">
          <ac:chgData name="White, Alex" userId="eff6cc8c-37d8-483b-9c6c-6b27e9afa9bc" providerId="ADAL" clId="{BF04C754-5BF4-4E83-9615-DB14FA25AF8A}" dt="2023-10-12T11:38:20.867" v="298"/>
          <ac:spMkLst>
            <pc:docMk/>
            <pc:sldMk cId="2376958513" sldId="260"/>
            <ac:spMk id="9044" creationId="{8FE4AF9C-26F2-04FB-0A90-993D6B8B9520}"/>
          </ac:spMkLst>
        </pc:spChg>
        <pc:spChg chg="mod">
          <ac:chgData name="White, Alex" userId="eff6cc8c-37d8-483b-9c6c-6b27e9afa9bc" providerId="ADAL" clId="{BF04C754-5BF4-4E83-9615-DB14FA25AF8A}" dt="2023-10-12T11:38:20.867" v="298"/>
          <ac:spMkLst>
            <pc:docMk/>
            <pc:sldMk cId="2376958513" sldId="260"/>
            <ac:spMk id="9045" creationId="{924D7923-F902-7E1D-5A3A-407E513EE2B9}"/>
          </ac:spMkLst>
        </pc:spChg>
        <pc:spChg chg="mod">
          <ac:chgData name="White, Alex" userId="eff6cc8c-37d8-483b-9c6c-6b27e9afa9bc" providerId="ADAL" clId="{BF04C754-5BF4-4E83-9615-DB14FA25AF8A}" dt="2023-10-12T11:38:20.867" v="298"/>
          <ac:spMkLst>
            <pc:docMk/>
            <pc:sldMk cId="2376958513" sldId="260"/>
            <ac:spMk id="9046" creationId="{EF2BC1A4-EE63-6987-6AB3-00B38EE3C324}"/>
          </ac:spMkLst>
        </pc:spChg>
        <pc:spChg chg="mod">
          <ac:chgData name="White, Alex" userId="eff6cc8c-37d8-483b-9c6c-6b27e9afa9bc" providerId="ADAL" clId="{BF04C754-5BF4-4E83-9615-DB14FA25AF8A}" dt="2023-10-12T11:38:20.867" v="298"/>
          <ac:spMkLst>
            <pc:docMk/>
            <pc:sldMk cId="2376958513" sldId="260"/>
            <ac:spMk id="9047" creationId="{2121507B-21CF-8701-D8A9-5D704DFF2C91}"/>
          </ac:spMkLst>
        </pc:spChg>
        <pc:spChg chg="mod">
          <ac:chgData name="White, Alex" userId="eff6cc8c-37d8-483b-9c6c-6b27e9afa9bc" providerId="ADAL" clId="{BF04C754-5BF4-4E83-9615-DB14FA25AF8A}" dt="2023-10-12T11:38:20.867" v="298"/>
          <ac:spMkLst>
            <pc:docMk/>
            <pc:sldMk cId="2376958513" sldId="260"/>
            <ac:spMk id="9048" creationId="{2094E3F5-424E-56DB-824F-48ECDB1125EC}"/>
          </ac:spMkLst>
        </pc:spChg>
        <pc:spChg chg="mod">
          <ac:chgData name="White, Alex" userId="eff6cc8c-37d8-483b-9c6c-6b27e9afa9bc" providerId="ADAL" clId="{BF04C754-5BF4-4E83-9615-DB14FA25AF8A}" dt="2023-10-12T11:38:20.867" v="298"/>
          <ac:spMkLst>
            <pc:docMk/>
            <pc:sldMk cId="2376958513" sldId="260"/>
            <ac:spMk id="9049" creationId="{188F6686-456D-1855-DE8C-E6084FF02B77}"/>
          </ac:spMkLst>
        </pc:spChg>
        <pc:spChg chg="mod">
          <ac:chgData name="White, Alex" userId="eff6cc8c-37d8-483b-9c6c-6b27e9afa9bc" providerId="ADAL" clId="{BF04C754-5BF4-4E83-9615-DB14FA25AF8A}" dt="2023-10-12T11:38:20.867" v="298"/>
          <ac:spMkLst>
            <pc:docMk/>
            <pc:sldMk cId="2376958513" sldId="260"/>
            <ac:spMk id="9050" creationId="{CC7066FF-32BB-4B33-1225-C20434ABA3C6}"/>
          </ac:spMkLst>
        </pc:spChg>
        <pc:spChg chg="mod">
          <ac:chgData name="White, Alex" userId="eff6cc8c-37d8-483b-9c6c-6b27e9afa9bc" providerId="ADAL" clId="{BF04C754-5BF4-4E83-9615-DB14FA25AF8A}" dt="2023-10-12T11:38:20.867" v="298"/>
          <ac:spMkLst>
            <pc:docMk/>
            <pc:sldMk cId="2376958513" sldId="260"/>
            <ac:spMk id="9051" creationId="{5CF209D8-4CE7-200D-C5AE-4DDFF14D5B11}"/>
          </ac:spMkLst>
        </pc:spChg>
        <pc:spChg chg="mod">
          <ac:chgData name="White, Alex" userId="eff6cc8c-37d8-483b-9c6c-6b27e9afa9bc" providerId="ADAL" clId="{BF04C754-5BF4-4E83-9615-DB14FA25AF8A}" dt="2023-10-12T11:38:20.867" v="298"/>
          <ac:spMkLst>
            <pc:docMk/>
            <pc:sldMk cId="2376958513" sldId="260"/>
            <ac:spMk id="9052" creationId="{762BB14A-6F5B-4118-6CCB-75DB2763CD8E}"/>
          </ac:spMkLst>
        </pc:spChg>
        <pc:spChg chg="mod">
          <ac:chgData name="White, Alex" userId="eff6cc8c-37d8-483b-9c6c-6b27e9afa9bc" providerId="ADAL" clId="{BF04C754-5BF4-4E83-9615-DB14FA25AF8A}" dt="2023-10-12T11:38:20.867" v="298"/>
          <ac:spMkLst>
            <pc:docMk/>
            <pc:sldMk cId="2376958513" sldId="260"/>
            <ac:spMk id="9053" creationId="{B001D5D5-5038-DC79-C2E1-3882A37A84F0}"/>
          </ac:spMkLst>
        </pc:spChg>
        <pc:spChg chg="mod">
          <ac:chgData name="White, Alex" userId="eff6cc8c-37d8-483b-9c6c-6b27e9afa9bc" providerId="ADAL" clId="{BF04C754-5BF4-4E83-9615-DB14FA25AF8A}" dt="2023-10-12T11:38:20.867" v="298"/>
          <ac:spMkLst>
            <pc:docMk/>
            <pc:sldMk cId="2376958513" sldId="260"/>
            <ac:spMk id="9054" creationId="{AC67FCB2-3AEF-F41D-A7E0-DE0CBEBB2F66}"/>
          </ac:spMkLst>
        </pc:spChg>
        <pc:spChg chg="mod">
          <ac:chgData name="White, Alex" userId="eff6cc8c-37d8-483b-9c6c-6b27e9afa9bc" providerId="ADAL" clId="{BF04C754-5BF4-4E83-9615-DB14FA25AF8A}" dt="2023-10-12T11:38:20.867" v="298"/>
          <ac:spMkLst>
            <pc:docMk/>
            <pc:sldMk cId="2376958513" sldId="260"/>
            <ac:spMk id="9055" creationId="{C158AE3B-8901-1643-7E70-33BFD10FB810}"/>
          </ac:spMkLst>
        </pc:spChg>
        <pc:spChg chg="mod">
          <ac:chgData name="White, Alex" userId="eff6cc8c-37d8-483b-9c6c-6b27e9afa9bc" providerId="ADAL" clId="{BF04C754-5BF4-4E83-9615-DB14FA25AF8A}" dt="2023-10-12T11:38:20.867" v="298"/>
          <ac:spMkLst>
            <pc:docMk/>
            <pc:sldMk cId="2376958513" sldId="260"/>
            <ac:spMk id="9056" creationId="{976781D5-9B0D-CC3A-6152-DFBD81784B96}"/>
          </ac:spMkLst>
        </pc:spChg>
        <pc:spChg chg="mod">
          <ac:chgData name="White, Alex" userId="eff6cc8c-37d8-483b-9c6c-6b27e9afa9bc" providerId="ADAL" clId="{BF04C754-5BF4-4E83-9615-DB14FA25AF8A}" dt="2023-10-12T11:38:20.867" v="298"/>
          <ac:spMkLst>
            <pc:docMk/>
            <pc:sldMk cId="2376958513" sldId="260"/>
            <ac:spMk id="9057" creationId="{0B7E6F73-0971-6A30-6E31-4B9A5A519287}"/>
          </ac:spMkLst>
        </pc:spChg>
        <pc:spChg chg="mod">
          <ac:chgData name="White, Alex" userId="eff6cc8c-37d8-483b-9c6c-6b27e9afa9bc" providerId="ADAL" clId="{BF04C754-5BF4-4E83-9615-DB14FA25AF8A}" dt="2023-10-12T11:38:20.867" v="298"/>
          <ac:spMkLst>
            <pc:docMk/>
            <pc:sldMk cId="2376958513" sldId="260"/>
            <ac:spMk id="9058" creationId="{2259B0BC-F705-A01E-9F48-532D918287C8}"/>
          </ac:spMkLst>
        </pc:spChg>
        <pc:spChg chg="mod">
          <ac:chgData name="White, Alex" userId="eff6cc8c-37d8-483b-9c6c-6b27e9afa9bc" providerId="ADAL" clId="{BF04C754-5BF4-4E83-9615-DB14FA25AF8A}" dt="2023-10-12T11:38:20.867" v="298"/>
          <ac:spMkLst>
            <pc:docMk/>
            <pc:sldMk cId="2376958513" sldId="260"/>
            <ac:spMk id="9059" creationId="{D37DE4EC-E632-D8AD-551A-BD0844247396}"/>
          </ac:spMkLst>
        </pc:spChg>
        <pc:spChg chg="mod">
          <ac:chgData name="White, Alex" userId="eff6cc8c-37d8-483b-9c6c-6b27e9afa9bc" providerId="ADAL" clId="{BF04C754-5BF4-4E83-9615-DB14FA25AF8A}" dt="2023-10-12T11:38:20.867" v="298"/>
          <ac:spMkLst>
            <pc:docMk/>
            <pc:sldMk cId="2376958513" sldId="260"/>
            <ac:spMk id="9060" creationId="{3F950068-8945-1FC9-5C1A-A3088C84C237}"/>
          </ac:spMkLst>
        </pc:spChg>
        <pc:spChg chg="mod">
          <ac:chgData name="White, Alex" userId="eff6cc8c-37d8-483b-9c6c-6b27e9afa9bc" providerId="ADAL" clId="{BF04C754-5BF4-4E83-9615-DB14FA25AF8A}" dt="2023-10-12T11:38:20.867" v="298"/>
          <ac:spMkLst>
            <pc:docMk/>
            <pc:sldMk cId="2376958513" sldId="260"/>
            <ac:spMk id="9061" creationId="{5394A24A-735E-8B20-0969-1DE35B1B07B9}"/>
          </ac:spMkLst>
        </pc:spChg>
        <pc:spChg chg="mod">
          <ac:chgData name="White, Alex" userId="eff6cc8c-37d8-483b-9c6c-6b27e9afa9bc" providerId="ADAL" clId="{BF04C754-5BF4-4E83-9615-DB14FA25AF8A}" dt="2023-10-12T11:38:20.867" v="298"/>
          <ac:spMkLst>
            <pc:docMk/>
            <pc:sldMk cId="2376958513" sldId="260"/>
            <ac:spMk id="9062" creationId="{A453A25C-324B-25FF-5A25-A6EBF51F6FB0}"/>
          </ac:spMkLst>
        </pc:spChg>
        <pc:spChg chg="mod">
          <ac:chgData name="White, Alex" userId="eff6cc8c-37d8-483b-9c6c-6b27e9afa9bc" providerId="ADAL" clId="{BF04C754-5BF4-4E83-9615-DB14FA25AF8A}" dt="2023-10-12T11:38:20.867" v="298"/>
          <ac:spMkLst>
            <pc:docMk/>
            <pc:sldMk cId="2376958513" sldId="260"/>
            <ac:spMk id="9063" creationId="{973AC946-EA6B-31ED-AD23-75B981D049C5}"/>
          </ac:spMkLst>
        </pc:spChg>
        <pc:spChg chg="mod">
          <ac:chgData name="White, Alex" userId="eff6cc8c-37d8-483b-9c6c-6b27e9afa9bc" providerId="ADAL" clId="{BF04C754-5BF4-4E83-9615-DB14FA25AF8A}" dt="2023-10-12T11:38:20.867" v="298"/>
          <ac:spMkLst>
            <pc:docMk/>
            <pc:sldMk cId="2376958513" sldId="260"/>
            <ac:spMk id="9064" creationId="{62C2A5FA-E6C2-9CCD-2C54-C40E641CB4B4}"/>
          </ac:spMkLst>
        </pc:spChg>
        <pc:spChg chg="mod">
          <ac:chgData name="White, Alex" userId="eff6cc8c-37d8-483b-9c6c-6b27e9afa9bc" providerId="ADAL" clId="{BF04C754-5BF4-4E83-9615-DB14FA25AF8A}" dt="2023-10-12T11:38:20.867" v="298"/>
          <ac:spMkLst>
            <pc:docMk/>
            <pc:sldMk cId="2376958513" sldId="260"/>
            <ac:spMk id="9065" creationId="{AEDFD2E3-E933-8398-5F29-1DF77F32C6A2}"/>
          </ac:spMkLst>
        </pc:spChg>
        <pc:spChg chg="mod">
          <ac:chgData name="White, Alex" userId="eff6cc8c-37d8-483b-9c6c-6b27e9afa9bc" providerId="ADAL" clId="{BF04C754-5BF4-4E83-9615-DB14FA25AF8A}" dt="2023-10-12T11:38:20.867" v="298"/>
          <ac:spMkLst>
            <pc:docMk/>
            <pc:sldMk cId="2376958513" sldId="260"/>
            <ac:spMk id="9066" creationId="{AC816705-95CC-ECF3-C0DB-DD75AB048922}"/>
          </ac:spMkLst>
        </pc:spChg>
        <pc:spChg chg="mod">
          <ac:chgData name="White, Alex" userId="eff6cc8c-37d8-483b-9c6c-6b27e9afa9bc" providerId="ADAL" clId="{BF04C754-5BF4-4E83-9615-DB14FA25AF8A}" dt="2023-10-12T11:38:20.867" v="298"/>
          <ac:spMkLst>
            <pc:docMk/>
            <pc:sldMk cId="2376958513" sldId="260"/>
            <ac:spMk id="9067" creationId="{419BB213-D80F-A1DD-71F6-289D6839DC49}"/>
          </ac:spMkLst>
        </pc:spChg>
        <pc:spChg chg="mod">
          <ac:chgData name="White, Alex" userId="eff6cc8c-37d8-483b-9c6c-6b27e9afa9bc" providerId="ADAL" clId="{BF04C754-5BF4-4E83-9615-DB14FA25AF8A}" dt="2023-10-12T11:38:20.867" v="298"/>
          <ac:spMkLst>
            <pc:docMk/>
            <pc:sldMk cId="2376958513" sldId="260"/>
            <ac:spMk id="9068" creationId="{3066E024-D445-BF28-2982-2B477ECB9A77}"/>
          </ac:spMkLst>
        </pc:spChg>
        <pc:spChg chg="mod">
          <ac:chgData name="White, Alex" userId="eff6cc8c-37d8-483b-9c6c-6b27e9afa9bc" providerId="ADAL" clId="{BF04C754-5BF4-4E83-9615-DB14FA25AF8A}" dt="2023-10-12T11:38:20.867" v="298"/>
          <ac:spMkLst>
            <pc:docMk/>
            <pc:sldMk cId="2376958513" sldId="260"/>
            <ac:spMk id="9069" creationId="{4D3D69DA-D9E6-5EF6-2C7A-4D7E93282A4A}"/>
          </ac:spMkLst>
        </pc:spChg>
        <pc:spChg chg="mod">
          <ac:chgData name="White, Alex" userId="eff6cc8c-37d8-483b-9c6c-6b27e9afa9bc" providerId="ADAL" clId="{BF04C754-5BF4-4E83-9615-DB14FA25AF8A}" dt="2023-10-12T11:38:20.867" v="298"/>
          <ac:spMkLst>
            <pc:docMk/>
            <pc:sldMk cId="2376958513" sldId="260"/>
            <ac:spMk id="9070" creationId="{E9F0C803-57F5-4BE6-D4AD-851D263E749D}"/>
          </ac:spMkLst>
        </pc:spChg>
        <pc:spChg chg="mod">
          <ac:chgData name="White, Alex" userId="eff6cc8c-37d8-483b-9c6c-6b27e9afa9bc" providerId="ADAL" clId="{BF04C754-5BF4-4E83-9615-DB14FA25AF8A}" dt="2023-10-12T11:38:20.867" v="298"/>
          <ac:spMkLst>
            <pc:docMk/>
            <pc:sldMk cId="2376958513" sldId="260"/>
            <ac:spMk id="9071" creationId="{CEDF5162-C7B6-45BF-2748-96C0E4F409A9}"/>
          </ac:spMkLst>
        </pc:spChg>
        <pc:spChg chg="mod">
          <ac:chgData name="White, Alex" userId="eff6cc8c-37d8-483b-9c6c-6b27e9afa9bc" providerId="ADAL" clId="{BF04C754-5BF4-4E83-9615-DB14FA25AF8A}" dt="2023-10-12T11:38:20.867" v="298"/>
          <ac:spMkLst>
            <pc:docMk/>
            <pc:sldMk cId="2376958513" sldId="260"/>
            <ac:spMk id="9072" creationId="{1E1B6877-1B32-A97A-5C47-E96523D4E7BE}"/>
          </ac:spMkLst>
        </pc:spChg>
        <pc:spChg chg="mod">
          <ac:chgData name="White, Alex" userId="eff6cc8c-37d8-483b-9c6c-6b27e9afa9bc" providerId="ADAL" clId="{BF04C754-5BF4-4E83-9615-DB14FA25AF8A}" dt="2023-10-12T11:38:20.867" v="298"/>
          <ac:spMkLst>
            <pc:docMk/>
            <pc:sldMk cId="2376958513" sldId="260"/>
            <ac:spMk id="9073" creationId="{7460A754-07E4-2F9D-A8F8-07EB907DB89C}"/>
          </ac:spMkLst>
        </pc:spChg>
        <pc:spChg chg="mod">
          <ac:chgData name="White, Alex" userId="eff6cc8c-37d8-483b-9c6c-6b27e9afa9bc" providerId="ADAL" clId="{BF04C754-5BF4-4E83-9615-DB14FA25AF8A}" dt="2023-10-12T11:38:20.867" v="298"/>
          <ac:spMkLst>
            <pc:docMk/>
            <pc:sldMk cId="2376958513" sldId="260"/>
            <ac:spMk id="9074" creationId="{4870AB26-B876-298B-73D6-7AAACFBAD891}"/>
          </ac:spMkLst>
        </pc:spChg>
        <pc:spChg chg="mod">
          <ac:chgData name="White, Alex" userId="eff6cc8c-37d8-483b-9c6c-6b27e9afa9bc" providerId="ADAL" clId="{BF04C754-5BF4-4E83-9615-DB14FA25AF8A}" dt="2023-10-12T11:38:20.867" v="298"/>
          <ac:spMkLst>
            <pc:docMk/>
            <pc:sldMk cId="2376958513" sldId="260"/>
            <ac:spMk id="9075" creationId="{ED4FD6B0-AAE4-E699-6AD7-8062FAF97886}"/>
          </ac:spMkLst>
        </pc:spChg>
        <pc:spChg chg="mod">
          <ac:chgData name="White, Alex" userId="eff6cc8c-37d8-483b-9c6c-6b27e9afa9bc" providerId="ADAL" clId="{BF04C754-5BF4-4E83-9615-DB14FA25AF8A}" dt="2023-10-12T11:38:20.867" v="298"/>
          <ac:spMkLst>
            <pc:docMk/>
            <pc:sldMk cId="2376958513" sldId="260"/>
            <ac:spMk id="9076" creationId="{A5839858-7DEC-2C5E-7530-E2F7F56AC293}"/>
          </ac:spMkLst>
        </pc:spChg>
        <pc:spChg chg="mod">
          <ac:chgData name="White, Alex" userId="eff6cc8c-37d8-483b-9c6c-6b27e9afa9bc" providerId="ADAL" clId="{BF04C754-5BF4-4E83-9615-DB14FA25AF8A}" dt="2023-10-12T11:38:20.867" v="298"/>
          <ac:spMkLst>
            <pc:docMk/>
            <pc:sldMk cId="2376958513" sldId="260"/>
            <ac:spMk id="9077" creationId="{43E91963-57FE-FD35-872F-795720A0954D}"/>
          </ac:spMkLst>
        </pc:spChg>
        <pc:spChg chg="mod">
          <ac:chgData name="White, Alex" userId="eff6cc8c-37d8-483b-9c6c-6b27e9afa9bc" providerId="ADAL" clId="{BF04C754-5BF4-4E83-9615-DB14FA25AF8A}" dt="2023-10-12T11:38:20.867" v="298"/>
          <ac:spMkLst>
            <pc:docMk/>
            <pc:sldMk cId="2376958513" sldId="260"/>
            <ac:spMk id="9078" creationId="{4567FF21-4596-072B-E4B1-78E82DEF0764}"/>
          </ac:spMkLst>
        </pc:spChg>
        <pc:spChg chg="mod">
          <ac:chgData name="White, Alex" userId="eff6cc8c-37d8-483b-9c6c-6b27e9afa9bc" providerId="ADAL" clId="{BF04C754-5BF4-4E83-9615-DB14FA25AF8A}" dt="2023-10-12T11:38:20.867" v="298"/>
          <ac:spMkLst>
            <pc:docMk/>
            <pc:sldMk cId="2376958513" sldId="260"/>
            <ac:spMk id="9079" creationId="{720823C8-E6D7-81C3-54D5-5422ED486520}"/>
          </ac:spMkLst>
        </pc:spChg>
        <pc:spChg chg="mod">
          <ac:chgData name="White, Alex" userId="eff6cc8c-37d8-483b-9c6c-6b27e9afa9bc" providerId="ADAL" clId="{BF04C754-5BF4-4E83-9615-DB14FA25AF8A}" dt="2023-10-12T11:38:20.867" v="298"/>
          <ac:spMkLst>
            <pc:docMk/>
            <pc:sldMk cId="2376958513" sldId="260"/>
            <ac:spMk id="9080" creationId="{9702F875-519E-A9D8-23B4-808549886062}"/>
          </ac:spMkLst>
        </pc:spChg>
        <pc:spChg chg="mod">
          <ac:chgData name="White, Alex" userId="eff6cc8c-37d8-483b-9c6c-6b27e9afa9bc" providerId="ADAL" clId="{BF04C754-5BF4-4E83-9615-DB14FA25AF8A}" dt="2023-10-12T11:38:20.867" v="298"/>
          <ac:spMkLst>
            <pc:docMk/>
            <pc:sldMk cId="2376958513" sldId="260"/>
            <ac:spMk id="9081" creationId="{689DDCE2-3DB6-CB5A-6DC6-A44B82CEA9D9}"/>
          </ac:spMkLst>
        </pc:spChg>
        <pc:spChg chg="mod">
          <ac:chgData name="White, Alex" userId="eff6cc8c-37d8-483b-9c6c-6b27e9afa9bc" providerId="ADAL" clId="{BF04C754-5BF4-4E83-9615-DB14FA25AF8A}" dt="2023-10-12T11:38:20.867" v="298"/>
          <ac:spMkLst>
            <pc:docMk/>
            <pc:sldMk cId="2376958513" sldId="260"/>
            <ac:spMk id="9082" creationId="{4319D350-801A-EC4F-1298-E2D4776A1D16}"/>
          </ac:spMkLst>
        </pc:spChg>
        <pc:spChg chg="mod">
          <ac:chgData name="White, Alex" userId="eff6cc8c-37d8-483b-9c6c-6b27e9afa9bc" providerId="ADAL" clId="{BF04C754-5BF4-4E83-9615-DB14FA25AF8A}" dt="2023-10-12T11:38:20.867" v="298"/>
          <ac:spMkLst>
            <pc:docMk/>
            <pc:sldMk cId="2376958513" sldId="260"/>
            <ac:spMk id="9083" creationId="{3045DEC8-37BF-39C8-6DB9-80AA10BECEA0}"/>
          </ac:spMkLst>
        </pc:spChg>
        <pc:spChg chg="mod">
          <ac:chgData name="White, Alex" userId="eff6cc8c-37d8-483b-9c6c-6b27e9afa9bc" providerId="ADAL" clId="{BF04C754-5BF4-4E83-9615-DB14FA25AF8A}" dt="2023-10-12T11:38:20.867" v="298"/>
          <ac:spMkLst>
            <pc:docMk/>
            <pc:sldMk cId="2376958513" sldId="260"/>
            <ac:spMk id="9084" creationId="{0E12206D-5505-46E5-F2DA-8E57B2624C77}"/>
          </ac:spMkLst>
        </pc:spChg>
        <pc:spChg chg="mod">
          <ac:chgData name="White, Alex" userId="eff6cc8c-37d8-483b-9c6c-6b27e9afa9bc" providerId="ADAL" clId="{BF04C754-5BF4-4E83-9615-DB14FA25AF8A}" dt="2023-10-12T11:38:20.867" v="298"/>
          <ac:spMkLst>
            <pc:docMk/>
            <pc:sldMk cId="2376958513" sldId="260"/>
            <ac:spMk id="9085" creationId="{F8093FB9-17B2-A760-2161-96E832EEFC0E}"/>
          </ac:spMkLst>
        </pc:spChg>
        <pc:spChg chg="mod">
          <ac:chgData name="White, Alex" userId="eff6cc8c-37d8-483b-9c6c-6b27e9afa9bc" providerId="ADAL" clId="{BF04C754-5BF4-4E83-9615-DB14FA25AF8A}" dt="2023-10-12T11:38:20.867" v="298"/>
          <ac:spMkLst>
            <pc:docMk/>
            <pc:sldMk cId="2376958513" sldId="260"/>
            <ac:spMk id="9086" creationId="{BE7B16A0-A9AC-CB2B-7E3E-D82DF0769090}"/>
          </ac:spMkLst>
        </pc:spChg>
        <pc:spChg chg="mod">
          <ac:chgData name="White, Alex" userId="eff6cc8c-37d8-483b-9c6c-6b27e9afa9bc" providerId="ADAL" clId="{BF04C754-5BF4-4E83-9615-DB14FA25AF8A}" dt="2023-10-12T11:38:20.867" v="298"/>
          <ac:spMkLst>
            <pc:docMk/>
            <pc:sldMk cId="2376958513" sldId="260"/>
            <ac:spMk id="9087" creationId="{DBF56771-8B3E-BC45-7769-1FE2D2D0341D}"/>
          </ac:spMkLst>
        </pc:spChg>
        <pc:spChg chg="mod">
          <ac:chgData name="White, Alex" userId="eff6cc8c-37d8-483b-9c6c-6b27e9afa9bc" providerId="ADAL" clId="{BF04C754-5BF4-4E83-9615-DB14FA25AF8A}" dt="2023-10-12T11:38:20.867" v="298"/>
          <ac:spMkLst>
            <pc:docMk/>
            <pc:sldMk cId="2376958513" sldId="260"/>
            <ac:spMk id="9088" creationId="{5DE25A67-9B84-1C9B-3D4A-4A8F8D8E7A68}"/>
          </ac:spMkLst>
        </pc:spChg>
        <pc:spChg chg="mod">
          <ac:chgData name="White, Alex" userId="eff6cc8c-37d8-483b-9c6c-6b27e9afa9bc" providerId="ADAL" clId="{BF04C754-5BF4-4E83-9615-DB14FA25AF8A}" dt="2023-10-12T11:38:20.867" v="298"/>
          <ac:spMkLst>
            <pc:docMk/>
            <pc:sldMk cId="2376958513" sldId="260"/>
            <ac:spMk id="9089" creationId="{95F26CA1-B8BF-4E03-8C49-9740D3D12F45}"/>
          </ac:spMkLst>
        </pc:spChg>
        <pc:spChg chg="mod">
          <ac:chgData name="White, Alex" userId="eff6cc8c-37d8-483b-9c6c-6b27e9afa9bc" providerId="ADAL" clId="{BF04C754-5BF4-4E83-9615-DB14FA25AF8A}" dt="2023-10-12T11:38:20.867" v="298"/>
          <ac:spMkLst>
            <pc:docMk/>
            <pc:sldMk cId="2376958513" sldId="260"/>
            <ac:spMk id="9090" creationId="{7D7414C7-84D0-A231-3333-14AF05EDA9B2}"/>
          </ac:spMkLst>
        </pc:spChg>
        <pc:spChg chg="mod">
          <ac:chgData name="White, Alex" userId="eff6cc8c-37d8-483b-9c6c-6b27e9afa9bc" providerId="ADAL" clId="{BF04C754-5BF4-4E83-9615-DB14FA25AF8A}" dt="2023-10-12T11:38:20.867" v="298"/>
          <ac:spMkLst>
            <pc:docMk/>
            <pc:sldMk cId="2376958513" sldId="260"/>
            <ac:spMk id="9091" creationId="{989F74C6-3B8E-285B-8A85-9DAEEE51DAF4}"/>
          </ac:spMkLst>
        </pc:spChg>
        <pc:spChg chg="mod">
          <ac:chgData name="White, Alex" userId="eff6cc8c-37d8-483b-9c6c-6b27e9afa9bc" providerId="ADAL" clId="{BF04C754-5BF4-4E83-9615-DB14FA25AF8A}" dt="2023-10-12T11:38:20.867" v="298"/>
          <ac:spMkLst>
            <pc:docMk/>
            <pc:sldMk cId="2376958513" sldId="260"/>
            <ac:spMk id="9092" creationId="{8A39F3BC-6738-5477-C10B-7E409E21D2D8}"/>
          </ac:spMkLst>
        </pc:spChg>
        <pc:spChg chg="mod">
          <ac:chgData name="White, Alex" userId="eff6cc8c-37d8-483b-9c6c-6b27e9afa9bc" providerId="ADAL" clId="{BF04C754-5BF4-4E83-9615-DB14FA25AF8A}" dt="2023-10-12T11:38:20.867" v="298"/>
          <ac:spMkLst>
            <pc:docMk/>
            <pc:sldMk cId="2376958513" sldId="260"/>
            <ac:spMk id="9093" creationId="{C3F2C329-8F71-1783-8BFA-315259D2EDF3}"/>
          </ac:spMkLst>
        </pc:spChg>
        <pc:spChg chg="mod">
          <ac:chgData name="White, Alex" userId="eff6cc8c-37d8-483b-9c6c-6b27e9afa9bc" providerId="ADAL" clId="{BF04C754-5BF4-4E83-9615-DB14FA25AF8A}" dt="2023-10-12T11:38:20.867" v="298"/>
          <ac:spMkLst>
            <pc:docMk/>
            <pc:sldMk cId="2376958513" sldId="260"/>
            <ac:spMk id="9094" creationId="{C3FF0D1D-52D8-3B23-EC82-CC41C3A19001}"/>
          </ac:spMkLst>
        </pc:spChg>
        <pc:spChg chg="mod">
          <ac:chgData name="White, Alex" userId="eff6cc8c-37d8-483b-9c6c-6b27e9afa9bc" providerId="ADAL" clId="{BF04C754-5BF4-4E83-9615-DB14FA25AF8A}" dt="2023-10-12T11:38:20.867" v="298"/>
          <ac:spMkLst>
            <pc:docMk/>
            <pc:sldMk cId="2376958513" sldId="260"/>
            <ac:spMk id="9095" creationId="{60ED852B-452E-F0D1-9C46-E1BF245042C9}"/>
          </ac:spMkLst>
        </pc:spChg>
        <pc:spChg chg="mod">
          <ac:chgData name="White, Alex" userId="eff6cc8c-37d8-483b-9c6c-6b27e9afa9bc" providerId="ADAL" clId="{BF04C754-5BF4-4E83-9615-DB14FA25AF8A}" dt="2023-10-12T11:38:20.867" v="298"/>
          <ac:spMkLst>
            <pc:docMk/>
            <pc:sldMk cId="2376958513" sldId="260"/>
            <ac:spMk id="9096" creationId="{14FBE995-939D-5F55-D0B1-763FC8E4E446}"/>
          </ac:spMkLst>
        </pc:spChg>
        <pc:spChg chg="mod">
          <ac:chgData name="White, Alex" userId="eff6cc8c-37d8-483b-9c6c-6b27e9afa9bc" providerId="ADAL" clId="{BF04C754-5BF4-4E83-9615-DB14FA25AF8A}" dt="2023-10-12T11:38:20.867" v="298"/>
          <ac:spMkLst>
            <pc:docMk/>
            <pc:sldMk cId="2376958513" sldId="260"/>
            <ac:spMk id="9097" creationId="{A9D43BCA-1AD7-5D39-8937-96A8B7EAB099}"/>
          </ac:spMkLst>
        </pc:spChg>
        <pc:spChg chg="mod">
          <ac:chgData name="White, Alex" userId="eff6cc8c-37d8-483b-9c6c-6b27e9afa9bc" providerId="ADAL" clId="{BF04C754-5BF4-4E83-9615-DB14FA25AF8A}" dt="2023-10-12T11:38:20.867" v="298"/>
          <ac:spMkLst>
            <pc:docMk/>
            <pc:sldMk cId="2376958513" sldId="260"/>
            <ac:spMk id="9098" creationId="{F7C7CF99-E648-5726-A20C-8ED77068D35B}"/>
          </ac:spMkLst>
        </pc:spChg>
        <pc:spChg chg="mod">
          <ac:chgData name="White, Alex" userId="eff6cc8c-37d8-483b-9c6c-6b27e9afa9bc" providerId="ADAL" clId="{BF04C754-5BF4-4E83-9615-DB14FA25AF8A}" dt="2023-10-12T11:38:20.867" v="298"/>
          <ac:spMkLst>
            <pc:docMk/>
            <pc:sldMk cId="2376958513" sldId="260"/>
            <ac:spMk id="9099" creationId="{6AA697E7-B748-5C38-E9BC-C4DA94FD5C8F}"/>
          </ac:spMkLst>
        </pc:spChg>
        <pc:spChg chg="mod">
          <ac:chgData name="White, Alex" userId="eff6cc8c-37d8-483b-9c6c-6b27e9afa9bc" providerId="ADAL" clId="{BF04C754-5BF4-4E83-9615-DB14FA25AF8A}" dt="2023-10-12T11:38:20.867" v="298"/>
          <ac:spMkLst>
            <pc:docMk/>
            <pc:sldMk cId="2376958513" sldId="260"/>
            <ac:spMk id="9100" creationId="{83F51F51-5A0A-D35B-E69F-13D4100BC0AE}"/>
          </ac:spMkLst>
        </pc:spChg>
        <pc:spChg chg="mod">
          <ac:chgData name="White, Alex" userId="eff6cc8c-37d8-483b-9c6c-6b27e9afa9bc" providerId="ADAL" clId="{BF04C754-5BF4-4E83-9615-DB14FA25AF8A}" dt="2023-10-12T11:38:20.867" v="298"/>
          <ac:spMkLst>
            <pc:docMk/>
            <pc:sldMk cId="2376958513" sldId="260"/>
            <ac:spMk id="9101" creationId="{AEC27B78-D75A-3231-4934-34E150E85152}"/>
          </ac:spMkLst>
        </pc:spChg>
        <pc:spChg chg="mod">
          <ac:chgData name="White, Alex" userId="eff6cc8c-37d8-483b-9c6c-6b27e9afa9bc" providerId="ADAL" clId="{BF04C754-5BF4-4E83-9615-DB14FA25AF8A}" dt="2023-10-12T11:38:20.867" v="298"/>
          <ac:spMkLst>
            <pc:docMk/>
            <pc:sldMk cId="2376958513" sldId="260"/>
            <ac:spMk id="9102" creationId="{5CB1ED02-5C64-209F-CF61-B7AD0FB9EC1B}"/>
          </ac:spMkLst>
        </pc:spChg>
        <pc:spChg chg="mod">
          <ac:chgData name="White, Alex" userId="eff6cc8c-37d8-483b-9c6c-6b27e9afa9bc" providerId="ADAL" clId="{BF04C754-5BF4-4E83-9615-DB14FA25AF8A}" dt="2023-10-12T11:38:20.867" v="298"/>
          <ac:spMkLst>
            <pc:docMk/>
            <pc:sldMk cId="2376958513" sldId="260"/>
            <ac:spMk id="9103" creationId="{2A70FF7A-1A95-E564-007F-1AFE22650746}"/>
          </ac:spMkLst>
        </pc:spChg>
        <pc:spChg chg="mod">
          <ac:chgData name="White, Alex" userId="eff6cc8c-37d8-483b-9c6c-6b27e9afa9bc" providerId="ADAL" clId="{BF04C754-5BF4-4E83-9615-DB14FA25AF8A}" dt="2023-10-12T11:38:20.867" v="298"/>
          <ac:spMkLst>
            <pc:docMk/>
            <pc:sldMk cId="2376958513" sldId="260"/>
            <ac:spMk id="9104" creationId="{B120A256-F52E-0185-93F0-FB9423C3BAF3}"/>
          </ac:spMkLst>
        </pc:spChg>
        <pc:spChg chg="mod">
          <ac:chgData name="White, Alex" userId="eff6cc8c-37d8-483b-9c6c-6b27e9afa9bc" providerId="ADAL" clId="{BF04C754-5BF4-4E83-9615-DB14FA25AF8A}" dt="2023-10-12T11:38:20.867" v="298"/>
          <ac:spMkLst>
            <pc:docMk/>
            <pc:sldMk cId="2376958513" sldId="260"/>
            <ac:spMk id="9105" creationId="{40139E64-4416-85F5-46AB-7847CF50F088}"/>
          </ac:spMkLst>
        </pc:spChg>
        <pc:spChg chg="mod">
          <ac:chgData name="White, Alex" userId="eff6cc8c-37d8-483b-9c6c-6b27e9afa9bc" providerId="ADAL" clId="{BF04C754-5BF4-4E83-9615-DB14FA25AF8A}" dt="2023-10-12T11:38:20.867" v="298"/>
          <ac:spMkLst>
            <pc:docMk/>
            <pc:sldMk cId="2376958513" sldId="260"/>
            <ac:spMk id="9106" creationId="{878DEF8D-E9B6-1555-081B-1496B889CF89}"/>
          </ac:spMkLst>
        </pc:spChg>
        <pc:spChg chg="mod">
          <ac:chgData name="White, Alex" userId="eff6cc8c-37d8-483b-9c6c-6b27e9afa9bc" providerId="ADAL" clId="{BF04C754-5BF4-4E83-9615-DB14FA25AF8A}" dt="2023-10-12T11:38:20.867" v="298"/>
          <ac:spMkLst>
            <pc:docMk/>
            <pc:sldMk cId="2376958513" sldId="260"/>
            <ac:spMk id="9107" creationId="{F5D3CDCC-55DE-BD14-2E40-02F66D11B7CF}"/>
          </ac:spMkLst>
        </pc:spChg>
        <pc:spChg chg="mod">
          <ac:chgData name="White, Alex" userId="eff6cc8c-37d8-483b-9c6c-6b27e9afa9bc" providerId="ADAL" clId="{BF04C754-5BF4-4E83-9615-DB14FA25AF8A}" dt="2023-10-12T11:38:20.867" v="298"/>
          <ac:spMkLst>
            <pc:docMk/>
            <pc:sldMk cId="2376958513" sldId="260"/>
            <ac:spMk id="9108" creationId="{FF98E68A-6E63-8077-20BD-DB761AB7780A}"/>
          </ac:spMkLst>
        </pc:spChg>
        <pc:spChg chg="mod">
          <ac:chgData name="White, Alex" userId="eff6cc8c-37d8-483b-9c6c-6b27e9afa9bc" providerId="ADAL" clId="{BF04C754-5BF4-4E83-9615-DB14FA25AF8A}" dt="2023-10-12T11:38:20.867" v="298"/>
          <ac:spMkLst>
            <pc:docMk/>
            <pc:sldMk cId="2376958513" sldId="260"/>
            <ac:spMk id="9109" creationId="{7E8221BC-98D0-0BB1-C888-3FB3FE4E9C8C}"/>
          </ac:spMkLst>
        </pc:spChg>
        <pc:spChg chg="mod">
          <ac:chgData name="White, Alex" userId="eff6cc8c-37d8-483b-9c6c-6b27e9afa9bc" providerId="ADAL" clId="{BF04C754-5BF4-4E83-9615-DB14FA25AF8A}" dt="2023-10-12T11:38:20.867" v="298"/>
          <ac:spMkLst>
            <pc:docMk/>
            <pc:sldMk cId="2376958513" sldId="260"/>
            <ac:spMk id="9110" creationId="{2B90E28F-29EE-8D9D-599A-6A50F7B60953}"/>
          </ac:spMkLst>
        </pc:spChg>
        <pc:spChg chg="mod">
          <ac:chgData name="White, Alex" userId="eff6cc8c-37d8-483b-9c6c-6b27e9afa9bc" providerId="ADAL" clId="{BF04C754-5BF4-4E83-9615-DB14FA25AF8A}" dt="2023-10-12T11:38:20.867" v="298"/>
          <ac:spMkLst>
            <pc:docMk/>
            <pc:sldMk cId="2376958513" sldId="260"/>
            <ac:spMk id="9111" creationId="{86E0AF0E-B0B4-0B6F-42F1-EEE9E29E6E48}"/>
          </ac:spMkLst>
        </pc:spChg>
        <pc:spChg chg="mod">
          <ac:chgData name="White, Alex" userId="eff6cc8c-37d8-483b-9c6c-6b27e9afa9bc" providerId="ADAL" clId="{BF04C754-5BF4-4E83-9615-DB14FA25AF8A}" dt="2023-10-12T11:38:20.867" v="298"/>
          <ac:spMkLst>
            <pc:docMk/>
            <pc:sldMk cId="2376958513" sldId="260"/>
            <ac:spMk id="9112" creationId="{96090885-D8CB-CFBB-1C71-0612E286B424}"/>
          </ac:spMkLst>
        </pc:spChg>
        <pc:spChg chg="mod">
          <ac:chgData name="White, Alex" userId="eff6cc8c-37d8-483b-9c6c-6b27e9afa9bc" providerId="ADAL" clId="{BF04C754-5BF4-4E83-9615-DB14FA25AF8A}" dt="2023-10-12T11:38:20.867" v="298"/>
          <ac:spMkLst>
            <pc:docMk/>
            <pc:sldMk cId="2376958513" sldId="260"/>
            <ac:spMk id="9113" creationId="{E30AF942-B1C7-75DA-1871-8AE5700DFD80}"/>
          </ac:spMkLst>
        </pc:spChg>
        <pc:spChg chg="mod">
          <ac:chgData name="White, Alex" userId="eff6cc8c-37d8-483b-9c6c-6b27e9afa9bc" providerId="ADAL" clId="{BF04C754-5BF4-4E83-9615-DB14FA25AF8A}" dt="2023-10-12T11:38:20.867" v="298"/>
          <ac:spMkLst>
            <pc:docMk/>
            <pc:sldMk cId="2376958513" sldId="260"/>
            <ac:spMk id="9114" creationId="{DA79BA97-D253-711F-048B-227FD2658281}"/>
          </ac:spMkLst>
        </pc:spChg>
        <pc:spChg chg="mod">
          <ac:chgData name="White, Alex" userId="eff6cc8c-37d8-483b-9c6c-6b27e9afa9bc" providerId="ADAL" clId="{BF04C754-5BF4-4E83-9615-DB14FA25AF8A}" dt="2023-10-12T11:38:20.867" v="298"/>
          <ac:spMkLst>
            <pc:docMk/>
            <pc:sldMk cId="2376958513" sldId="260"/>
            <ac:spMk id="9115" creationId="{8813D5DD-2D6E-4614-18ED-DF5D652BB5D0}"/>
          </ac:spMkLst>
        </pc:spChg>
        <pc:spChg chg="mod">
          <ac:chgData name="White, Alex" userId="eff6cc8c-37d8-483b-9c6c-6b27e9afa9bc" providerId="ADAL" clId="{BF04C754-5BF4-4E83-9615-DB14FA25AF8A}" dt="2023-10-12T11:38:20.867" v="298"/>
          <ac:spMkLst>
            <pc:docMk/>
            <pc:sldMk cId="2376958513" sldId="260"/>
            <ac:spMk id="9116" creationId="{BDAFBD8F-6DCE-7CF4-76C8-38FF6DB45E41}"/>
          </ac:spMkLst>
        </pc:spChg>
        <pc:spChg chg="mod">
          <ac:chgData name="White, Alex" userId="eff6cc8c-37d8-483b-9c6c-6b27e9afa9bc" providerId="ADAL" clId="{BF04C754-5BF4-4E83-9615-DB14FA25AF8A}" dt="2023-10-12T11:38:20.867" v="298"/>
          <ac:spMkLst>
            <pc:docMk/>
            <pc:sldMk cId="2376958513" sldId="260"/>
            <ac:spMk id="9117" creationId="{810EB09A-A775-169A-7079-30F69D02286D}"/>
          </ac:spMkLst>
        </pc:spChg>
        <pc:spChg chg="mod">
          <ac:chgData name="White, Alex" userId="eff6cc8c-37d8-483b-9c6c-6b27e9afa9bc" providerId="ADAL" clId="{BF04C754-5BF4-4E83-9615-DB14FA25AF8A}" dt="2023-10-12T11:38:20.867" v="298"/>
          <ac:spMkLst>
            <pc:docMk/>
            <pc:sldMk cId="2376958513" sldId="260"/>
            <ac:spMk id="9118" creationId="{0BB7D13E-FE12-805B-E3D1-609AD0E7FF66}"/>
          </ac:spMkLst>
        </pc:spChg>
        <pc:spChg chg="mod">
          <ac:chgData name="White, Alex" userId="eff6cc8c-37d8-483b-9c6c-6b27e9afa9bc" providerId="ADAL" clId="{BF04C754-5BF4-4E83-9615-DB14FA25AF8A}" dt="2023-10-12T11:38:20.867" v="298"/>
          <ac:spMkLst>
            <pc:docMk/>
            <pc:sldMk cId="2376958513" sldId="260"/>
            <ac:spMk id="9119" creationId="{3025F1BE-70FB-9B8C-65D5-AF59E28AEBCA}"/>
          </ac:spMkLst>
        </pc:spChg>
        <pc:spChg chg="mod">
          <ac:chgData name="White, Alex" userId="eff6cc8c-37d8-483b-9c6c-6b27e9afa9bc" providerId="ADAL" clId="{BF04C754-5BF4-4E83-9615-DB14FA25AF8A}" dt="2023-10-12T11:38:20.867" v="298"/>
          <ac:spMkLst>
            <pc:docMk/>
            <pc:sldMk cId="2376958513" sldId="260"/>
            <ac:spMk id="9120" creationId="{62C49F01-D127-50BB-6376-B1C9A3DEC06D}"/>
          </ac:spMkLst>
        </pc:spChg>
        <pc:spChg chg="mod">
          <ac:chgData name="White, Alex" userId="eff6cc8c-37d8-483b-9c6c-6b27e9afa9bc" providerId="ADAL" clId="{BF04C754-5BF4-4E83-9615-DB14FA25AF8A}" dt="2023-10-12T11:38:20.867" v="298"/>
          <ac:spMkLst>
            <pc:docMk/>
            <pc:sldMk cId="2376958513" sldId="260"/>
            <ac:spMk id="9121" creationId="{9C5D7A85-D04C-E74B-BDCB-FD27A3794E31}"/>
          </ac:spMkLst>
        </pc:spChg>
        <pc:spChg chg="mod">
          <ac:chgData name="White, Alex" userId="eff6cc8c-37d8-483b-9c6c-6b27e9afa9bc" providerId="ADAL" clId="{BF04C754-5BF4-4E83-9615-DB14FA25AF8A}" dt="2023-10-12T11:38:20.867" v="298"/>
          <ac:spMkLst>
            <pc:docMk/>
            <pc:sldMk cId="2376958513" sldId="260"/>
            <ac:spMk id="9122" creationId="{901E6131-046B-C39B-A6FD-2430DC1D252B}"/>
          </ac:spMkLst>
        </pc:spChg>
        <pc:spChg chg="mod">
          <ac:chgData name="White, Alex" userId="eff6cc8c-37d8-483b-9c6c-6b27e9afa9bc" providerId="ADAL" clId="{BF04C754-5BF4-4E83-9615-DB14FA25AF8A}" dt="2023-10-12T11:38:20.867" v="298"/>
          <ac:spMkLst>
            <pc:docMk/>
            <pc:sldMk cId="2376958513" sldId="260"/>
            <ac:spMk id="9123" creationId="{E8C3F2B3-B562-8E09-4908-9323B81D3992}"/>
          </ac:spMkLst>
        </pc:spChg>
        <pc:spChg chg="mod">
          <ac:chgData name="White, Alex" userId="eff6cc8c-37d8-483b-9c6c-6b27e9afa9bc" providerId="ADAL" clId="{BF04C754-5BF4-4E83-9615-DB14FA25AF8A}" dt="2023-10-12T11:38:20.867" v="298"/>
          <ac:spMkLst>
            <pc:docMk/>
            <pc:sldMk cId="2376958513" sldId="260"/>
            <ac:spMk id="9124" creationId="{4F639267-85EE-A618-265C-5689D5ABAA29}"/>
          </ac:spMkLst>
        </pc:spChg>
        <pc:spChg chg="mod">
          <ac:chgData name="White, Alex" userId="eff6cc8c-37d8-483b-9c6c-6b27e9afa9bc" providerId="ADAL" clId="{BF04C754-5BF4-4E83-9615-DB14FA25AF8A}" dt="2023-10-12T11:38:20.867" v="298"/>
          <ac:spMkLst>
            <pc:docMk/>
            <pc:sldMk cId="2376958513" sldId="260"/>
            <ac:spMk id="9125" creationId="{01FDDA9C-A59E-2BA1-F1F9-1E0B48B1B23E}"/>
          </ac:spMkLst>
        </pc:spChg>
        <pc:spChg chg="mod">
          <ac:chgData name="White, Alex" userId="eff6cc8c-37d8-483b-9c6c-6b27e9afa9bc" providerId="ADAL" clId="{BF04C754-5BF4-4E83-9615-DB14FA25AF8A}" dt="2023-10-12T11:38:20.867" v="298"/>
          <ac:spMkLst>
            <pc:docMk/>
            <pc:sldMk cId="2376958513" sldId="260"/>
            <ac:spMk id="9126" creationId="{52B912BC-9C8F-CC12-B887-5CB2150EEAEC}"/>
          </ac:spMkLst>
        </pc:spChg>
        <pc:spChg chg="mod">
          <ac:chgData name="White, Alex" userId="eff6cc8c-37d8-483b-9c6c-6b27e9afa9bc" providerId="ADAL" clId="{BF04C754-5BF4-4E83-9615-DB14FA25AF8A}" dt="2023-10-12T11:38:20.867" v="298"/>
          <ac:spMkLst>
            <pc:docMk/>
            <pc:sldMk cId="2376958513" sldId="260"/>
            <ac:spMk id="9127" creationId="{0E89C58B-416F-C0B6-096D-40F966B74659}"/>
          </ac:spMkLst>
        </pc:spChg>
        <pc:spChg chg="mod">
          <ac:chgData name="White, Alex" userId="eff6cc8c-37d8-483b-9c6c-6b27e9afa9bc" providerId="ADAL" clId="{BF04C754-5BF4-4E83-9615-DB14FA25AF8A}" dt="2023-10-12T11:38:20.867" v="298"/>
          <ac:spMkLst>
            <pc:docMk/>
            <pc:sldMk cId="2376958513" sldId="260"/>
            <ac:spMk id="9128" creationId="{1276AAB1-0281-4B53-1E99-6A25DB27E06B}"/>
          </ac:spMkLst>
        </pc:spChg>
        <pc:spChg chg="mod">
          <ac:chgData name="White, Alex" userId="eff6cc8c-37d8-483b-9c6c-6b27e9afa9bc" providerId="ADAL" clId="{BF04C754-5BF4-4E83-9615-DB14FA25AF8A}" dt="2023-10-12T11:38:20.867" v="298"/>
          <ac:spMkLst>
            <pc:docMk/>
            <pc:sldMk cId="2376958513" sldId="260"/>
            <ac:spMk id="9129" creationId="{464F2BC6-F539-9E49-7574-593B36E76493}"/>
          </ac:spMkLst>
        </pc:spChg>
        <pc:spChg chg="mod">
          <ac:chgData name="White, Alex" userId="eff6cc8c-37d8-483b-9c6c-6b27e9afa9bc" providerId="ADAL" clId="{BF04C754-5BF4-4E83-9615-DB14FA25AF8A}" dt="2023-10-12T11:38:20.867" v="298"/>
          <ac:spMkLst>
            <pc:docMk/>
            <pc:sldMk cId="2376958513" sldId="260"/>
            <ac:spMk id="9130" creationId="{ADEF2A31-BDA7-3242-F2B7-4A4D54D869BC}"/>
          </ac:spMkLst>
        </pc:spChg>
        <pc:spChg chg="mod">
          <ac:chgData name="White, Alex" userId="eff6cc8c-37d8-483b-9c6c-6b27e9afa9bc" providerId="ADAL" clId="{BF04C754-5BF4-4E83-9615-DB14FA25AF8A}" dt="2023-10-12T11:38:20.867" v="298"/>
          <ac:spMkLst>
            <pc:docMk/>
            <pc:sldMk cId="2376958513" sldId="260"/>
            <ac:spMk id="9131" creationId="{632ADD3E-B029-6AEA-98C4-32285BC98055}"/>
          </ac:spMkLst>
        </pc:spChg>
        <pc:spChg chg="mod">
          <ac:chgData name="White, Alex" userId="eff6cc8c-37d8-483b-9c6c-6b27e9afa9bc" providerId="ADAL" clId="{BF04C754-5BF4-4E83-9615-DB14FA25AF8A}" dt="2023-10-12T11:38:20.867" v="298"/>
          <ac:spMkLst>
            <pc:docMk/>
            <pc:sldMk cId="2376958513" sldId="260"/>
            <ac:spMk id="9132" creationId="{7C64C567-23A7-23D5-1E73-43A4C880F8B0}"/>
          </ac:spMkLst>
        </pc:spChg>
        <pc:spChg chg="mod">
          <ac:chgData name="White, Alex" userId="eff6cc8c-37d8-483b-9c6c-6b27e9afa9bc" providerId="ADAL" clId="{BF04C754-5BF4-4E83-9615-DB14FA25AF8A}" dt="2023-10-12T11:38:20.867" v="298"/>
          <ac:spMkLst>
            <pc:docMk/>
            <pc:sldMk cId="2376958513" sldId="260"/>
            <ac:spMk id="9133" creationId="{8BBB0D3F-C8BE-8B64-2AB8-422FEEC3E95F}"/>
          </ac:spMkLst>
        </pc:spChg>
        <pc:spChg chg="mod">
          <ac:chgData name="White, Alex" userId="eff6cc8c-37d8-483b-9c6c-6b27e9afa9bc" providerId="ADAL" clId="{BF04C754-5BF4-4E83-9615-DB14FA25AF8A}" dt="2023-10-12T11:38:20.867" v="298"/>
          <ac:spMkLst>
            <pc:docMk/>
            <pc:sldMk cId="2376958513" sldId="260"/>
            <ac:spMk id="9134" creationId="{B34BE9E9-246B-C230-05FD-F2F6E53B24D8}"/>
          </ac:spMkLst>
        </pc:spChg>
        <pc:spChg chg="mod">
          <ac:chgData name="White, Alex" userId="eff6cc8c-37d8-483b-9c6c-6b27e9afa9bc" providerId="ADAL" clId="{BF04C754-5BF4-4E83-9615-DB14FA25AF8A}" dt="2023-10-12T11:38:20.867" v="298"/>
          <ac:spMkLst>
            <pc:docMk/>
            <pc:sldMk cId="2376958513" sldId="260"/>
            <ac:spMk id="9135" creationId="{0A88FC78-62FF-776B-3CF5-96B2789D11B9}"/>
          </ac:spMkLst>
        </pc:spChg>
        <pc:spChg chg="mod">
          <ac:chgData name="White, Alex" userId="eff6cc8c-37d8-483b-9c6c-6b27e9afa9bc" providerId="ADAL" clId="{BF04C754-5BF4-4E83-9615-DB14FA25AF8A}" dt="2023-10-12T11:38:20.867" v="298"/>
          <ac:spMkLst>
            <pc:docMk/>
            <pc:sldMk cId="2376958513" sldId="260"/>
            <ac:spMk id="9136" creationId="{5A712D5E-85FD-AE89-5AE8-8D02CAADA36B}"/>
          </ac:spMkLst>
        </pc:spChg>
        <pc:spChg chg="mod">
          <ac:chgData name="White, Alex" userId="eff6cc8c-37d8-483b-9c6c-6b27e9afa9bc" providerId="ADAL" clId="{BF04C754-5BF4-4E83-9615-DB14FA25AF8A}" dt="2023-10-12T11:38:20.867" v="298"/>
          <ac:spMkLst>
            <pc:docMk/>
            <pc:sldMk cId="2376958513" sldId="260"/>
            <ac:spMk id="9137" creationId="{5BA3B400-C39A-8CB9-1FD0-9E80336E055C}"/>
          </ac:spMkLst>
        </pc:spChg>
        <pc:spChg chg="mod">
          <ac:chgData name="White, Alex" userId="eff6cc8c-37d8-483b-9c6c-6b27e9afa9bc" providerId="ADAL" clId="{BF04C754-5BF4-4E83-9615-DB14FA25AF8A}" dt="2023-10-12T11:38:20.867" v="298"/>
          <ac:spMkLst>
            <pc:docMk/>
            <pc:sldMk cId="2376958513" sldId="260"/>
            <ac:spMk id="9138" creationId="{006AB939-BE97-01A0-3326-A5C01CBBE76A}"/>
          </ac:spMkLst>
        </pc:spChg>
        <pc:spChg chg="mod">
          <ac:chgData name="White, Alex" userId="eff6cc8c-37d8-483b-9c6c-6b27e9afa9bc" providerId="ADAL" clId="{BF04C754-5BF4-4E83-9615-DB14FA25AF8A}" dt="2023-10-12T11:38:20.867" v="298"/>
          <ac:spMkLst>
            <pc:docMk/>
            <pc:sldMk cId="2376958513" sldId="260"/>
            <ac:spMk id="9139" creationId="{DA63126F-6F51-AA97-70D9-21671DABDD6C}"/>
          </ac:spMkLst>
        </pc:spChg>
        <pc:spChg chg="mod">
          <ac:chgData name="White, Alex" userId="eff6cc8c-37d8-483b-9c6c-6b27e9afa9bc" providerId="ADAL" clId="{BF04C754-5BF4-4E83-9615-DB14FA25AF8A}" dt="2023-10-12T11:38:20.867" v="298"/>
          <ac:spMkLst>
            <pc:docMk/>
            <pc:sldMk cId="2376958513" sldId="260"/>
            <ac:spMk id="9140" creationId="{7D1E399E-ADFB-A684-47B3-E2488A9D2AA0}"/>
          </ac:spMkLst>
        </pc:spChg>
        <pc:spChg chg="mod">
          <ac:chgData name="White, Alex" userId="eff6cc8c-37d8-483b-9c6c-6b27e9afa9bc" providerId="ADAL" clId="{BF04C754-5BF4-4E83-9615-DB14FA25AF8A}" dt="2023-10-12T11:38:20.867" v="298"/>
          <ac:spMkLst>
            <pc:docMk/>
            <pc:sldMk cId="2376958513" sldId="260"/>
            <ac:spMk id="9141" creationId="{48435BAC-A09A-3D6D-678F-19F27B914F6B}"/>
          </ac:spMkLst>
        </pc:spChg>
        <pc:spChg chg="mod">
          <ac:chgData name="White, Alex" userId="eff6cc8c-37d8-483b-9c6c-6b27e9afa9bc" providerId="ADAL" clId="{BF04C754-5BF4-4E83-9615-DB14FA25AF8A}" dt="2023-10-12T11:38:20.867" v="298"/>
          <ac:spMkLst>
            <pc:docMk/>
            <pc:sldMk cId="2376958513" sldId="260"/>
            <ac:spMk id="9142" creationId="{E7BBE16A-EAE3-F453-0784-EA0ECD3CABCF}"/>
          </ac:spMkLst>
        </pc:spChg>
        <pc:spChg chg="mod">
          <ac:chgData name="White, Alex" userId="eff6cc8c-37d8-483b-9c6c-6b27e9afa9bc" providerId="ADAL" clId="{BF04C754-5BF4-4E83-9615-DB14FA25AF8A}" dt="2023-10-12T11:38:20.867" v="298"/>
          <ac:spMkLst>
            <pc:docMk/>
            <pc:sldMk cId="2376958513" sldId="260"/>
            <ac:spMk id="9143" creationId="{03F511A0-4D91-D066-0A70-5F08A8A0DB24}"/>
          </ac:spMkLst>
        </pc:spChg>
        <pc:spChg chg="mod">
          <ac:chgData name="White, Alex" userId="eff6cc8c-37d8-483b-9c6c-6b27e9afa9bc" providerId="ADAL" clId="{BF04C754-5BF4-4E83-9615-DB14FA25AF8A}" dt="2023-10-12T11:38:20.867" v="298"/>
          <ac:spMkLst>
            <pc:docMk/>
            <pc:sldMk cId="2376958513" sldId="260"/>
            <ac:spMk id="9144" creationId="{66425E03-7CAD-69CA-4392-6E92A57058E8}"/>
          </ac:spMkLst>
        </pc:spChg>
        <pc:spChg chg="mod">
          <ac:chgData name="White, Alex" userId="eff6cc8c-37d8-483b-9c6c-6b27e9afa9bc" providerId="ADAL" clId="{BF04C754-5BF4-4E83-9615-DB14FA25AF8A}" dt="2023-10-12T11:38:20.867" v="298"/>
          <ac:spMkLst>
            <pc:docMk/>
            <pc:sldMk cId="2376958513" sldId="260"/>
            <ac:spMk id="9145" creationId="{B4CF8FFE-DC13-9579-6F8B-3D34EA00761D}"/>
          </ac:spMkLst>
        </pc:spChg>
        <pc:spChg chg="mod">
          <ac:chgData name="White, Alex" userId="eff6cc8c-37d8-483b-9c6c-6b27e9afa9bc" providerId="ADAL" clId="{BF04C754-5BF4-4E83-9615-DB14FA25AF8A}" dt="2023-10-12T11:38:20.867" v="298"/>
          <ac:spMkLst>
            <pc:docMk/>
            <pc:sldMk cId="2376958513" sldId="260"/>
            <ac:spMk id="9146" creationId="{969CD1BE-F767-EE29-0D35-E2F17EFF058E}"/>
          </ac:spMkLst>
        </pc:spChg>
        <pc:spChg chg="mod">
          <ac:chgData name="White, Alex" userId="eff6cc8c-37d8-483b-9c6c-6b27e9afa9bc" providerId="ADAL" clId="{BF04C754-5BF4-4E83-9615-DB14FA25AF8A}" dt="2023-10-12T11:38:20.867" v="298"/>
          <ac:spMkLst>
            <pc:docMk/>
            <pc:sldMk cId="2376958513" sldId="260"/>
            <ac:spMk id="9147" creationId="{E06090E9-9C77-8505-9137-84B291FED88F}"/>
          </ac:spMkLst>
        </pc:spChg>
        <pc:spChg chg="mod">
          <ac:chgData name="White, Alex" userId="eff6cc8c-37d8-483b-9c6c-6b27e9afa9bc" providerId="ADAL" clId="{BF04C754-5BF4-4E83-9615-DB14FA25AF8A}" dt="2023-10-12T11:38:20.867" v="298"/>
          <ac:spMkLst>
            <pc:docMk/>
            <pc:sldMk cId="2376958513" sldId="260"/>
            <ac:spMk id="9148" creationId="{AE1D87E2-D08A-711D-D74A-7F16F4305F75}"/>
          </ac:spMkLst>
        </pc:spChg>
        <pc:spChg chg="mod">
          <ac:chgData name="White, Alex" userId="eff6cc8c-37d8-483b-9c6c-6b27e9afa9bc" providerId="ADAL" clId="{BF04C754-5BF4-4E83-9615-DB14FA25AF8A}" dt="2023-10-12T11:38:20.867" v="298"/>
          <ac:spMkLst>
            <pc:docMk/>
            <pc:sldMk cId="2376958513" sldId="260"/>
            <ac:spMk id="9149" creationId="{719BFF74-FE76-5378-6A12-DD6EC95D2F5B}"/>
          </ac:spMkLst>
        </pc:spChg>
        <pc:spChg chg="mod">
          <ac:chgData name="White, Alex" userId="eff6cc8c-37d8-483b-9c6c-6b27e9afa9bc" providerId="ADAL" clId="{BF04C754-5BF4-4E83-9615-DB14FA25AF8A}" dt="2023-10-12T11:38:20.867" v="298"/>
          <ac:spMkLst>
            <pc:docMk/>
            <pc:sldMk cId="2376958513" sldId="260"/>
            <ac:spMk id="9150" creationId="{9AFE4182-BA57-D18F-5341-8732D69451B6}"/>
          </ac:spMkLst>
        </pc:spChg>
        <pc:spChg chg="mod">
          <ac:chgData name="White, Alex" userId="eff6cc8c-37d8-483b-9c6c-6b27e9afa9bc" providerId="ADAL" clId="{BF04C754-5BF4-4E83-9615-DB14FA25AF8A}" dt="2023-10-12T11:38:20.867" v="298"/>
          <ac:spMkLst>
            <pc:docMk/>
            <pc:sldMk cId="2376958513" sldId="260"/>
            <ac:spMk id="9151" creationId="{16F92E9D-DA33-9E65-D352-77974A377074}"/>
          </ac:spMkLst>
        </pc:spChg>
        <pc:spChg chg="mod">
          <ac:chgData name="White, Alex" userId="eff6cc8c-37d8-483b-9c6c-6b27e9afa9bc" providerId="ADAL" clId="{BF04C754-5BF4-4E83-9615-DB14FA25AF8A}" dt="2023-10-12T11:38:20.867" v="298"/>
          <ac:spMkLst>
            <pc:docMk/>
            <pc:sldMk cId="2376958513" sldId="260"/>
            <ac:spMk id="9152" creationId="{B1B586AD-511A-47D2-536A-EF96D47AEC42}"/>
          </ac:spMkLst>
        </pc:spChg>
        <pc:spChg chg="mod">
          <ac:chgData name="White, Alex" userId="eff6cc8c-37d8-483b-9c6c-6b27e9afa9bc" providerId="ADAL" clId="{BF04C754-5BF4-4E83-9615-DB14FA25AF8A}" dt="2023-10-12T11:38:20.867" v="298"/>
          <ac:spMkLst>
            <pc:docMk/>
            <pc:sldMk cId="2376958513" sldId="260"/>
            <ac:spMk id="9153" creationId="{BC1CC86A-0243-E474-C876-0F1DCEF57C0F}"/>
          </ac:spMkLst>
        </pc:spChg>
        <pc:spChg chg="mod">
          <ac:chgData name="White, Alex" userId="eff6cc8c-37d8-483b-9c6c-6b27e9afa9bc" providerId="ADAL" clId="{BF04C754-5BF4-4E83-9615-DB14FA25AF8A}" dt="2023-10-12T11:38:20.867" v="298"/>
          <ac:spMkLst>
            <pc:docMk/>
            <pc:sldMk cId="2376958513" sldId="260"/>
            <ac:spMk id="9154" creationId="{99B659B4-88B8-C68A-6EF1-5263AC24B2F6}"/>
          </ac:spMkLst>
        </pc:spChg>
        <pc:spChg chg="mod">
          <ac:chgData name="White, Alex" userId="eff6cc8c-37d8-483b-9c6c-6b27e9afa9bc" providerId="ADAL" clId="{BF04C754-5BF4-4E83-9615-DB14FA25AF8A}" dt="2023-10-12T11:38:20.867" v="298"/>
          <ac:spMkLst>
            <pc:docMk/>
            <pc:sldMk cId="2376958513" sldId="260"/>
            <ac:spMk id="9155" creationId="{303CD4A6-4649-09CC-0582-91F98CA5734D}"/>
          </ac:spMkLst>
        </pc:spChg>
        <pc:spChg chg="mod">
          <ac:chgData name="White, Alex" userId="eff6cc8c-37d8-483b-9c6c-6b27e9afa9bc" providerId="ADAL" clId="{BF04C754-5BF4-4E83-9615-DB14FA25AF8A}" dt="2023-10-12T11:38:20.867" v="298"/>
          <ac:spMkLst>
            <pc:docMk/>
            <pc:sldMk cId="2376958513" sldId="260"/>
            <ac:spMk id="9156" creationId="{74421D2B-00D6-94C8-B78F-52CB9916238E}"/>
          </ac:spMkLst>
        </pc:spChg>
        <pc:spChg chg="mod">
          <ac:chgData name="White, Alex" userId="eff6cc8c-37d8-483b-9c6c-6b27e9afa9bc" providerId="ADAL" clId="{BF04C754-5BF4-4E83-9615-DB14FA25AF8A}" dt="2023-10-12T11:38:20.867" v="298"/>
          <ac:spMkLst>
            <pc:docMk/>
            <pc:sldMk cId="2376958513" sldId="260"/>
            <ac:spMk id="9157" creationId="{09094B46-2B84-2B06-D4F6-B73F60714D31}"/>
          </ac:spMkLst>
        </pc:spChg>
        <pc:spChg chg="mod">
          <ac:chgData name="White, Alex" userId="eff6cc8c-37d8-483b-9c6c-6b27e9afa9bc" providerId="ADAL" clId="{BF04C754-5BF4-4E83-9615-DB14FA25AF8A}" dt="2023-10-12T11:38:20.867" v="298"/>
          <ac:spMkLst>
            <pc:docMk/>
            <pc:sldMk cId="2376958513" sldId="260"/>
            <ac:spMk id="9158" creationId="{625F2087-97F8-A3E7-6864-F951A500B0E6}"/>
          </ac:spMkLst>
        </pc:spChg>
        <pc:spChg chg="mod">
          <ac:chgData name="White, Alex" userId="eff6cc8c-37d8-483b-9c6c-6b27e9afa9bc" providerId="ADAL" clId="{BF04C754-5BF4-4E83-9615-DB14FA25AF8A}" dt="2023-10-12T11:38:20.867" v="298"/>
          <ac:spMkLst>
            <pc:docMk/>
            <pc:sldMk cId="2376958513" sldId="260"/>
            <ac:spMk id="9159" creationId="{4F4B8CE9-1299-BC9A-E21B-C973CF2E71D4}"/>
          </ac:spMkLst>
        </pc:spChg>
        <pc:spChg chg="mod">
          <ac:chgData name="White, Alex" userId="eff6cc8c-37d8-483b-9c6c-6b27e9afa9bc" providerId="ADAL" clId="{BF04C754-5BF4-4E83-9615-DB14FA25AF8A}" dt="2023-10-12T11:38:20.867" v="298"/>
          <ac:spMkLst>
            <pc:docMk/>
            <pc:sldMk cId="2376958513" sldId="260"/>
            <ac:spMk id="9160" creationId="{767847C0-583A-CD6C-1923-3D2886682E27}"/>
          </ac:spMkLst>
        </pc:spChg>
        <pc:spChg chg="mod">
          <ac:chgData name="White, Alex" userId="eff6cc8c-37d8-483b-9c6c-6b27e9afa9bc" providerId="ADAL" clId="{BF04C754-5BF4-4E83-9615-DB14FA25AF8A}" dt="2023-10-12T11:38:20.867" v="298"/>
          <ac:spMkLst>
            <pc:docMk/>
            <pc:sldMk cId="2376958513" sldId="260"/>
            <ac:spMk id="9161" creationId="{D2A8A764-B551-A735-557B-7C2D6432CDE2}"/>
          </ac:spMkLst>
        </pc:spChg>
        <pc:spChg chg="mod">
          <ac:chgData name="White, Alex" userId="eff6cc8c-37d8-483b-9c6c-6b27e9afa9bc" providerId="ADAL" clId="{BF04C754-5BF4-4E83-9615-DB14FA25AF8A}" dt="2023-10-12T11:38:20.867" v="298"/>
          <ac:spMkLst>
            <pc:docMk/>
            <pc:sldMk cId="2376958513" sldId="260"/>
            <ac:spMk id="9162" creationId="{0EE31668-A96E-C82D-B3AB-20D949794D04}"/>
          </ac:spMkLst>
        </pc:spChg>
        <pc:spChg chg="mod">
          <ac:chgData name="White, Alex" userId="eff6cc8c-37d8-483b-9c6c-6b27e9afa9bc" providerId="ADAL" clId="{BF04C754-5BF4-4E83-9615-DB14FA25AF8A}" dt="2023-10-12T11:38:20.867" v="298"/>
          <ac:spMkLst>
            <pc:docMk/>
            <pc:sldMk cId="2376958513" sldId="260"/>
            <ac:spMk id="9163" creationId="{C0F9CB27-2FD6-DED8-54E4-824BD4DE65A1}"/>
          </ac:spMkLst>
        </pc:spChg>
        <pc:spChg chg="mod">
          <ac:chgData name="White, Alex" userId="eff6cc8c-37d8-483b-9c6c-6b27e9afa9bc" providerId="ADAL" clId="{BF04C754-5BF4-4E83-9615-DB14FA25AF8A}" dt="2023-10-12T11:38:20.867" v="298"/>
          <ac:spMkLst>
            <pc:docMk/>
            <pc:sldMk cId="2376958513" sldId="260"/>
            <ac:spMk id="9164" creationId="{3067F2A6-1217-AAEE-A840-B0D2D65F7A29}"/>
          </ac:spMkLst>
        </pc:spChg>
        <pc:spChg chg="mod">
          <ac:chgData name="White, Alex" userId="eff6cc8c-37d8-483b-9c6c-6b27e9afa9bc" providerId="ADAL" clId="{BF04C754-5BF4-4E83-9615-DB14FA25AF8A}" dt="2023-10-12T11:38:20.867" v="298"/>
          <ac:spMkLst>
            <pc:docMk/>
            <pc:sldMk cId="2376958513" sldId="260"/>
            <ac:spMk id="9165" creationId="{42BABD6B-0C33-9B2C-8DC0-4E0AF596DB0B}"/>
          </ac:spMkLst>
        </pc:spChg>
        <pc:spChg chg="mod">
          <ac:chgData name="White, Alex" userId="eff6cc8c-37d8-483b-9c6c-6b27e9afa9bc" providerId="ADAL" clId="{BF04C754-5BF4-4E83-9615-DB14FA25AF8A}" dt="2023-10-12T11:38:20.867" v="298"/>
          <ac:spMkLst>
            <pc:docMk/>
            <pc:sldMk cId="2376958513" sldId="260"/>
            <ac:spMk id="9166" creationId="{526133F2-CA4D-D8A7-4AA8-3BE5D8766AC1}"/>
          </ac:spMkLst>
        </pc:spChg>
        <pc:spChg chg="mod">
          <ac:chgData name="White, Alex" userId="eff6cc8c-37d8-483b-9c6c-6b27e9afa9bc" providerId="ADAL" clId="{BF04C754-5BF4-4E83-9615-DB14FA25AF8A}" dt="2023-10-12T11:38:20.867" v="298"/>
          <ac:spMkLst>
            <pc:docMk/>
            <pc:sldMk cId="2376958513" sldId="260"/>
            <ac:spMk id="9167" creationId="{CD2B09C0-8BDB-DC8A-BB18-8F0E34845F76}"/>
          </ac:spMkLst>
        </pc:spChg>
        <pc:spChg chg="mod">
          <ac:chgData name="White, Alex" userId="eff6cc8c-37d8-483b-9c6c-6b27e9afa9bc" providerId="ADAL" clId="{BF04C754-5BF4-4E83-9615-DB14FA25AF8A}" dt="2023-10-12T11:38:20.867" v="298"/>
          <ac:spMkLst>
            <pc:docMk/>
            <pc:sldMk cId="2376958513" sldId="260"/>
            <ac:spMk id="9168" creationId="{DC51CF48-5B95-DAB1-9DD6-C72CB604C981}"/>
          </ac:spMkLst>
        </pc:spChg>
        <pc:spChg chg="mod">
          <ac:chgData name="White, Alex" userId="eff6cc8c-37d8-483b-9c6c-6b27e9afa9bc" providerId="ADAL" clId="{BF04C754-5BF4-4E83-9615-DB14FA25AF8A}" dt="2023-10-12T11:38:20.867" v="298"/>
          <ac:spMkLst>
            <pc:docMk/>
            <pc:sldMk cId="2376958513" sldId="260"/>
            <ac:spMk id="9169" creationId="{05E1B2C7-DB3F-376D-258C-875DC6C8F1F1}"/>
          </ac:spMkLst>
        </pc:spChg>
        <pc:spChg chg="mod">
          <ac:chgData name="White, Alex" userId="eff6cc8c-37d8-483b-9c6c-6b27e9afa9bc" providerId="ADAL" clId="{BF04C754-5BF4-4E83-9615-DB14FA25AF8A}" dt="2023-10-12T11:38:20.867" v="298"/>
          <ac:spMkLst>
            <pc:docMk/>
            <pc:sldMk cId="2376958513" sldId="260"/>
            <ac:spMk id="9170" creationId="{357C256D-7571-1094-BA50-EEC263F9F97F}"/>
          </ac:spMkLst>
        </pc:spChg>
        <pc:spChg chg="mod">
          <ac:chgData name="White, Alex" userId="eff6cc8c-37d8-483b-9c6c-6b27e9afa9bc" providerId="ADAL" clId="{BF04C754-5BF4-4E83-9615-DB14FA25AF8A}" dt="2023-10-12T11:38:20.867" v="298"/>
          <ac:spMkLst>
            <pc:docMk/>
            <pc:sldMk cId="2376958513" sldId="260"/>
            <ac:spMk id="9171" creationId="{AF87C90E-A145-FB72-FA84-66AD1ABC2A69}"/>
          </ac:spMkLst>
        </pc:spChg>
        <pc:spChg chg="mod">
          <ac:chgData name="White, Alex" userId="eff6cc8c-37d8-483b-9c6c-6b27e9afa9bc" providerId="ADAL" clId="{BF04C754-5BF4-4E83-9615-DB14FA25AF8A}" dt="2023-10-12T11:38:20.867" v="298"/>
          <ac:spMkLst>
            <pc:docMk/>
            <pc:sldMk cId="2376958513" sldId="260"/>
            <ac:spMk id="9172" creationId="{48C53F65-7401-38A9-285B-91B0F4FB50B4}"/>
          </ac:spMkLst>
        </pc:spChg>
        <pc:spChg chg="mod">
          <ac:chgData name="White, Alex" userId="eff6cc8c-37d8-483b-9c6c-6b27e9afa9bc" providerId="ADAL" clId="{BF04C754-5BF4-4E83-9615-DB14FA25AF8A}" dt="2023-10-12T11:38:20.867" v="298"/>
          <ac:spMkLst>
            <pc:docMk/>
            <pc:sldMk cId="2376958513" sldId="260"/>
            <ac:spMk id="9173" creationId="{58F33118-5786-DFCE-3121-82AB49ED38E9}"/>
          </ac:spMkLst>
        </pc:spChg>
        <pc:spChg chg="mod">
          <ac:chgData name="White, Alex" userId="eff6cc8c-37d8-483b-9c6c-6b27e9afa9bc" providerId="ADAL" clId="{BF04C754-5BF4-4E83-9615-DB14FA25AF8A}" dt="2023-10-12T11:38:20.867" v="298"/>
          <ac:spMkLst>
            <pc:docMk/>
            <pc:sldMk cId="2376958513" sldId="260"/>
            <ac:spMk id="9174" creationId="{8060B9D4-8BAB-E166-A9A0-3D966FC68D6E}"/>
          </ac:spMkLst>
        </pc:spChg>
        <pc:spChg chg="mod">
          <ac:chgData name="White, Alex" userId="eff6cc8c-37d8-483b-9c6c-6b27e9afa9bc" providerId="ADAL" clId="{BF04C754-5BF4-4E83-9615-DB14FA25AF8A}" dt="2023-10-12T11:38:20.867" v="298"/>
          <ac:spMkLst>
            <pc:docMk/>
            <pc:sldMk cId="2376958513" sldId="260"/>
            <ac:spMk id="9175" creationId="{CC70B674-B3FC-5518-B364-AB62F4AF4A88}"/>
          </ac:spMkLst>
        </pc:spChg>
        <pc:spChg chg="mod">
          <ac:chgData name="White, Alex" userId="eff6cc8c-37d8-483b-9c6c-6b27e9afa9bc" providerId="ADAL" clId="{BF04C754-5BF4-4E83-9615-DB14FA25AF8A}" dt="2023-10-12T11:38:20.867" v="298"/>
          <ac:spMkLst>
            <pc:docMk/>
            <pc:sldMk cId="2376958513" sldId="260"/>
            <ac:spMk id="9176" creationId="{06A40E65-5644-8582-BCA2-2144D6159856}"/>
          </ac:spMkLst>
        </pc:spChg>
        <pc:spChg chg="mod">
          <ac:chgData name="White, Alex" userId="eff6cc8c-37d8-483b-9c6c-6b27e9afa9bc" providerId="ADAL" clId="{BF04C754-5BF4-4E83-9615-DB14FA25AF8A}" dt="2023-10-12T11:38:20.867" v="298"/>
          <ac:spMkLst>
            <pc:docMk/>
            <pc:sldMk cId="2376958513" sldId="260"/>
            <ac:spMk id="9177" creationId="{57828C4A-08DF-765C-CDFC-006B1752885C}"/>
          </ac:spMkLst>
        </pc:spChg>
        <pc:spChg chg="mod">
          <ac:chgData name="White, Alex" userId="eff6cc8c-37d8-483b-9c6c-6b27e9afa9bc" providerId="ADAL" clId="{BF04C754-5BF4-4E83-9615-DB14FA25AF8A}" dt="2023-10-12T11:38:20.867" v="298"/>
          <ac:spMkLst>
            <pc:docMk/>
            <pc:sldMk cId="2376958513" sldId="260"/>
            <ac:spMk id="9178" creationId="{7055E01B-86FE-718B-37D5-772928178230}"/>
          </ac:spMkLst>
        </pc:spChg>
        <pc:spChg chg="mod">
          <ac:chgData name="White, Alex" userId="eff6cc8c-37d8-483b-9c6c-6b27e9afa9bc" providerId="ADAL" clId="{BF04C754-5BF4-4E83-9615-DB14FA25AF8A}" dt="2023-10-12T11:38:20.867" v="298"/>
          <ac:spMkLst>
            <pc:docMk/>
            <pc:sldMk cId="2376958513" sldId="260"/>
            <ac:spMk id="9179" creationId="{1629BFBC-8079-0784-8A28-767748E92DDB}"/>
          </ac:spMkLst>
        </pc:spChg>
        <pc:spChg chg="mod">
          <ac:chgData name="White, Alex" userId="eff6cc8c-37d8-483b-9c6c-6b27e9afa9bc" providerId="ADAL" clId="{BF04C754-5BF4-4E83-9615-DB14FA25AF8A}" dt="2023-10-12T11:38:20.867" v="298"/>
          <ac:spMkLst>
            <pc:docMk/>
            <pc:sldMk cId="2376958513" sldId="260"/>
            <ac:spMk id="9180" creationId="{E31EF4FA-1F23-F5C1-F164-E511D0D8CD83}"/>
          </ac:spMkLst>
        </pc:spChg>
        <pc:spChg chg="mod">
          <ac:chgData name="White, Alex" userId="eff6cc8c-37d8-483b-9c6c-6b27e9afa9bc" providerId="ADAL" clId="{BF04C754-5BF4-4E83-9615-DB14FA25AF8A}" dt="2023-10-12T11:38:20.867" v="298"/>
          <ac:spMkLst>
            <pc:docMk/>
            <pc:sldMk cId="2376958513" sldId="260"/>
            <ac:spMk id="9181" creationId="{9DC090F1-9E72-01B7-CD16-3121101B0651}"/>
          </ac:spMkLst>
        </pc:spChg>
        <pc:spChg chg="mod">
          <ac:chgData name="White, Alex" userId="eff6cc8c-37d8-483b-9c6c-6b27e9afa9bc" providerId="ADAL" clId="{BF04C754-5BF4-4E83-9615-DB14FA25AF8A}" dt="2023-10-12T11:38:20.867" v="298"/>
          <ac:spMkLst>
            <pc:docMk/>
            <pc:sldMk cId="2376958513" sldId="260"/>
            <ac:spMk id="9182" creationId="{D166FDD5-7AEE-1B58-884C-01C1E21B0D67}"/>
          </ac:spMkLst>
        </pc:spChg>
        <pc:spChg chg="mod">
          <ac:chgData name="White, Alex" userId="eff6cc8c-37d8-483b-9c6c-6b27e9afa9bc" providerId="ADAL" clId="{BF04C754-5BF4-4E83-9615-DB14FA25AF8A}" dt="2023-10-12T11:38:20.867" v="298"/>
          <ac:spMkLst>
            <pc:docMk/>
            <pc:sldMk cId="2376958513" sldId="260"/>
            <ac:spMk id="9183" creationId="{52761F34-2551-A299-731C-E8024AEDBAA1}"/>
          </ac:spMkLst>
        </pc:spChg>
        <pc:spChg chg="mod">
          <ac:chgData name="White, Alex" userId="eff6cc8c-37d8-483b-9c6c-6b27e9afa9bc" providerId="ADAL" clId="{BF04C754-5BF4-4E83-9615-DB14FA25AF8A}" dt="2023-10-12T11:38:20.867" v="298"/>
          <ac:spMkLst>
            <pc:docMk/>
            <pc:sldMk cId="2376958513" sldId="260"/>
            <ac:spMk id="9184" creationId="{6A30E4CC-0F65-57AE-CD4F-0B84F81D3153}"/>
          </ac:spMkLst>
        </pc:spChg>
        <pc:spChg chg="mod">
          <ac:chgData name="White, Alex" userId="eff6cc8c-37d8-483b-9c6c-6b27e9afa9bc" providerId="ADAL" clId="{BF04C754-5BF4-4E83-9615-DB14FA25AF8A}" dt="2023-10-12T11:38:20.867" v="298"/>
          <ac:spMkLst>
            <pc:docMk/>
            <pc:sldMk cId="2376958513" sldId="260"/>
            <ac:spMk id="9185" creationId="{197A3801-27CE-3817-906C-BE4EF211A465}"/>
          </ac:spMkLst>
        </pc:spChg>
        <pc:spChg chg="mod">
          <ac:chgData name="White, Alex" userId="eff6cc8c-37d8-483b-9c6c-6b27e9afa9bc" providerId="ADAL" clId="{BF04C754-5BF4-4E83-9615-DB14FA25AF8A}" dt="2023-10-12T11:38:20.867" v="298"/>
          <ac:spMkLst>
            <pc:docMk/>
            <pc:sldMk cId="2376958513" sldId="260"/>
            <ac:spMk id="9186" creationId="{DFFD8773-ABA0-2B9B-C204-B5038274A1A9}"/>
          </ac:spMkLst>
        </pc:spChg>
        <pc:spChg chg="mod">
          <ac:chgData name="White, Alex" userId="eff6cc8c-37d8-483b-9c6c-6b27e9afa9bc" providerId="ADAL" clId="{BF04C754-5BF4-4E83-9615-DB14FA25AF8A}" dt="2023-10-12T11:38:20.867" v="298"/>
          <ac:spMkLst>
            <pc:docMk/>
            <pc:sldMk cId="2376958513" sldId="260"/>
            <ac:spMk id="9187" creationId="{D36F53A5-B550-7CCB-7571-C89DC4A97A2D}"/>
          </ac:spMkLst>
        </pc:spChg>
        <pc:spChg chg="mod">
          <ac:chgData name="White, Alex" userId="eff6cc8c-37d8-483b-9c6c-6b27e9afa9bc" providerId="ADAL" clId="{BF04C754-5BF4-4E83-9615-DB14FA25AF8A}" dt="2023-10-12T11:38:20.867" v="298"/>
          <ac:spMkLst>
            <pc:docMk/>
            <pc:sldMk cId="2376958513" sldId="260"/>
            <ac:spMk id="9188" creationId="{91E7AFA3-DC31-5955-53D9-C4664FCE6EFC}"/>
          </ac:spMkLst>
        </pc:spChg>
        <pc:spChg chg="mod">
          <ac:chgData name="White, Alex" userId="eff6cc8c-37d8-483b-9c6c-6b27e9afa9bc" providerId="ADAL" clId="{BF04C754-5BF4-4E83-9615-DB14FA25AF8A}" dt="2023-10-12T11:38:20.867" v="298"/>
          <ac:spMkLst>
            <pc:docMk/>
            <pc:sldMk cId="2376958513" sldId="260"/>
            <ac:spMk id="9189" creationId="{E63E62FF-5F39-8485-B777-D876B5A2EADC}"/>
          </ac:spMkLst>
        </pc:spChg>
        <pc:spChg chg="mod">
          <ac:chgData name="White, Alex" userId="eff6cc8c-37d8-483b-9c6c-6b27e9afa9bc" providerId="ADAL" clId="{BF04C754-5BF4-4E83-9615-DB14FA25AF8A}" dt="2023-10-12T11:38:20.867" v="298"/>
          <ac:spMkLst>
            <pc:docMk/>
            <pc:sldMk cId="2376958513" sldId="260"/>
            <ac:spMk id="9190" creationId="{CCE88DCF-96B5-F0C0-976C-3341239E9F3B}"/>
          </ac:spMkLst>
        </pc:spChg>
        <pc:spChg chg="mod">
          <ac:chgData name="White, Alex" userId="eff6cc8c-37d8-483b-9c6c-6b27e9afa9bc" providerId="ADAL" clId="{BF04C754-5BF4-4E83-9615-DB14FA25AF8A}" dt="2023-10-12T11:38:20.867" v="298"/>
          <ac:spMkLst>
            <pc:docMk/>
            <pc:sldMk cId="2376958513" sldId="260"/>
            <ac:spMk id="9191" creationId="{11431A25-44EA-DDDC-5350-33E1D63EBC8A}"/>
          </ac:spMkLst>
        </pc:spChg>
        <pc:spChg chg="mod">
          <ac:chgData name="White, Alex" userId="eff6cc8c-37d8-483b-9c6c-6b27e9afa9bc" providerId="ADAL" clId="{BF04C754-5BF4-4E83-9615-DB14FA25AF8A}" dt="2023-10-12T11:38:20.867" v="298"/>
          <ac:spMkLst>
            <pc:docMk/>
            <pc:sldMk cId="2376958513" sldId="260"/>
            <ac:spMk id="9192" creationId="{604BF387-4FB7-691C-72CC-8FDDDF9AB4CA}"/>
          </ac:spMkLst>
        </pc:spChg>
        <pc:spChg chg="mod">
          <ac:chgData name="White, Alex" userId="eff6cc8c-37d8-483b-9c6c-6b27e9afa9bc" providerId="ADAL" clId="{BF04C754-5BF4-4E83-9615-DB14FA25AF8A}" dt="2023-10-12T11:38:20.867" v="298"/>
          <ac:spMkLst>
            <pc:docMk/>
            <pc:sldMk cId="2376958513" sldId="260"/>
            <ac:spMk id="9193" creationId="{FF6DB1EE-833B-9E8D-3753-8AEE2751F0C8}"/>
          </ac:spMkLst>
        </pc:spChg>
        <pc:spChg chg="mod">
          <ac:chgData name="White, Alex" userId="eff6cc8c-37d8-483b-9c6c-6b27e9afa9bc" providerId="ADAL" clId="{BF04C754-5BF4-4E83-9615-DB14FA25AF8A}" dt="2023-10-12T11:38:20.867" v="298"/>
          <ac:spMkLst>
            <pc:docMk/>
            <pc:sldMk cId="2376958513" sldId="260"/>
            <ac:spMk id="9194" creationId="{EBCD2F1C-70CF-C990-D5AC-480A688495DB}"/>
          </ac:spMkLst>
        </pc:spChg>
        <pc:spChg chg="mod">
          <ac:chgData name="White, Alex" userId="eff6cc8c-37d8-483b-9c6c-6b27e9afa9bc" providerId="ADAL" clId="{BF04C754-5BF4-4E83-9615-DB14FA25AF8A}" dt="2023-10-12T11:38:20.867" v="298"/>
          <ac:spMkLst>
            <pc:docMk/>
            <pc:sldMk cId="2376958513" sldId="260"/>
            <ac:spMk id="9195" creationId="{5E6CCF87-7DCF-B577-925A-670F782AD837}"/>
          </ac:spMkLst>
        </pc:spChg>
        <pc:spChg chg="mod">
          <ac:chgData name="White, Alex" userId="eff6cc8c-37d8-483b-9c6c-6b27e9afa9bc" providerId="ADAL" clId="{BF04C754-5BF4-4E83-9615-DB14FA25AF8A}" dt="2023-10-12T11:38:20.867" v="298"/>
          <ac:spMkLst>
            <pc:docMk/>
            <pc:sldMk cId="2376958513" sldId="260"/>
            <ac:spMk id="9196" creationId="{5669C6DE-173E-AECA-A2E0-65C3983851A7}"/>
          </ac:spMkLst>
        </pc:spChg>
        <pc:spChg chg="mod">
          <ac:chgData name="White, Alex" userId="eff6cc8c-37d8-483b-9c6c-6b27e9afa9bc" providerId="ADAL" clId="{BF04C754-5BF4-4E83-9615-DB14FA25AF8A}" dt="2023-10-12T11:38:20.867" v="298"/>
          <ac:spMkLst>
            <pc:docMk/>
            <pc:sldMk cId="2376958513" sldId="260"/>
            <ac:spMk id="9197" creationId="{E894EC41-6000-F2A2-199A-51005C9E365E}"/>
          </ac:spMkLst>
        </pc:spChg>
        <pc:spChg chg="mod">
          <ac:chgData name="White, Alex" userId="eff6cc8c-37d8-483b-9c6c-6b27e9afa9bc" providerId="ADAL" clId="{BF04C754-5BF4-4E83-9615-DB14FA25AF8A}" dt="2023-10-12T11:38:20.867" v="298"/>
          <ac:spMkLst>
            <pc:docMk/>
            <pc:sldMk cId="2376958513" sldId="260"/>
            <ac:spMk id="9198" creationId="{7D70A730-E70D-7FA0-5B1C-5D7248A147C3}"/>
          </ac:spMkLst>
        </pc:spChg>
        <pc:spChg chg="mod">
          <ac:chgData name="White, Alex" userId="eff6cc8c-37d8-483b-9c6c-6b27e9afa9bc" providerId="ADAL" clId="{BF04C754-5BF4-4E83-9615-DB14FA25AF8A}" dt="2023-10-12T11:38:20.867" v="298"/>
          <ac:spMkLst>
            <pc:docMk/>
            <pc:sldMk cId="2376958513" sldId="260"/>
            <ac:spMk id="9199" creationId="{9D4C7878-CB8D-A227-718E-2DCF3D6CD824}"/>
          </ac:spMkLst>
        </pc:spChg>
        <pc:spChg chg="mod">
          <ac:chgData name="White, Alex" userId="eff6cc8c-37d8-483b-9c6c-6b27e9afa9bc" providerId="ADAL" clId="{BF04C754-5BF4-4E83-9615-DB14FA25AF8A}" dt="2023-10-12T11:38:20.867" v="298"/>
          <ac:spMkLst>
            <pc:docMk/>
            <pc:sldMk cId="2376958513" sldId="260"/>
            <ac:spMk id="9200" creationId="{FC0E93A0-6DF7-9A32-DC62-4E8E2CF5061F}"/>
          </ac:spMkLst>
        </pc:spChg>
        <pc:spChg chg="mod">
          <ac:chgData name="White, Alex" userId="eff6cc8c-37d8-483b-9c6c-6b27e9afa9bc" providerId="ADAL" clId="{BF04C754-5BF4-4E83-9615-DB14FA25AF8A}" dt="2023-10-12T11:38:20.867" v="298"/>
          <ac:spMkLst>
            <pc:docMk/>
            <pc:sldMk cId="2376958513" sldId="260"/>
            <ac:spMk id="9201" creationId="{BF0CC181-E52E-0541-AB1F-08DBCCE0897E}"/>
          </ac:spMkLst>
        </pc:spChg>
        <pc:spChg chg="mod">
          <ac:chgData name="White, Alex" userId="eff6cc8c-37d8-483b-9c6c-6b27e9afa9bc" providerId="ADAL" clId="{BF04C754-5BF4-4E83-9615-DB14FA25AF8A}" dt="2023-10-12T11:38:20.867" v="298"/>
          <ac:spMkLst>
            <pc:docMk/>
            <pc:sldMk cId="2376958513" sldId="260"/>
            <ac:spMk id="9202" creationId="{002DA7FE-804A-E188-B7A7-72596073821F}"/>
          </ac:spMkLst>
        </pc:spChg>
        <pc:spChg chg="mod">
          <ac:chgData name="White, Alex" userId="eff6cc8c-37d8-483b-9c6c-6b27e9afa9bc" providerId="ADAL" clId="{BF04C754-5BF4-4E83-9615-DB14FA25AF8A}" dt="2023-10-12T11:38:20.867" v="298"/>
          <ac:spMkLst>
            <pc:docMk/>
            <pc:sldMk cId="2376958513" sldId="260"/>
            <ac:spMk id="9203" creationId="{3073F365-1F96-77C1-91B7-0A93561D8702}"/>
          </ac:spMkLst>
        </pc:spChg>
        <pc:spChg chg="mod">
          <ac:chgData name="White, Alex" userId="eff6cc8c-37d8-483b-9c6c-6b27e9afa9bc" providerId="ADAL" clId="{BF04C754-5BF4-4E83-9615-DB14FA25AF8A}" dt="2023-10-12T11:38:20.867" v="298"/>
          <ac:spMkLst>
            <pc:docMk/>
            <pc:sldMk cId="2376958513" sldId="260"/>
            <ac:spMk id="9204" creationId="{9FDFF78D-AE3B-D6CE-5427-18AD46BC8308}"/>
          </ac:spMkLst>
        </pc:spChg>
        <pc:spChg chg="mod">
          <ac:chgData name="White, Alex" userId="eff6cc8c-37d8-483b-9c6c-6b27e9afa9bc" providerId="ADAL" clId="{BF04C754-5BF4-4E83-9615-DB14FA25AF8A}" dt="2023-10-12T11:38:20.867" v="298"/>
          <ac:spMkLst>
            <pc:docMk/>
            <pc:sldMk cId="2376958513" sldId="260"/>
            <ac:spMk id="9205" creationId="{E43D1C12-FBCD-5078-0D7E-D472E84AF013}"/>
          </ac:spMkLst>
        </pc:spChg>
        <pc:spChg chg="mod">
          <ac:chgData name="White, Alex" userId="eff6cc8c-37d8-483b-9c6c-6b27e9afa9bc" providerId="ADAL" clId="{BF04C754-5BF4-4E83-9615-DB14FA25AF8A}" dt="2023-10-12T11:38:20.867" v="298"/>
          <ac:spMkLst>
            <pc:docMk/>
            <pc:sldMk cId="2376958513" sldId="260"/>
            <ac:spMk id="9206" creationId="{8F69F4AA-5086-908E-E4EB-41EA7BBB2947}"/>
          </ac:spMkLst>
        </pc:spChg>
        <pc:spChg chg="mod">
          <ac:chgData name="White, Alex" userId="eff6cc8c-37d8-483b-9c6c-6b27e9afa9bc" providerId="ADAL" clId="{BF04C754-5BF4-4E83-9615-DB14FA25AF8A}" dt="2023-10-12T11:38:20.867" v="298"/>
          <ac:spMkLst>
            <pc:docMk/>
            <pc:sldMk cId="2376958513" sldId="260"/>
            <ac:spMk id="9207" creationId="{2F03C8BE-E7BE-1405-A28C-7E80191D1C0E}"/>
          </ac:spMkLst>
        </pc:spChg>
        <pc:spChg chg="mod">
          <ac:chgData name="White, Alex" userId="eff6cc8c-37d8-483b-9c6c-6b27e9afa9bc" providerId="ADAL" clId="{BF04C754-5BF4-4E83-9615-DB14FA25AF8A}" dt="2023-10-12T11:38:20.867" v="298"/>
          <ac:spMkLst>
            <pc:docMk/>
            <pc:sldMk cId="2376958513" sldId="260"/>
            <ac:spMk id="9208" creationId="{3795A6EC-8F71-8180-CDF3-BB7A46EAF82B}"/>
          </ac:spMkLst>
        </pc:spChg>
        <pc:spChg chg="mod">
          <ac:chgData name="White, Alex" userId="eff6cc8c-37d8-483b-9c6c-6b27e9afa9bc" providerId="ADAL" clId="{BF04C754-5BF4-4E83-9615-DB14FA25AF8A}" dt="2023-10-12T11:38:20.867" v="298"/>
          <ac:spMkLst>
            <pc:docMk/>
            <pc:sldMk cId="2376958513" sldId="260"/>
            <ac:spMk id="9209" creationId="{43284463-B4E7-5659-F71A-1ADF0AE8046E}"/>
          </ac:spMkLst>
        </pc:spChg>
        <pc:spChg chg="mod">
          <ac:chgData name="White, Alex" userId="eff6cc8c-37d8-483b-9c6c-6b27e9afa9bc" providerId="ADAL" clId="{BF04C754-5BF4-4E83-9615-DB14FA25AF8A}" dt="2023-10-12T11:38:20.867" v="298"/>
          <ac:spMkLst>
            <pc:docMk/>
            <pc:sldMk cId="2376958513" sldId="260"/>
            <ac:spMk id="9210" creationId="{5CE5DC52-F1C3-B17D-1736-E3607F44E543}"/>
          </ac:spMkLst>
        </pc:spChg>
        <pc:spChg chg="mod">
          <ac:chgData name="White, Alex" userId="eff6cc8c-37d8-483b-9c6c-6b27e9afa9bc" providerId="ADAL" clId="{BF04C754-5BF4-4E83-9615-DB14FA25AF8A}" dt="2023-10-12T11:38:20.867" v="298"/>
          <ac:spMkLst>
            <pc:docMk/>
            <pc:sldMk cId="2376958513" sldId="260"/>
            <ac:spMk id="9211" creationId="{31051F57-E139-EF82-620D-15C679BE3753}"/>
          </ac:spMkLst>
        </pc:spChg>
        <pc:spChg chg="mod">
          <ac:chgData name="White, Alex" userId="eff6cc8c-37d8-483b-9c6c-6b27e9afa9bc" providerId="ADAL" clId="{BF04C754-5BF4-4E83-9615-DB14FA25AF8A}" dt="2023-10-12T11:38:20.867" v="298"/>
          <ac:spMkLst>
            <pc:docMk/>
            <pc:sldMk cId="2376958513" sldId="260"/>
            <ac:spMk id="9212" creationId="{13A0DF43-A8DB-E655-5359-4E6968352A36}"/>
          </ac:spMkLst>
        </pc:spChg>
        <pc:spChg chg="mod">
          <ac:chgData name="White, Alex" userId="eff6cc8c-37d8-483b-9c6c-6b27e9afa9bc" providerId="ADAL" clId="{BF04C754-5BF4-4E83-9615-DB14FA25AF8A}" dt="2023-10-12T11:38:20.867" v="298"/>
          <ac:spMkLst>
            <pc:docMk/>
            <pc:sldMk cId="2376958513" sldId="260"/>
            <ac:spMk id="9213" creationId="{3A7084CA-E81C-CF80-B22A-7366D6C55278}"/>
          </ac:spMkLst>
        </pc:spChg>
        <pc:spChg chg="mod">
          <ac:chgData name="White, Alex" userId="eff6cc8c-37d8-483b-9c6c-6b27e9afa9bc" providerId="ADAL" clId="{BF04C754-5BF4-4E83-9615-DB14FA25AF8A}" dt="2023-10-12T11:38:20.867" v="298"/>
          <ac:spMkLst>
            <pc:docMk/>
            <pc:sldMk cId="2376958513" sldId="260"/>
            <ac:spMk id="9214" creationId="{B1955FB4-D4BF-9B30-C6E7-A21AE9875107}"/>
          </ac:spMkLst>
        </pc:spChg>
        <pc:spChg chg="mod">
          <ac:chgData name="White, Alex" userId="eff6cc8c-37d8-483b-9c6c-6b27e9afa9bc" providerId="ADAL" clId="{BF04C754-5BF4-4E83-9615-DB14FA25AF8A}" dt="2023-10-12T11:38:20.867" v="298"/>
          <ac:spMkLst>
            <pc:docMk/>
            <pc:sldMk cId="2376958513" sldId="260"/>
            <ac:spMk id="9215" creationId="{8B70CDA4-30B8-126F-75A2-54D70C2ACB43}"/>
          </ac:spMkLst>
        </pc:spChg>
        <pc:spChg chg="mod">
          <ac:chgData name="White, Alex" userId="eff6cc8c-37d8-483b-9c6c-6b27e9afa9bc" providerId="ADAL" clId="{BF04C754-5BF4-4E83-9615-DB14FA25AF8A}" dt="2023-10-12T11:38:20.867" v="298"/>
          <ac:spMkLst>
            <pc:docMk/>
            <pc:sldMk cId="2376958513" sldId="260"/>
            <ac:spMk id="9216" creationId="{735E707B-079C-C62B-4EEA-397C7F9541A9}"/>
          </ac:spMkLst>
        </pc:spChg>
        <pc:spChg chg="mod">
          <ac:chgData name="White, Alex" userId="eff6cc8c-37d8-483b-9c6c-6b27e9afa9bc" providerId="ADAL" clId="{BF04C754-5BF4-4E83-9615-DB14FA25AF8A}" dt="2023-10-12T11:38:20.867" v="298"/>
          <ac:spMkLst>
            <pc:docMk/>
            <pc:sldMk cId="2376958513" sldId="260"/>
            <ac:spMk id="9217" creationId="{7C820503-0D6A-035C-5B5D-9609DA625FBD}"/>
          </ac:spMkLst>
        </pc:spChg>
        <pc:spChg chg="mod">
          <ac:chgData name="White, Alex" userId="eff6cc8c-37d8-483b-9c6c-6b27e9afa9bc" providerId="ADAL" clId="{BF04C754-5BF4-4E83-9615-DB14FA25AF8A}" dt="2023-10-12T11:38:20.867" v="298"/>
          <ac:spMkLst>
            <pc:docMk/>
            <pc:sldMk cId="2376958513" sldId="260"/>
            <ac:spMk id="9218" creationId="{EE22347F-B45C-1277-B0E9-D0F916871A15}"/>
          </ac:spMkLst>
        </pc:spChg>
        <pc:spChg chg="mod">
          <ac:chgData name="White, Alex" userId="eff6cc8c-37d8-483b-9c6c-6b27e9afa9bc" providerId="ADAL" clId="{BF04C754-5BF4-4E83-9615-DB14FA25AF8A}" dt="2023-10-12T11:38:20.867" v="298"/>
          <ac:spMkLst>
            <pc:docMk/>
            <pc:sldMk cId="2376958513" sldId="260"/>
            <ac:spMk id="9219" creationId="{5E4BF4CB-F068-312F-5BD7-E91E7645B696}"/>
          </ac:spMkLst>
        </pc:spChg>
        <pc:spChg chg="mod">
          <ac:chgData name="White, Alex" userId="eff6cc8c-37d8-483b-9c6c-6b27e9afa9bc" providerId="ADAL" clId="{BF04C754-5BF4-4E83-9615-DB14FA25AF8A}" dt="2023-10-12T11:38:20.867" v="298"/>
          <ac:spMkLst>
            <pc:docMk/>
            <pc:sldMk cId="2376958513" sldId="260"/>
            <ac:spMk id="9220" creationId="{B41B8F03-FDF9-DFD6-08AE-EF057DA08C1C}"/>
          </ac:spMkLst>
        </pc:spChg>
        <pc:spChg chg="mod">
          <ac:chgData name="White, Alex" userId="eff6cc8c-37d8-483b-9c6c-6b27e9afa9bc" providerId="ADAL" clId="{BF04C754-5BF4-4E83-9615-DB14FA25AF8A}" dt="2023-10-12T11:38:20.867" v="298"/>
          <ac:spMkLst>
            <pc:docMk/>
            <pc:sldMk cId="2376958513" sldId="260"/>
            <ac:spMk id="9221" creationId="{54E38995-4A12-26E8-0362-95889549C38B}"/>
          </ac:spMkLst>
        </pc:spChg>
        <pc:spChg chg="mod">
          <ac:chgData name="White, Alex" userId="eff6cc8c-37d8-483b-9c6c-6b27e9afa9bc" providerId="ADAL" clId="{BF04C754-5BF4-4E83-9615-DB14FA25AF8A}" dt="2023-10-12T11:38:20.867" v="298"/>
          <ac:spMkLst>
            <pc:docMk/>
            <pc:sldMk cId="2376958513" sldId="260"/>
            <ac:spMk id="9222" creationId="{5A4546F2-4311-73D9-87AE-703E860DE8D7}"/>
          </ac:spMkLst>
        </pc:spChg>
        <pc:spChg chg="mod">
          <ac:chgData name="White, Alex" userId="eff6cc8c-37d8-483b-9c6c-6b27e9afa9bc" providerId="ADAL" clId="{BF04C754-5BF4-4E83-9615-DB14FA25AF8A}" dt="2023-10-12T11:38:20.867" v="298"/>
          <ac:spMkLst>
            <pc:docMk/>
            <pc:sldMk cId="2376958513" sldId="260"/>
            <ac:spMk id="9223" creationId="{7E0E34BB-6855-8437-B43F-8EC7EAB72921}"/>
          </ac:spMkLst>
        </pc:spChg>
        <pc:spChg chg="mod">
          <ac:chgData name="White, Alex" userId="eff6cc8c-37d8-483b-9c6c-6b27e9afa9bc" providerId="ADAL" clId="{BF04C754-5BF4-4E83-9615-DB14FA25AF8A}" dt="2023-10-12T11:38:20.867" v="298"/>
          <ac:spMkLst>
            <pc:docMk/>
            <pc:sldMk cId="2376958513" sldId="260"/>
            <ac:spMk id="9224" creationId="{997B0F0C-D616-FF81-5B4D-3D10C5BD1C90}"/>
          </ac:spMkLst>
        </pc:spChg>
        <pc:spChg chg="mod">
          <ac:chgData name="White, Alex" userId="eff6cc8c-37d8-483b-9c6c-6b27e9afa9bc" providerId="ADAL" clId="{BF04C754-5BF4-4E83-9615-DB14FA25AF8A}" dt="2023-10-12T11:38:20.867" v="298"/>
          <ac:spMkLst>
            <pc:docMk/>
            <pc:sldMk cId="2376958513" sldId="260"/>
            <ac:spMk id="9225" creationId="{6311D21D-013E-0634-0A28-6CEF37FF9082}"/>
          </ac:spMkLst>
        </pc:spChg>
        <pc:spChg chg="mod">
          <ac:chgData name="White, Alex" userId="eff6cc8c-37d8-483b-9c6c-6b27e9afa9bc" providerId="ADAL" clId="{BF04C754-5BF4-4E83-9615-DB14FA25AF8A}" dt="2023-10-12T11:38:20.867" v="298"/>
          <ac:spMkLst>
            <pc:docMk/>
            <pc:sldMk cId="2376958513" sldId="260"/>
            <ac:spMk id="9226" creationId="{F87605FE-CBA4-58E3-9304-4BB4C384F1F5}"/>
          </ac:spMkLst>
        </pc:spChg>
        <pc:spChg chg="mod">
          <ac:chgData name="White, Alex" userId="eff6cc8c-37d8-483b-9c6c-6b27e9afa9bc" providerId="ADAL" clId="{BF04C754-5BF4-4E83-9615-DB14FA25AF8A}" dt="2023-10-12T11:38:20.867" v="298"/>
          <ac:spMkLst>
            <pc:docMk/>
            <pc:sldMk cId="2376958513" sldId="260"/>
            <ac:spMk id="9227" creationId="{970D35F2-0B59-76D1-C57A-16AAF2CE2F42}"/>
          </ac:spMkLst>
        </pc:spChg>
        <pc:spChg chg="mod">
          <ac:chgData name="White, Alex" userId="eff6cc8c-37d8-483b-9c6c-6b27e9afa9bc" providerId="ADAL" clId="{BF04C754-5BF4-4E83-9615-DB14FA25AF8A}" dt="2023-10-12T11:38:20.867" v="298"/>
          <ac:spMkLst>
            <pc:docMk/>
            <pc:sldMk cId="2376958513" sldId="260"/>
            <ac:spMk id="9228" creationId="{DCAE9BFB-4023-5F76-2E2F-3E223A44CEDD}"/>
          </ac:spMkLst>
        </pc:spChg>
        <pc:spChg chg="mod">
          <ac:chgData name="White, Alex" userId="eff6cc8c-37d8-483b-9c6c-6b27e9afa9bc" providerId="ADAL" clId="{BF04C754-5BF4-4E83-9615-DB14FA25AF8A}" dt="2023-10-12T11:38:20.867" v="298"/>
          <ac:spMkLst>
            <pc:docMk/>
            <pc:sldMk cId="2376958513" sldId="260"/>
            <ac:spMk id="9229" creationId="{AF4FF5D2-97A5-584B-3E04-11FD8DC1E672}"/>
          </ac:spMkLst>
        </pc:spChg>
        <pc:spChg chg="mod">
          <ac:chgData name="White, Alex" userId="eff6cc8c-37d8-483b-9c6c-6b27e9afa9bc" providerId="ADAL" clId="{BF04C754-5BF4-4E83-9615-DB14FA25AF8A}" dt="2023-10-12T11:38:20.867" v="298"/>
          <ac:spMkLst>
            <pc:docMk/>
            <pc:sldMk cId="2376958513" sldId="260"/>
            <ac:spMk id="9230" creationId="{4B1F58FD-2619-B559-E674-5D882DBC63F6}"/>
          </ac:spMkLst>
        </pc:spChg>
        <pc:spChg chg="mod">
          <ac:chgData name="White, Alex" userId="eff6cc8c-37d8-483b-9c6c-6b27e9afa9bc" providerId="ADAL" clId="{BF04C754-5BF4-4E83-9615-DB14FA25AF8A}" dt="2023-10-12T11:38:20.867" v="298"/>
          <ac:spMkLst>
            <pc:docMk/>
            <pc:sldMk cId="2376958513" sldId="260"/>
            <ac:spMk id="9231" creationId="{41F752B2-86E2-3819-E580-3A4427CBE81E}"/>
          </ac:spMkLst>
        </pc:spChg>
        <pc:spChg chg="mod">
          <ac:chgData name="White, Alex" userId="eff6cc8c-37d8-483b-9c6c-6b27e9afa9bc" providerId="ADAL" clId="{BF04C754-5BF4-4E83-9615-DB14FA25AF8A}" dt="2023-10-12T11:38:20.867" v="298"/>
          <ac:spMkLst>
            <pc:docMk/>
            <pc:sldMk cId="2376958513" sldId="260"/>
            <ac:spMk id="9232" creationId="{ACBCBC6C-4B55-44AD-D513-A52E531792A6}"/>
          </ac:spMkLst>
        </pc:spChg>
        <pc:spChg chg="mod">
          <ac:chgData name="White, Alex" userId="eff6cc8c-37d8-483b-9c6c-6b27e9afa9bc" providerId="ADAL" clId="{BF04C754-5BF4-4E83-9615-DB14FA25AF8A}" dt="2023-10-12T11:38:20.867" v="298"/>
          <ac:spMkLst>
            <pc:docMk/>
            <pc:sldMk cId="2376958513" sldId="260"/>
            <ac:spMk id="9233" creationId="{26FE7ABD-C4DE-3987-DE96-E2217D75BCA0}"/>
          </ac:spMkLst>
        </pc:spChg>
        <pc:spChg chg="mod">
          <ac:chgData name="White, Alex" userId="eff6cc8c-37d8-483b-9c6c-6b27e9afa9bc" providerId="ADAL" clId="{BF04C754-5BF4-4E83-9615-DB14FA25AF8A}" dt="2023-10-12T11:38:20.867" v="298"/>
          <ac:spMkLst>
            <pc:docMk/>
            <pc:sldMk cId="2376958513" sldId="260"/>
            <ac:spMk id="9234" creationId="{BD24AC23-3A29-2091-B4A0-E148DBDB72A8}"/>
          </ac:spMkLst>
        </pc:spChg>
        <pc:spChg chg="mod">
          <ac:chgData name="White, Alex" userId="eff6cc8c-37d8-483b-9c6c-6b27e9afa9bc" providerId="ADAL" clId="{BF04C754-5BF4-4E83-9615-DB14FA25AF8A}" dt="2023-10-12T11:38:20.867" v="298"/>
          <ac:spMkLst>
            <pc:docMk/>
            <pc:sldMk cId="2376958513" sldId="260"/>
            <ac:spMk id="9235" creationId="{FE0E268F-09A4-572E-D439-D2E3D94A6866}"/>
          </ac:spMkLst>
        </pc:spChg>
        <pc:spChg chg="mod">
          <ac:chgData name="White, Alex" userId="eff6cc8c-37d8-483b-9c6c-6b27e9afa9bc" providerId="ADAL" clId="{BF04C754-5BF4-4E83-9615-DB14FA25AF8A}" dt="2023-10-12T11:38:20.867" v="298"/>
          <ac:spMkLst>
            <pc:docMk/>
            <pc:sldMk cId="2376958513" sldId="260"/>
            <ac:spMk id="9236" creationId="{773AD147-5EB4-D6E0-CCF5-49CF43F5394A}"/>
          </ac:spMkLst>
        </pc:spChg>
        <pc:spChg chg="mod">
          <ac:chgData name="White, Alex" userId="eff6cc8c-37d8-483b-9c6c-6b27e9afa9bc" providerId="ADAL" clId="{BF04C754-5BF4-4E83-9615-DB14FA25AF8A}" dt="2023-10-12T11:38:20.867" v="298"/>
          <ac:spMkLst>
            <pc:docMk/>
            <pc:sldMk cId="2376958513" sldId="260"/>
            <ac:spMk id="9237" creationId="{A4003166-A564-335F-9F30-DCF5F0B1F1C9}"/>
          </ac:spMkLst>
        </pc:spChg>
        <pc:spChg chg="mod">
          <ac:chgData name="White, Alex" userId="eff6cc8c-37d8-483b-9c6c-6b27e9afa9bc" providerId="ADAL" clId="{BF04C754-5BF4-4E83-9615-DB14FA25AF8A}" dt="2023-10-12T11:38:20.867" v="298"/>
          <ac:spMkLst>
            <pc:docMk/>
            <pc:sldMk cId="2376958513" sldId="260"/>
            <ac:spMk id="9238" creationId="{750FCFF4-0E01-3FCD-9479-7CD9EF788537}"/>
          </ac:spMkLst>
        </pc:spChg>
        <pc:spChg chg="mod">
          <ac:chgData name="White, Alex" userId="eff6cc8c-37d8-483b-9c6c-6b27e9afa9bc" providerId="ADAL" clId="{BF04C754-5BF4-4E83-9615-DB14FA25AF8A}" dt="2023-10-12T11:38:20.867" v="298"/>
          <ac:spMkLst>
            <pc:docMk/>
            <pc:sldMk cId="2376958513" sldId="260"/>
            <ac:spMk id="9239" creationId="{48F3412A-0162-CD47-6ED8-8999F538B519}"/>
          </ac:spMkLst>
        </pc:spChg>
        <pc:spChg chg="mod">
          <ac:chgData name="White, Alex" userId="eff6cc8c-37d8-483b-9c6c-6b27e9afa9bc" providerId="ADAL" clId="{BF04C754-5BF4-4E83-9615-DB14FA25AF8A}" dt="2023-10-12T11:38:20.867" v="298"/>
          <ac:spMkLst>
            <pc:docMk/>
            <pc:sldMk cId="2376958513" sldId="260"/>
            <ac:spMk id="9240" creationId="{472C9023-BDD4-225F-4918-DF4D929F379B}"/>
          </ac:spMkLst>
        </pc:spChg>
        <pc:spChg chg="mod">
          <ac:chgData name="White, Alex" userId="eff6cc8c-37d8-483b-9c6c-6b27e9afa9bc" providerId="ADAL" clId="{BF04C754-5BF4-4E83-9615-DB14FA25AF8A}" dt="2023-10-12T11:38:20.867" v="298"/>
          <ac:spMkLst>
            <pc:docMk/>
            <pc:sldMk cId="2376958513" sldId="260"/>
            <ac:spMk id="9241" creationId="{574A8E10-86D2-A37A-3B21-65C062DBF903}"/>
          </ac:spMkLst>
        </pc:spChg>
        <pc:spChg chg="mod">
          <ac:chgData name="White, Alex" userId="eff6cc8c-37d8-483b-9c6c-6b27e9afa9bc" providerId="ADAL" clId="{BF04C754-5BF4-4E83-9615-DB14FA25AF8A}" dt="2023-10-12T11:38:20.867" v="298"/>
          <ac:spMkLst>
            <pc:docMk/>
            <pc:sldMk cId="2376958513" sldId="260"/>
            <ac:spMk id="9242" creationId="{EB7F5655-0991-5830-8D31-6D1F9CECCC4A}"/>
          </ac:spMkLst>
        </pc:spChg>
        <pc:spChg chg="mod">
          <ac:chgData name="White, Alex" userId="eff6cc8c-37d8-483b-9c6c-6b27e9afa9bc" providerId="ADAL" clId="{BF04C754-5BF4-4E83-9615-DB14FA25AF8A}" dt="2023-10-12T11:38:20.867" v="298"/>
          <ac:spMkLst>
            <pc:docMk/>
            <pc:sldMk cId="2376958513" sldId="260"/>
            <ac:spMk id="9243" creationId="{8EA1281D-9550-CC68-F4DC-8C60C64115F8}"/>
          </ac:spMkLst>
        </pc:spChg>
        <pc:spChg chg="mod">
          <ac:chgData name="White, Alex" userId="eff6cc8c-37d8-483b-9c6c-6b27e9afa9bc" providerId="ADAL" clId="{BF04C754-5BF4-4E83-9615-DB14FA25AF8A}" dt="2023-10-12T11:38:20.867" v="298"/>
          <ac:spMkLst>
            <pc:docMk/>
            <pc:sldMk cId="2376958513" sldId="260"/>
            <ac:spMk id="9244" creationId="{391C471C-E687-17B1-28F6-C3DDA04E9BC4}"/>
          </ac:spMkLst>
        </pc:spChg>
        <pc:spChg chg="mod">
          <ac:chgData name="White, Alex" userId="eff6cc8c-37d8-483b-9c6c-6b27e9afa9bc" providerId="ADAL" clId="{BF04C754-5BF4-4E83-9615-DB14FA25AF8A}" dt="2023-10-12T11:38:20.867" v="298"/>
          <ac:spMkLst>
            <pc:docMk/>
            <pc:sldMk cId="2376958513" sldId="260"/>
            <ac:spMk id="9245" creationId="{672864B1-9DA6-7281-ACB0-3E03B4903563}"/>
          </ac:spMkLst>
        </pc:spChg>
        <pc:spChg chg="mod">
          <ac:chgData name="White, Alex" userId="eff6cc8c-37d8-483b-9c6c-6b27e9afa9bc" providerId="ADAL" clId="{BF04C754-5BF4-4E83-9615-DB14FA25AF8A}" dt="2023-10-12T11:38:20.867" v="298"/>
          <ac:spMkLst>
            <pc:docMk/>
            <pc:sldMk cId="2376958513" sldId="260"/>
            <ac:spMk id="9246" creationId="{E129624C-1A16-5CD2-3AD6-6DB0C0AD171B}"/>
          </ac:spMkLst>
        </pc:spChg>
        <pc:spChg chg="mod">
          <ac:chgData name="White, Alex" userId="eff6cc8c-37d8-483b-9c6c-6b27e9afa9bc" providerId="ADAL" clId="{BF04C754-5BF4-4E83-9615-DB14FA25AF8A}" dt="2023-10-12T11:38:20.867" v="298"/>
          <ac:spMkLst>
            <pc:docMk/>
            <pc:sldMk cId="2376958513" sldId="260"/>
            <ac:spMk id="9247" creationId="{4815F57D-877C-7872-5777-F36C8D71AD48}"/>
          </ac:spMkLst>
        </pc:spChg>
        <pc:spChg chg="mod">
          <ac:chgData name="White, Alex" userId="eff6cc8c-37d8-483b-9c6c-6b27e9afa9bc" providerId="ADAL" clId="{BF04C754-5BF4-4E83-9615-DB14FA25AF8A}" dt="2023-10-12T11:38:20.867" v="298"/>
          <ac:spMkLst>
            <pc:docMk/>
            <pc:sldMk cId="2376958513" sldId="260"/>
            <ac:spMk id="9248" creationId="{4CA5C143-248F-104E-C535-449126A99B41}"/>
          </ac:spMkLst>
        </pc:spChg>
        <pc:spChg chg="mod">
          <ac:chgData name="White, Alex" userId="eff6cc8c-37d8-483b-9c6c-6b27e9afa9bc" providerId="ADAL" clId="{BF04C754-5BF4-4E83-9615-DB14FA25AF8A}" dt="2023-10-12T11:38:20.867" v="298"/>
          <ac:spMkLst>
            <pc:docMk/>
            <pc:sldMk cId="2376958513" sldId="260"/>
            <ac:spMk id="9249" creationId="{7A4169F7-4A46-96FA-890A-9980061FF254}"/>
          </ac:spMkLst>
        </pc:spChg>
        <pc:spChg chg="mod">
          <ac:chgData name="White, Alex" userId="eff6cc8c-37d8-483b-9c6c-6b27e9afa9bc" providerId="ADAL" clId="{BF04C754-5BF4-4E83-9615-DB14FA25AF8A}" dt="2023-10-12T11:38:20.867" v="298"/>
          <ac:spMkLst>
            <pc:docMk/>
            <pc:sldMk cId="2376958513" sldId="260"/>
            <ac:spMk id="9250" creationId="{1AE9238C-4614-0B13-25D4-FF7A77FCC616}"/>
          </ac:spMkLst>
        </pc:spChg>
        <pc:spChg chg="mod">
          <ac:chgData name="White, Alex" userId="eff6cc8c-37d8-483b-9c6c-6b27e9afa9bc" providerId="ADAL" clId="{BF04C754-5BF4-4E83-9615-DB14FA25AF8A}" dt="2023-10-12T11:38:20.867" v="298"/>
          <ac:spMkLst>
            <pc:docMk/>
            <pc:sldMk cId="2376958513" sldId="260"/>
            <ac:spMk id="9251" creationId="{6CC7762D-5A6E-940C-9CA8-627A927715FB}"/>
          </ac:spMkLst>
        </pc:spChg>
        <pc:spChg chg="mod">
          <ac:chgData name="White, Alex" userId="eff6cc8c-37d8-483b-9c6c-6b27e9afa9bc" providerId="ADAL" clId="{BF04C754-5BF4-4E83-9615-DB14FA25AF8A}" dt="2023-10-12T11:38:20.867" v="298"/>
          <ac:spMkLst>
            <pc:docMk/>
            <pc:sldMk cId="2376958513" sldId="260"/>
            <ac:spMk id="9252" creationId="{9DB01A27-70D7-8C8D-BF11-C026F207E073}"/>
          </ac:spMkLst>
        </pc:spChg>
        <pc:spChg chg="mod">
          <ac:chgData name="White, Alex" userId="eff6cc8c-37d8-483b-9c6c-6b27e9afa9bc" providerId="ADAL" clId="{BF04C754-5BF4-4E83-9615-DB14FA25AF8A}" dt="2023-10-12T11:38:20.867" v="298"/>
          <ac:spMkLst>
            <pc:docMk/>
            <pc:sldMk cId="2376958513" sldId="260"/>
            <ac:spMk id="9253" creationId="{0137483A-70BD-2894-1556-C7C243E371A0}"/>
          </ac:spMkLst>
        </pc:spChg>
        <pc:spChg chg="mod">
          <ac:chgData name="White, Alex" userId="eff6cc8c-37d8-483b-9c6c-6b27e9afa9bc" providerId="ADAL" clId="{BF04C754-5BF4-4E83-9615-DB14FA25AF8A}" dt="2023-10-12T11:38:20.867" v="298"/>
          <ac:spMkLst>
            <pc:docMk/>
            <pc:sldMk cId="2376958513" sldId="260"/>
            <ac:spMk id="9254" creationId="{5CC0D9DB-469B-863C-707C-1B25E25FFB28}"/>
          </ac:spMkLst>
        </pc:spChg>
        <pc:spChg chg="mod">
          <ac:chgData name="White, Alex" userId="eff6cc8c-37d8-483b-9c6c-6b27e9afa9bc" providerId="ADAL" clId="{BF04C754-5BF4-4E83-9615-DB14FA25AF8A}" dt="2023-10-12T11:38:20.867" v="298"/>
          <ac:spMkLst>
            <pc:docMk/>
            <pc:sldMk cId="2376958513" sldId="260"/>
            <ac:spMk id="9255" creationId="{B6B9A30B-A787-16E0-4ABB-664E0C80F7F0}"/>
          </ac:spMkLst>
        </pc:spChg>
        <pc:spChg chg="mod">
          <ac:chgData name="White, Alex" userId="eff6cc8c-37d8-483b-9c6c-6b27e9afa9bc" providerId="ADAL" clId="{BF04C754-5BF4-4E83-9615-DB14FA25AF8A}" dt="2023-10-12T11:38:20.867" v="298"/>
          <ac:spMkLst>
            <pc:docMk/>
            <pc:sldMk cId="2376958513" sldId="260"/>
            <ac:spMk id="9256" creationId="{D4499E5A-884C-CCD1-6C87-480E27B94BFE}"/>
          </ac:spMkLst>
        </pc:spChg>
        <pc:spChg chg="mod">
          <ac:chgData name="White, Alex" userId="eff6cc8c-37d8-483b-9c6c-6b27e9afa9bc" providerId="ADAL" clId="{BF04C754-5BF4-4E83-9615-DB14FA25AF8A}" dt="2023-10-12T11:38:20.867" v="298"/>
          <ac:spMkLst>
            <pc:docMk/>
            <pc:sldMk cId="2376958513" sldId="260"/>
            <ac:spMk id="9257" creationId="{C51061FC-4D8A-7FD0-E9D3-C612C0A37C99}"/>
          </ac:spMkLst>
        </pc:spChg>
        <pc:spChg chg="mod">
          <ac:chgData name="White, Alex" userId="eff6cc8c-37d8-483b-9c6c-6b27e9afa9bc" providerId="ADAL" clId="{BF04C754-5BF4-4E83-9615-DB14FA25AF8A}" dt="2023-10-12T11:38:20.867" v="298"/>
          <ac:spMkLst>
            <pc:docMk/>
            <pc:sldMk cId="2376958513" sldId="260"/>
            <ac:spMk id="9258" creationId="{31A7767D-A31D-742A-BB12-C1A66B741BC6}"/>
          </ac:spMkLst>
        </pc:spChg>
        <pc:spChg chg="mod">
          <ac:chgData name="White, Alex" userId="eff6cc8c-37d8-483b-9c6c-6b27e9afa9bc" providerId="ADAL" clId="{BF04C754-5BF4-4E83-9615-DB14FA25AF8A}" dt="2023-10-12T11:38:20.867" v="298"/>
          <ac:spMkLst>
            <pc:docMk/>
            <pc:sldMk cId="2376958513" sldId="260"/>
            <ac:spMk id="9259" creationId="{EA8DD763-F3A9-ABF6-4F0B-40EBF3831A50}"/>
          </ac:spMkLst>
        </pc:spChg>
        <pc:spChg chg="mod">
          <ac:chgData name="White, Alex" userId="eff6cc8c-37d8-483b-9c6c-6b27e9afa9bc" providerId="ADAL" clId="{BF04C754-5BF4-4E83-9615-DB14FA25AF8A}" dt="2023-10-12T11:38:20.867" v="298"/>
          <ac:spMkLst>
            <pc:docMk/>
            <pc:sldMk cId="2376958513" sldId="260"/>
            <ac:spMk id="9260" creationId="{0C79B8F0-D12E-4EDC-7BBB-CEBD1EC00831}"/>
          </ac:spMkLst>
        </pc:spChg>
        <pc:spChg chg="mod">
          <ac:chgData name="White, Alex" userId="eff6cc8c-37d8-483b-9c6c-6b27e9afa9bc" providerId="ADAL" clId="{BF04C754-5BF4-4E83-9615-DB14FA25AF8A}" dt="2023-10-12T11:38:20.867" v="298"/>
          <ac:spMkLst>
            <pc:docMk/>
            <pc:sldMk cId="2376958513" sldId="260"/>
            <ac:spMk id="9261" creationId="{B4C76260-F437-DED0-2E55-0BEDC3C2FADD}"/>
          </ac:spMkLst>
        </pc:spChg>
        <pc:spChg chg="mod">
          <ac:chgData name="White, Alex" userId="eff6cc8c-37d8-483b-9c6c-6b27e9afa9bc" providerId="ADAL" clId="{BF04C754-5BF4-4E83-9615-DB14FA25AF8A}" dt="2023-10-12T11:38:20.867" v="298"/>
          <ac:spMkLst>
            <pc:docMk/>
            <pc:sldMk cId="2376958513" sldId="260"/>
            <ac:spMk id="9262" creationId="{10450567-8CA3-89CF-67A2-C5663571EBA9}"/>
          </ac:spMkLst>
        </pc:spChg>
        <pc:spChg chg="mod">
          <ac:chgData name="White, Alex" userId="eff6cc8c-37d8-483b-9c6c-6b27e9afa9bc" providerId="ADAL" clId="{BF04C754-5BF4-4E83-9615-DB14FA25AF8A}" dt="2023-10-12T11:38:20.867" v="298"/>
          <ac:spMkLst>
            <pc:docMk/>
            <pc:sldMk cId="2376958513" sldId="260"/>
            <ac:spMk id="9263" creationId="{C954585B-E446-3758-C3C1-3663CF0C6882}"/>
          </ac:spMkLst>
        </pc:spChg>
        <pc:spChg chg="mod">
          <ac:chgData name="White, Alex" userId="eff6cc8c-37d8-483b-9c6c-6b27e9afa9bc" providerId="ADAL" clId="{BF04C754-5BF4-4E83-9615-DB14FA25AF8A}" dt="2023-10-12T11:38:20.867" v="298"/>
          <ac:spMkLst>
            <pc:docMk/>
            <pc:sldMk cId="2376958513" sldId="260"/>
            <ac:spMk id="9264" creationId="{7905B6F3-F686-CA18-55F2-16B7D9712527}"/>
          </ac:spMkLst>
        </pc:spChg>
        <pc:spChg chg="mod">
          <ac:chgData name="White, Alex" userId="eff6cc8c-37d8-483b-9c6c-6b27e9afa9bc" providerId="ADAL" clId="{BF04C754-5BF4-4E83-9615-DB14FA25AF8A}" dt="2023-10-12T11:38:20.867" v="298"/>
          <ac:spMkLst>
            <pc:docMk/>
            <pc:sldMk cId="2376958513" sldId="260"/>
            <ac:spMk id="9265" creationId="{B7E64E38-A66A-AD57-C3B6-627A584D1E56}"/>
          </ac:spMkLst>
        </pc:spChg>
        <pc:spChg chg="mod">
          <ac:chgData name="White, Alex" userId="eff6cc8c-37d8-483b-9c6c-6b27e9afa9bc" providerId="ADAL" clId="{BF04C754-5BF4-4E83-9615-DB14FA25AF8A}" dt="2023-10-12T11:38:20.867" v="298"/>
          <ac:spMkLst>
            <pc:docMk/>
            <pc:sldMk cId="2376958513" sldId="260"/>
            <ac:spMk id="9266" creationId="{C45BD1CF-DAF0-9412-32A4-DB4CD52D69CB}"/>
          </ac:spMkLst>
        </pc:spChg>
        <pc:spChg chg="mod">
          <ac:chgData name="White, Alex" userId="eff6cc8c-37d8-483b-9c6c-6b27e9afa9bc" providerId="ADAL" clId="{BF04C754-5BF4-4E83-9615-DB14FA25AF8A}" dt="2023-10-12T11:38:20.867" v="298"/>
          <ac:spMkLst>
            <pc:docMk/>
            <pc:sldMk cId="2376958513" sldId="260"/>
            <ac:spMk id="9267" creationId="{D7D8E5C9-A778-5C5D-9C21-9104A68AA4EC}"/>
          </ac:spMkLst>
        </pc:spChg>
        <pc:spChg chg="mod">
          <ac:chgData name="White, Alex" userId="eff6cc8c-37d8-483b-9c6c-6b27e9afa9bc" providerId="ADAL" clId="{BF04C754-5BF4-4E83-9615-DB14FA25AF8A}" dt="2023-10-12T11:38:20.867" v="298"/>
          <ac:spMkLst>
            <pc:docMk/>
            <pc:sldMk cId="2376958513" sldId="260"/>
            <ac:spMk id="9268" creationId="{F00C9FB0-E435-9F04-0C42-8034BC544275}"/>
          </ac:spMkLst>
        </pc:spChg>
        <pc:spChg chg="mod">
          <ac:chgData name="White, Alex" userId="eff6cc8c-37d8-483b-9c6c-6b27e9afa9bc" providerId="ADAL" clId="{BF04C754-5BF4-4E83-9615-DB14FA25AF8A}" dt="2023-10-12T11:38:20.867" v="298"/>
          <ac:spMkLst>
            <pc:docMk/>
            <pc:sldMk cId="2376958513" sldId="260"/>
            <ac:spMk id="9269" creationId="{76E3A82E-F9DB-5BF4-7DE6-DA981FB3BCEE}"/>
          </ac:spMkLst>
        </pc:spChg>
        <pc:spChg chg="mod">
          <ac:chgData name="White, Alex" userId="eff6cc8c-37d8-483b-9c6c-6b27e9afa9bc" providerId="ADAL" clId="{BF04C754-5BF4-4E83-9615-DB14FA25AF8A}" dt="2023-10-12T11:38:20.867" v="298"/>
          <ac:spMkLst>
            <pc:docMk/>
            <pc:sldMk cId="2376958513" sldId="260"/>
            <ac:spMk id="9270" creationId="{F2D2DB7D-4BF7-EF0A-D79F-037813E84C3E}"/>
          </ac:spMkLst>
        </pc:spChg>
        <pc:spChg chg="mod">
          <ac:chgData name="White, Alex" userId="eff6cc8c-37d8-483b-9c6c-6b27e9afa9bc" providerId="ADAL" clId="{BF04C754-5BF4-4E83-9615-DB14FA25AF8A}" dt="2023-10-12T11:38:20.867" v="298"/>
          <ac:spMkLst>
            <pc:docMk/>
            <pc:sldMk cId="2376958513" sldId="260"/>
            <ac:spMk id="9271" creationId="{E46D75DD-1BE8-EC4B-24A2-A49080FA234C}"/>
          </ac:spMkLst>
        </pc:spChg>
        <pc:spChg chg="mod">
          <ac:chgData name="White, Alex" userId="eff6cc8c-37d8-483b-9c6c-6b27e9afa9bc" providerId="ADAL" clId="{BF04C754-5BF4-4E83-9615-DB14FA25AF8A}" dt="2023-10-12T11:38:20.867" v="298"/>
          <ac:spMkLst>
            <pc:docMk/>
            <pc:sldMk cId="2376958513" sldId="260"/>
            <ac:spMk id="9272" creationId="{CB60A743-3CE1-43C4-F172-41AA4854002E}"/>
          </ac:spMkLst>
        </pc:spChg>
        <pc:spChg chg="mod">
          <ac:chgData name="White, Alex" userId="eff6cc8c-37d8-483b-9c6c-6b27e9afa9bc" providerId="ADAL" clId="{BF04C754-5BF4-4E83-9615-DB14FA25AF8A}" dt="2023-10-12T11:38:20.867" v="298"/>
          <ac:spMkLst>
            <pc:docMk/>
            <pc:sldMk cId="2376958513" sldId="260"/>
            <ac:spMk id="9273" creationId="{114747FB-C2FC-3FAA-A722-9EF1C5FB3FE2}"/>
          </ac:spMkLst>
        </pc:spChg>
        <pc:spChg chg="mod">
          <ac:chgData name="White, Alex" userId="eff6cc8c-37d8-483b-9c6c-6b27e9afa9bc" providerId="ADAL" clId="{BF04C754-5BF4-4E83-9615-DB14FA25AF8A}" dt="2023-10-12T11:38:20.867" v="298"/>
          <ac:spMkLst>
            <pc:docMk/>
            <pc:sldMk cId="2376958513" sldId="260"/>
            <ac:spMk id="9274" creationId="{54C4D74A-CC62-5AE8-8E2C-667220EEF619}"/>
          </ac:spMkLst>
        </pc:spChg>
        <pc:spChg chg="mod">
          <ac:chgData name="White, Alex" userId="eff6cc8c-37d8-483b-9c6c-6b27e9afa9bc" providerId="ADAL" clId="{BF04C754-5BF4-4E83-9615-DB14FA25AF8A}" dt="2023-10-12T11:38:20.867" v="298"/>
          <ac:spMkLst>
            <pc:docMk/>
            <pc:sldMk cId="2376958513" sldId="260"/>
            <ac:spMk id="9275" creationId="{43615DAA-C10A-D72D-E423-CD10D20F251E}"/>
          </ac:spMkLst>
        </pc:spChg>
        <pc:spChg chg="mod">
          <ac:chgData name="White, Alex" userId="eff6cc8c-37d8-483b-9c6c-6b27e9afa9bc" providerId="ADAL" clId="{BF04C754-5BF4-4E83-9615-DB14FA25AF8A}" dt="2023-10-12T11:38:20.867" v="298"/>
          <ac:spMkLst>
            <pc:docMk/>
            <pc:sldMk cId="2376958513" sldId="260"/>
            <ac:spMk id="9276" creationId="{8A204463-79D7-A55E-10E3-75B72F4A1A1D}"/>
          </ac:spMkLst>
        </pc:spChg>
        <pc:spChg chg="mod">
          <ac:chgData name="White, Alex" userId="eff6cc8c-37d8-483b-9c6c-6b27e9afa9bc" providerId="ADAL" clId="{BF04C754-5BF4-4E83-9615-DB14FA25AF8A}" dt="2023-10-12T11:38:20.867" v="298"/>
          <ac:spMkLst>
            <pc:docMk/>
            <pc:sldMk cId="2376958513" sldId="260"/>
            <ac:spMk id="9277" creationId="{DAD1984E-E13F-6EF9-98AB-CCF1E5618BD2}"/>
          </ac:spMkLst>
        </pc:spChg>
        <pc:spChg chg="mod">
          <ac:chgData name="White, Alex" userId="eff6cc8c-37d8-483b-9c6c-6b27e9afa9bc" providerId="ADAL" clId="{BF04C754-5BF4-4E83-9615-DB14FA25AF8A}" dt="2023-10-12T11:38:20.867" v="298"/>
          <ac:spMkLst>
            <pc:docMk/>
            <pc:sldMk cId="2376958513" sldId="260"/>
            <ac:spMk id="9278" creationId="{74E89173-ADDB-3AB8-77CE-F3240E5D045B}"/>
          </ac:spMkLst>
        </pc:spChg>
        <pc:spChg chg="mod">
          <ac:chgData name="White, Alex" userId="eff6cc8c-37d8-483b-9c6c-6b27e9afa9bc" providerId="ADAL" clId="{BF04C754-5BF4-4E83-9615-DB14FA25AF8A}" dt="2023-10-12T11:38:20.867" v="298"/>
          <ac:spMkLst>
            <pc:docMk/>
            <pc:sldMk cId="2376958513" sldId="260"/>
            <ac:spMk id="9279" creationId="{1FE4683A-8359-4A53-EE5D-DF1840DD0D77}"/>
          </ac:spMkLst>
        </pc:spChg>
        <pc:spChg chg="mod">
          <ac:chgData name="White, Alex" userId="eff6cc8c-37d8-483b-9c6c-6b27e9afa9bc" providerId="ADAL" clId="{BF04C754-5BF4-4E83-9615-DB14FA25AF8A}" dt="2023-10-12T11:38:20.867" v="298"/>
          <ac:spMkLst>
            <pc:docMk/>
            <pc:sldMk cId="2376958513" sldId="260"/>
            <ac:spMk id="9280" creationId="{B4DEF7DD-49AD-05FD-10CD-B4B38B6A1426}"/>
          </ac:spMkLst>
        </pc:spChg>
        <pc:spChg chg="mod">
          <ac:chgData name="White, Alex" userId="eff6cc8c-37d8-483b-9c6c-6b27e9afa9bc" providerId="ADAL" clId="{BF04C754-5BF4-4E83-9615-DB14FA25AF8A}" dt="2023-10-12T11:38:20.867" v="298"/>
          <ac:spMkLst>
            <pc:docMk/>
            <pc:sldMk cId="2376958513" sldId="260"/>
            <ac:spMk id="9281" creationId="{C54650B4-3C56-EB23-BF21-3D37DC0A1B37}"/>
          </ac:spMkLst>
        </pc:spChg>
        <pc:spChg chg="mod">
          <ac:chgData name="White, Alex" userId="eff6cc8c-37d8-483b-9c6c-6b27e9afa9bc" providerId="ADAL" clId="{BF04C754-5BF4-4E83-9615-DB14FA25AF8A}" dt="2023-10-12T11:38:20.867" v="298"/>
          <ac:spMkLst>
            <pc:docMk/>
            <pc:sldMk cId="2376958513" sldId="260"/>
            <ac:spMk id="9282" creationId="{295BDD01-1E84-599F-9F38-E7880ADFE0E7}"/>
          </ac:spMkLst>
        </pc:spChg>
        <pc:spChg chg="mod">
          <ac:chgData name="White, Alex" userId="eff6cc8c-37d8-483b-9c6c-6b27e9afa9bc" providerId="ADAL" clId="{BF04C754-5BF4-4E83-9615-DB14FA25AF8A}" dt="2023-10-12T11:38:20.867" v="298"/>
          <ac:spMkLst>
            <pc:docMk/>
            <pc:sldMk cId="2376958513" sldId="260"/>
            <ac:spMk id="9283" creationId="{22340FC5-C19C-84C0-9F48-9C6C2E23EF39}"/>
          </ac:spMkLst>
        </pc:spChg>
        <pc:spChg chg="mod">
          <ac:chgData name="White, Alex" userId="eff6cc8c-37d8-483b-9c6c-6b27e9afa9bc" providerId="ADAL" clId="{BF04C754-5BF4-4E83-9615-DB14FA25AF8A}" dt="2023-10-12T11:38:20.867" v="298"/>
          <ac:spMkLst>
            <pc:docMk/>
            <pc:sldMk cId="2376958513" sldId="260"/>
            <ac:spMk id="9284" creationId="{BC67CBBD-6471-BD7C-98B5-9F929E77F3FD}"/>
          </ac:spMkLst>
        </pc:spChg>
        <pc:spChg chg="mod">
          <ac:chgData name="White, Alex" userId="eff6cc8c-37d8-483b-9c6c-6b27e9afa9bc" providerId="ADAL" clId="{BF04C754-5BF4-4E83-9615-DB14FA25AF8A}" dt="2023-10-12T11:38:20.867" v="298"/>
          <ac:spMkLst>
            <pc:docMk/>
            <pc:sldMk cId="2376958513" sldId="260"/>
            <ac:spMk id="9285" creationId="{302965A6-30E9-5C9D-7021-6F24EFCCE602}"/>
          </ac:spMkLst>
        </pc:spChg>
        <pc:spChg chg="mod">
          <ac:chgData name="White, Alex" userId="eff6cc8c-37d8-483b-9c6c-6b27e9afa9bc" providerId="ADAL" clId="{BF04C754-5BF4-4E83-9615-DB14FA25AF8A}" dt="2023-10-12T11:38:20.867" v="298"/>
          <ac:spMkLst>
            <pc:docMk/>
            <pc:sldMk cId="2376958513" sldId="260"/>
            <ac:spMk id="9286" creationId="{752B45A0-1340-2BE2-8A2E-72DACCE35895}"/>
          </ac:spMkLst>
        </pc:spChg>
        <pc:spChg chg="mod">
          <ac:chgData name="White, Alex" userId="eff6cc8c-37d8-483b-9c6c-6b27e9afa9bc" providerId="ADAL" clId="{BF04C754-5BF4-4E83-9615-DB14FA25AF8A}" dt="2023-10-12T11:38:20.867" v="298"/>
          <ac:spMkLst>
            <pc:docMk/>
            <pc:sldMk cId="2376958513" sldId="260"/>
            <ac:spMk id="9287" creationId="{CEB9A7F9-6949-228B-7D18-819F5661C41B}"/>
          </ac:spMkLst>
        </pc:spChg>
        <pc:spChg chg="mod">
          <ac:chgData name="White, Alex" userId="eff6cc8c-37d8-483b-9c6c-6b27e9afa9bc" providerId="ADAL" clId="{BF04C754-5BF4-4E83-9615-DB14FA25AF8A}" dt="2023-10-12T11:38:20.867" v="298"/>
          <ac:spMkLst>
            <pc:docMk/>
            <pc:sldMk cId="2376958513" sldId="260"/>
            <ac:spMk id="9288" creationId="{5A4E9D7D-0E45-3A55-DB85-3A3AC2001E17}"/>
          </ac:spMkLst>
        </pc:spChg>
        <pc:spChg chg="mod">
          <ac:chgData name="White, Alex" userId="eff6cc8c-37d8-483b-9c6c-6b27e9afa9bc" providerId="ADAL" clId="{BF04C754-5BF4-4E83-9615-DB14FA25AF8A}" dt="2023-10-12T11:38:20.867" v="298"/>
          <ac:spMkLst>
            <pc:docMk/>
            <pc:sldMk cId="2376958513" sldId="260"/>
            <ac:spMk id="9289" creationId="{9D067970-308A-EA85-6C27-55E025FBDFD2}"/>
          </ac:spMkLst>
        </pc:spChg>
        <pc:spChg chg="mod">
          <ac:chgData name="White, Alex" userId="eff6cc8c-37d8-483b-9c6c-6b27e9afa9bc" providerId="ADAL" clId="{BF04C754-5BF4-4E83-9615-DB14FA25AF8A}" dt="2023-10-12T11:38:20.867" v="298"/>
          <ac:spMkLst>
            <pc:docMk/>
            <pc:sldMk cId="2376958513" sldId="260"/>
            <ac:spMk id="9290" creationId="{CD99FAAA-6E2C-8B11-83EF-A1AC1FDE6958}"/>
          </ac:spMkLst>
        </pc:spChg>
        <pc:spChg chg="mod">
          <ac:chgData name="White, Alex" userId="eff6cc8c-37d8-483b-9c6c-6b27e9afa9bc" providerId="ADAL" clId="{BF04C754-5BF4-4E83-9615-DB14FA25AF8A}" dt="2023-10-12T11:38:20.867" v="298"/>
          <ac:spMkLst>
            <pc:docMk/>
            <pc:sldMk cId="2376958513" sldId="260"/>
            <ac:spMk id="9291" creationId="{6FC85A18-C174-90AF-F845-D8FDF334EFE6}"/>
          </ac:spMkLst>
        </pc:spChg>
        <pc:spChg chg="mod">
          <ac:chgData name="White, Alex" userId="eff6cc8c-37d8-483b-9c6c-6b27e9afa9bc" providerId="ADAL" clId="{BF04C754-5BF4-4E83-9615-DB14FA25AF8A}" dt="2023-10-12T11:38:20.867" v="298"/>
          <ac:spMkLst>
            <pc:docMk/>
            <pc:sldMk cId="2376958513" sldId="260"/>
            <ac:spMk id="9292" creationId="{58E3CCEE-3820-8607-AB12-60B13A2321A2}"/>
          </ac:spMkLst>
        </pc:spChg>
        <pc:spChg chg="mod">
          <ac:chgData name="White, Alex" userId="eff6cc8c-37d8-483b-9c6c-6b27e9afa9bc" providerId="ADAL" clId="{BF04C754-5BF4-4E83-9615-DB14FA25AF8A}" dt="2023-10-12T11:38:20.867" v="298"/>
          <ac:spMkLst>
            <pc:docMk/>
            <pc:sldMk cId="2376958513" sldId="260"/>
            <ac:spMk id="9293" creationId="{DC39181E-51E3-2BFC-5A19-C512D3793A20}"/>
          </ac:spMkLst>
        </pc:spChg>
        <pc:spChg chg="mod">
          <ac:chgData name="White, Alex" userId="eff6cc8c-37d8-483b-9c6c-6b27e9afa9bc" providerId="ADAL" clId="{BF04C754-5BF4-4E83-9615-DB14FA25AF8A}" dt="2023-10-12T11:38:20.867" v="298"/>
          <ac:spMkLst>
            <pc:docMk/>
            <pc:sldMk cId="2376958513" sldId="260"/>
            <ac:spMk id="9294" creationId="{506C532E-E6BC-FA62-9084-FD38110EB03C}"/>
          </ac:spMkLst>
        </pc:spChg>
        <pc:spChg chg="mod">
          <ac:chgData name="White, Alex" userId="eff6cc8c-37d8-483b-9c6c-6b27e9afa9bc" providerId="ADAL" clId="{BF04C754-5BF4-4E83-9615-DB14FA25AF8A}" dt="2023-10-12T11:38:20.867" v="298"/>
          <ac:spMkLst>
            <pc:docMk/>
            <pc:sldMk cId="2376958513" sldId="260"/>
            <ac:spMk id="9295" creationId="{52C10855-FC5C-46A8-6912-616481C4281B}"/>
          </ac:spMkLst>
        </pc:spChg>
        <pc:spChg chg="mod">
          <ac:chgData name="White, Alex" userId="eff6cc8c-37d8-483b-9c6c-6b27e9afa9bc" providerId="ADAL" clId="{BF04C754-5BF4-4E83-9615-DB14FA25AF8A}" dt="2023-10-12T11:38:20.867" v="298"/>
          <ac:spMkLst>
            <pc:docMk/>
            <pc:sldMk cId="2376958513" sldId="260"/>
            <ac:spMk id="9296" creationId="{332C766E-DE35-B8C5-7C61-E293DB902D6B}"/>
          </ac:spMkLst>
        </pc:spChg>
        <pc:spChg chg="mod">
          <ac:chgData name="White, Alex" userId="eff6cc8c-37d8-483b-9c6c-6b27e9afa9bc" providerId="ADAL" clId="{BF04C754-5BF4-4E83-9615-DB14FA25AF8A}" dt="2023-10-12T11:38:20.867" v="298"/>
          <ac:spMkLst>
            <pc:docMk/>
            <pc:sldMk cId="2376958513" sldId="260"/>
            <ac:spMk id="9297" creationId="{CA5DB786-9395-19A8-6043-24FAB92F0EFA}"/>
          </ac:spMkLst>
        </pc:spChg>
        <pc:spChg chg="mod">
          <ac:chgData name="White, Alex" userId="eff6cc8c-37d8-483b-9c6c-6b27e9afa9bc" providerId="ADAL" clId="{BF04C754-5BF4-4E83-9615-DB14FA25AF8A}" dt="2023-10-12T11:38:20.867" v="298"/>
          <ac:spMkLst>
            <pc:docMk/>
            <pc:sldMk cId="2376958513" sldId="260"/>
            <ac:spMk id="9298" creationId="{2780A68B-4893-DE52-6D05-5A95AAA58272}"/>
          </ac:spMkLst>
        </pc:spChg>
        <pc:spChg chg="mod">
          <ac:chgData name="White, Alex" userId="eff6cc8c-37d8-483b-9c6c-6b27e9afa9bc" providerId="ADAL" clId="{BF04C754-5BF4-4E83-9615-DB14FA25AF8A}" dt="2023-10-12T11:38:20.867" v="298"/>
          <ac:spMkLst>
            <pc:docMk/>
            <pc:sldMk cId="2376958513" sldId="260"/>
            <ac:spMk id="9299" creationId="{CB16FEA9-C28C-E6A5-2340-1EEE265849E8}"/>
          </ac:spMkLst>
        </pc:spChg>
        <pc:spChg chg="mod">
          <ac:chgData name="White, Alex" userId="eff6cc8c-37d8-483b-9c6c-6b27e9afa9bc" providerId="ADAL" clId="{BF04C754-5BF4-4E83-9615-DB14FA25AF8A}" dt="2023-10-12T11:38:20.867" v="298"/>
          <ac:spMkLst>
            <pc:docMk/>
            <pc:sldMk cId="2376958513" sldId="260"/>
            <ac:spMk id="9300" creationId="{A0FE7F3A-D4B3-D127-7BD7-E41F8EE2E64C}"/>
          </ac:spMkLst>
        </pc:spChg>
        <pc:spChg chg="mod">
          <ac:chgData name="White, Alex" userId="eff6cc8c-37d8-483b-9c6c-6b27e9afa9bc" providerId="ADAL" clId="{BF04C754-5BF4-4E83-9615-DB14FA25AF8A}" dt="2023-10-12T11:38:20.867" v="298"/>
          <ac:spMkLst>
            <pc:docMk/>
            <pc:sldMk cId="2376958513" sldId="260"/>
            <ac:spMk id="9301" creationId="{5F1E3128-41A9-D050-B856-4DB7092F3F06}"/>
          </ac:spMkLst>
        </pc:spChg>
        <pc:spChg chg="mod">
          <ac:chgData name="White, Alex" userId="eff6cc8c-37d8-483b-9c6c-6b27e9afa9bc" providerId="ADAL" clId="{BF04C754-5BF4-4E83-9615-DB14FA25AF8A}" dt="2023-10-12T11:38:20.867" v="298"/>
          <ac:spMkLst>
            <pc:docMk/>
            <pc:sldMk cId="2376958513" sldId="260"/>
            <ac:spMk id="9302" creationId="{517F22A6-DBB2-60D1-FF70-9A2A33427C30}"/>
          </ac:spMkLst>
        </pc:spChg>
        <pc:spChg chg="mod">
          <ac:chgData name="White, Alex" userId="eff6cc8c-37d8-483b-9c6c-6b27e9afa9bc" providerId="ADAL" clId="{BF04C754-5BF4-4E83-9615-DB14FA25AF8A}" dt="2023-10-12T11:38:20.867" v="298"/>
          <ac:spMkLst>
            <pc:docMk/>
            <pc:sldMk cId="2376958513" sldId="260"/>
            <ac:spMk id="9303" creationId="{20B0B5C1-0E77-0632-A3B5-F7C291860301}"/>
          </ac:spMkLst>
        </pc:spChg>
        <pc:spChg chg="mod">
          <ac:chgData name="White, Alex" userId="eff6cc8c-37d8-483b-9c6c-6b27e9afa9bc" providerId="ADAL" clId="{BF04C754-5BF4-4E83-9615-DB14FA25AF8A}" dt="2023-10-12T11:38:20.867" v="298"/>
          <ac:spMkLst>
            <pc:docMk/>
            <pc:sldMk cId="2376958513" sldId="260"/>
            <ac:spMk id="9304" creationId="{4699F42E-234C-0A8C-DE9A-E69D1A1AA7B6}"/>
          </ac:spMkLst>
        </pc:spChg>
        <pc:spChg chg="mod">
          <ac:chgData name="White, Alex" userId="eff6cc8c-37d8-483b-9c6c-6b27e9afa9bc" providerId="ADAL" clId="{BF04C754-5BF4-4E83-9615-DB14FA25AF8A}" dt="2023-10-12T11:38:20.867" v="298"/>
          <ac:spMkLst>
            <pc:docMk/>
            <pc:sldMk cId="2376958513" sldId="260"/>
            <ac:spMk id="9305" creationId="{65C17FDD-4E64-12A3-324F-47A09219C323}"/>
          </ac:spMkLst>
        </pc:spChg>
        <pc:spChg chg="mod">
          <ac:chgData name="White, Alex" userId="eff6cc8c-37d8-483b-9c6c-6b27e9afa9bc" providerId="ADAL" clId="{BF04C754-5BF4-4E83-9615-DB14FA25AF8A}" dt="2023-10-12T11:38:20.867" v="298"/>
          <ac:spMkLst>
            <pc:docMk/>
            <pc:sldMk cId="2376958513" sldId="260"/>
            <ac:spMk id="9306" creationId="{28991898-B2C5-E971-4634-BDD424DFCC36}"/>
          </ac:spMkLst>
        </pc:spChg>
        <pc:spChg chg="mod">
          <ac:chgData name="White, Alex" userId="eff6cc8c-37d8-483b-9c6c-6b27e9afa9bc" providerId="ADAL" clId="{BF04C754-5BF4-4E83-9615-DB14FA25AF8A}" dt="2023-10-12T11:38:20.867" v="298"/>
          <ac:spMkLst>
            <pc:docMk/>
            <pc:sldMk cId="2376958513" sldId="260"/>
            <ac:spMk id="9307" creationId="{40438226-6E1D-F60A-89E1-BB0268932D07}"/>
          </ac:spMkLst>
        </pc:spChg>
        <pc:spChg chg="mod">
          <ac:chgData name="White, Alex" userId="eff6cc8c-37d8-483b-9c6c-6b27e9afa9bc" providerId="ADAL" clId="{BF04C754-5BF4-4E83-9615-DB14FA25AF8A}" dt="2023-10-12T11:38:20.867" v="298"/>
          <ac:spMkLst>
            <pc:docMk/>
            <pc:sldMk cId="2376958513" sldId="260"/>
            <ac:spMk id="9308" creationId="{70866E12-DA05-7692-D6BA-830877A732DF}"/>
          </ac:spMkLst>
        </pc:spChg>
        <pc:spChg chg="mod">
          <ac:chgData name="White, Alex" userId="eff6cc8c-37d8-483b-9c6c-6b27e9afa9bc" providerId="ADAL" clId="{BF04C754-5BF4-4E83-9615-DB14FA25AF8A}" dt="2023-10-12T11:38:20.867" v="298"/>
          <ac:spMkLst>
            <pc:docMk/>
            <pc:sldMk cId="2376958513" sldId="260"/>
            <ac:spMk id="9309" creationId="{F81731C8-02D5-626D-B1DB-C8B4EC8949AC}"/>
          </ac:spMkLst>
        </pc:spChg>
        <pc:spChg chg="mod">
          <ac:chgData name="White, Alex" userId="eff6cc8c-37d8-483b-9c6c-6b27e9afa9bc" providerId="ADAL" clId="{BF04C754-5BF4-4E83-9615-DB14FA25AF8A}" dt="2023-10-12T11:38:20.867" v="298"/>
          <ac:spMkLst>
            <pc:docMk/>
            <pc:sldMk cId="2376958513" sldId="260"/>
            <ac:spMk id="9310" creationId="{224E4BC2-2820-174B-F336-740671AD8B89}"/>
          </ac:spMkLst>
        </pc:spChg>
        <pc:spChg chg="mod">
          <ac:chgData name="White, Alex" userId="eff6cc8c-37d8-483b-9c6c-6b27e9afa9bc" providerId="ADAL" clId="{BF04C754-5BF4-4E83-9615-DB14FA25AF8A}" dt="2023-10-12T11:38:20.867" v="298"/>
          <ac:spMkLst>
            <pc:docMk/>
            <pc:sldMk cId="2376958513" sldId="260"/>
            <ac:spMk id="9311" creationId="{6A665634-DC0D-3E8C-1C2D-B9DD90492567}"/>
          </ac:spMkLst>
        </pc:spChg>
        <pc:spChg chg="mod">
          <ac:chgData name="White, Alex" userId="eff6cc8c-37d8-483b-9c6c-6b27e9afa9bc" providerId="ADAL" clId="{BF04C754-5BF4-4E83-9615-DB14FA25AF8A}" dt="2023-10-12T11:38:20.867" v="298"/>
          <ac:spMkLst>
            <pc:docMk/>
            <pc:sldMk cId="2376958513" sldId="260"/>
            <ac:spMk id="9312" creationId="{923FBDE1-DC7A-2509-CEF8-08F8A3960187}"/>
          </ac:spMkLst>
        </pc:spChg>
        <pc:spChg chg="mod">
          <ac:chgData name="White, Alex" userId="eff6cc8c-37d8-483b-9c6c-6b27e9afa9bc" providerId="ADAL" clId="{BF04C754-5BF4-4E83-9615-DB14FA25AF8A}" dt="2023-10-12T11:38:20.867" v="298"/>
          <ac:spMkLst>
            <pc:docMk/>
            <pc:sldMk cId="2376958513" sldId="260"/>
            <ac:spMk id="9313" creationId="{8A290D08-55A1-2128-3ADB-3B12BAB45711}"/>
          </ac:spMkLst>
        </pc:spChg>
        <pc:spChg chg="mod">
          <ac:chgData name="White, Alex" userId="eff6cc8c-37d8-483b-9c6c-6b27e9afa9bc" providerId="ADAL" clId="{BF04C754-5BF4-4E83-9615-DB14FA25AF8A}" dt="2023-10-12T11:38:20.867" v="298"/>
          <ac:spMkLst>
            <pc:docMk/>
            <pc:sldMk cId="2376958513" sldId="260"/>
            <ac:spMk id="9314" creationId="{CF0148A7-390D-9167-8780-088A5D9F465F}"/>
          </ac:spMkLst>
        </pc:spChg>
        <pc:spChg chg="mod">
          <ac:chgData name="White, Alex" userId="eff6cc8c-37d8-483b-9c6c-6b27e9afa9bc" providerId="ADAL" clId="{BF04C754-5BF4-4E83-9615-DB14FA25AF8A}" dt="2023-10-12T11:38:20.867" v="298"/>
          <ac:spMkLst>
            <pc:docMk/>
            <pc:sldMk cId="2376958513" sldId="260"/>
            <ac:spMk id="9315" creationId="{3D9D5E2E-BA47-F9D8-463D-D1B402E4A395}"/>
          </ac:spMkLst>
        </pc:spChg>
        <pc:spChg chg="mod">
          <ac:chgData name="White, Alex" userId="eff6cc8c-37d8-483b-9c6c-6b27e9afa9bc" providerId="ADAL" clId="{BF04C754-5BF4-4E83-9615-DB14FA25AF8A}" dt="2023-10-12T11:38:20.867" v="298"/>
          <ac:spMkLst>
            <pc:docMk/>
            <pc:sldMk cId="2376958513" sldId="260"/>
            <ac:spMk id="9316" creationId="{C66230EA-F96B-C06F-DF8A-22D1E3D1A810}"/>
          </ac:spMkLst>
        </pc:spChg>
        <pc:spChg chg="mod">
          <ac:chgData name="White, Alex" userId="eff6cc8c-37d8-483b-9c6c-6b27e9afa9bc" providerId="ADAL" clId="{BF04C754-5BF4-4E83-9615-DB14FA25AF8A}" dt="2023-10-12T11:38:20.867" v="298"/>
          <ac:spMkLst>
            <pc:docMk/>
            <pc:sldMk cId="2376958513" sldId="260"/>
            <ac:spMk id="9317" creationId="{EDBA354D-5754-8975-51E5-354712D94E34}"/>
          </ac:spMkLst>
        </pc:spChg>
        <pc:spChg chg="mod">
          <ac:chgData name="White, Alex" userId="eff6cc8c-37d8-483b-9c6c-6b27e9afa9bc" providerId="ADAL" clId="{BF04C754-5BF4-4E83-9615-DB14FA25AF8A}" dt="2023-10-12T11:38:20.867" v="298"/>
          <ac:spMkLst>
            <pc:docMk/>
            <pc:sldMk cId="2376958513" sldId="260"/>
            <ac:spMk id="9318" creationId="{AF9404A3-9407-CF58-D33C-20D2B61193C5}"/>
          </ac:spMkLst>
        </pc:spChg>
        <pc:spChg chg="mod">
          <ac:chgData name="White, Alex" userId="eff6cc8c-37d8-483b-9c6c-6b27e9afa9bc" providerId="ADAL" clId="{BF04C754-5BF4-4E83-9615-DB14FA25AF8A}" dt="2023-10-12T11:38:20.867" v="298"/>
          <ac:spMkLst>
            <pc:docMk/>
            <pc:sldMk cId="2376958513" sldId="260"/>
            <ac:spMk id="9319" creationId="{808C71BD-BBC1-D098-D59C-D236DFFE6A1D}"/>
          </ac:spMkLst>
        </pc:spChg>
        <pc:spChg chg="mod">
          <ac:chgData name="White, Alex" userId="eff6cc8c-37d8-483b-9c6c-6b27e9afa9bc" providerId="ADAL" clId="{BF04C754-5BF4-4E83-9615-DB14FA25AF8A}" dt="2023-10-12T11:38:20.867" v="298"/>
          <ac:spMkLst>
            <pc:docMk/>
            <pc:sldMk cId="2376958513" sldId="260"/>
            <ac:spMk id="9320" creationId="{B2169610-47DD-5E3C-F574-16931FC7770E}"/>
          </ac:spMkLst>
        </pc:spChg>
        <pc:spChg chg="mod">
          <ac:chgData name="White, Alex" userId="eff6cc8c-37d8-483b-9c6c-6b27e9afa9bc" providerId="ADAL" clId="{BF04C754-5BF4-4E83-9615-DB14FA25AF8A}" dt="2023-10-12T11:38:20.867" v="298"/>
          <ac:spMkLst>
            <pc:docMk/>
            <pc:sldMk cId="2376958513" sldId="260"/>
            <ac:spMk id="9321" creationId="{FA6A4A8A-FDA9-C29E-E836-D1B5D064AE06}"/>
          </ac:spMkLst>
        </pc:spChg>
        <pc:spChg chg="mod">
          <ac:chgData name="White, Alex" userId="eff6cc8c-37d8-483b-9c6c-6b27e9afa9bc" providerId="ADAL" clId="{BF04C754-5BF4-4E83-9615-DB14FA25AF8A}" dt="2023-10-12T11:38:20.867" v="298"/>
          <ac:spMkLst>
            <pc:docMk/>
            <pc:sldMk cId="2376958513" sldId="260"/>
            <ac:spMk id="9322" creationId="{CC6E62D1-BCF1-0F0C-078E-890362E5EB24}"/>
          </ac:spMkLst>
        </pc:spChg>
        <pc:spChg chg="mod">
          <ac:chgData name="White, Alex" userId="eff6cc8c-37d8-483b-9c6c-6b27e9afa9bc" providerId="ADAL" clId="{BF04C754-5BF4-4E83-9615-DB14FA25AF8A}" dt="2023-10-12T11:38:20.867" v="298"/>
          <ac:spMkLst>
            <pc:docMk/>
            <pc:sldMk cId="2376958513" sldId="260"/>
            <ac:spMk id="9323" creationId="{71F97C4A-B798-7874-858D-900298AE3499}"/>
          </ac:spMkLst>
        </pc:spChg>
        <pc:spChg chg="mod">
          <ac:chgData name="White, Alex" userId="eff6cc8c-37d8-483b-9c6c-6b27e9afa9bc" providerId="ADAL" clId="{BF04C754-5BF4-4E83-9615-DB14FA25AF8A}" dt="2023-10-12T11:38:20.867" v="298"/>
          <ac:spMkLst>
            <pc:docMk/>
            <pc:sldMk cId="2376958513" sldId="260"/>
            <ac:spMk id="9324" creationId="{70EB4370-28C6-7696-4A76-AA4E068D5D98}"/>
          </ac:spMkLst>
        </pc:spChg>
        <pc:spChg chg="mod">
          <ac:chgData name="White, Alex" userId="eff6cc8c-37d8-483b-9c6c-6b27e9afa9bc" providerId="ADAL" clId="{BF04C754-5BF4-4E83-9615-DB14FA25AF8A}" dt="2023-10-12T11:38:20.867" v="298"/>
          <ac:spMkLst>
            <pc:docMk/>
            <pc:sldMk cId="2376958513" sldId="260"/>
            <ac:spMk id="9325" creationId="{DAA5CE4C-4867-45DC-3816-0637141B7A2B}"/>
          </ac:spMkLst>
        </pc:spChg>
        <pc:spChg chg="mod">
          <ac:chgData name="White, Alex" userId="eff6cc8c-37d8-483b-9c6c-6b27e9afa9bc" providerId="ADAL" clId="{BF04C754-5BF4-4E83-9615-DB14FA25AF8A}" dt="2023-10-12T11:38:20.867" v="298"/>
          <ac:spMkLst>
            <pc:docMk/>
            <pc:sldMk cId="2376958513" sldId="260"/>
            <ac:spMk id="9326" creationId="{B09D7814-2F84-F99E-76C4-527958A55FF2}"/>
          </ac:spMkLst>
        </pc:spChg>
        <pc:spChg chg="mod">
          <ac:chgData name="White, Alex" userId="eff6cc8c-37d8-483b-9c6c-6b27e9afa9bc" providerId="ADAL" clId="{BF04C754-5BF4-4E83-9615-DB14FA25AF8A}" dt="2023-10-12T11:38:20.867" v="298"/>
          <ac:spMkLst>
            <pc:docMk/>
            <pc:sldMk cId="2376958513" sldId="260"/>
            <ac:spMk id="9327" creationId="{58CA58F7-C976-AC4A-CE0E-F2690B766A12}"/>
          </ac:spMkLst>
        </pc:spChg>
        <pc:spChg chg="mod">
          <ac:chgData name="White, Alex" userId="eff6cc8c-37d8-483b-9c6c-6b27e9afa9bc" providerId="ADAL" clId="{BF04C754-5BF4-4E83-9615-DB14FA25AF8A}" dt="2023-10-12T11:38:20.867" v="298"/>
          <ac:spMkLst>
            <pc:docMk/>
            <pc:sldMk cId="2376958513" sldId="260"/>
            <ac:spMk id="9328" creationId="{E903D0E4-A871-6A8D-B268-3797489ABC26}"/>
          </ac:spMkLst>
        </pc:spChg>
        <pc:spChg chg="mod">
          <ac:chgData name="White, Alex" userId="eff6cc8c-37d8-483b-9c6c-6b27e9afa9bc" providerId="ADAL" clId="{BF04C754-5BF4-4E83-9615-DB14FA25AF8A}" dt="2023-10-12T11:38:20.867" v="298"/>
          <ac:spMkLst>
            <pc:docMk/>
            <pc:sldMk cId="2376958513" sldId="260"/>
            <ac:spMk id="9329" creationId="{8827144C-7A63-D929-E22F-3642B5A6F01E}"/>
          </ac:spMkLst>
        </pc:spChg>
        <pc:spChg chg="mod">
          <ac:chgData name="White, Alex" userId="eff6cc8c-37d8-483b-9c6c-6b27e9afa9bc" providerId="ADAL" clId="{BF04C754-5BF4-4E83-9615-DB14FA25AF8A}" dt="2023-10-12T11:38:20.867" v="298"/>
          <ac:spMkLst>
            <pc:docMk/>
            <pc:sldMk cId="2376958513" sldId="260"/>
            <ac:spMk id="9330" creationId="{A259D1E9-E3BA-4738-4F86-9D7C5E53B59B}"/>
          </ac:spMkLst>
        </pc:spChg>
        <pc:spChg chg="mod">
          <ac:chgData name="White, Alex" userId="eff6cc8c-37d8-483b-9c6c-6b27e9afa9bc" providerId="ADAL" clId="{BF04C754-5BF4-4E83-9615-DB14FA25AF8A}" dt="2023-10-12T11:38:20.867" v="298"/>
          <ac:spMkLst>
            <pc:docMk/>
            <pc:sldMk cId="2376958513" sldId="260"/>
            <ac:spMk id="9331" creationId="{B69AAF34-294F-17CD-15A9-91391B8EC9D5}"/>
          </ac:spMkLst>
        </pc:spChg>
        <pc:spChg chg="mod">
          <ac:chgData name="White, Alex" userId="eff6cc8c-37d8-483b-9c6c-6b27e9afa9bc" providerId="ADAL" clId="{BF04C754-5BF4-4E83-9615-DB14FA25AF8A}" dt="2023-10-12T11:38:20.867" v="298"/>
          <ac:spMkLst>
            <pc:docMk/>
            <pc:sldMk cId="2376958513" sldId="260"/>
            <ac:spMk id="9332" creationId="{E168E197-7EC0-419B-D4CE-A4FF0CC5E3AC}"/>
          </ac:spMkLst>
        </pc:spChg>
        <pc:spChg chg="mod">
          <ac:chgData name="White, Alex" userId="eff6cc8c-37d8-483b-9c6c-6b27e9afa9bc" providerId="ADAL" clId="{BF04C754-5BF4-4E83-9615-DB14FA25AF8A}" dt="2023-10-12T11:38:20.867" v="298"/>
          <ac:spMkLst>
            <pc:docMk/>
            <pc:sldMk cId="2376958513" sldId="260"/>
            <ac:spMk id="9333" creationId="{90BCEC95-8A8C-A249-7F4D-EC00823DACFB}"/>
          </ac:spMkLst>
        </pc:spChg>
        <pc:spChg chg="mod">
          <ac:chgData name="White, Alex" userId="eff6cc8c-37d8-483b-9c6c-6b27e9afa9bc" providerId="ADAL" clId="{BF04C754-5BF4-4E83-9615-DB14FA25AF8A}" dt="2023-10-12T11:38:20.867" v="298"/>
          <ac:spMkLst>
            <pc:docMk/>
            <pc:sldMk cId="2376958513" sldId="260"/>
            <ac:spMk id="9334" creationId="{2E155F5D-4A30-6199-3B8F-61091B8B1F19}"/>
          </ac:spMkLst>
        </pc:spChg>
        <pc:spChg chg="mod">
          <ac:chgData name="White, Alex" userId="eff6cc8c-37d8-483b-9c6c-6b27e9afa9bc" providerId="ADAL" clId="{BF04C754-5BF4-4E83-9615-DB14FA25AF8A}" dt="2023-10-12T11:38:20.867" v="298"/>
          <ac:spMkLst>
            <pc:docMk/>
            <pc:sldMk cId="2376958513" sldId="260"/>
            <ac:spMk id="9335" creationId="{38F46EF7-733F-49EF-C559-9663BB194BA3}"/>
          </ac:spMkLst>
        </pc:spChg>
        <pc:spChg chg="mod">
          <ac:chgData name="White, Alex" userId="eff6cc8c-37d8-483b-9c6c-6b27e9afa9bc" providerId="ADAL" clId="{BF04C754-5BF4-4E83-9615-DB14FA25AF8A}" dt="2023-10-12T11:38:20.867" v="298"/>
          <ac:spMkLst>
            <pc:docMk/>
            <pc:sldMk cId="2376958513" sldId="260"/>
            <ac:spMk id="9336" creationId="{B1970051-59BE-80DF-8ED6-3B9D801FAF08}"/>
          </ac:spMkLst>
        </pc:spChg>
        <pc:spChg chg="mod">
          <ac:chgData name="White, Alex" userId="eff6cc8c-37d8-483b-9c6c-6b27e9afa9bc" providerId="ADAL" clId="{BF04C754-5BF4-4E83-9615-DB14FA25AF8A}" dt="2023-10-12T11:38:20.867" v="298"/>
          <ac:spMkLst>
            <pc:docMk/>
            <pc:sldMk cId="2376958513" sldId="260"/>
            <ac:spMk id="9337" creationId="{D53A302D-A122-20C8-33D2-E3819B273AA0}"/>
          </ac:spMkLst>
        </pc:spChg>
        <pc:spChg chg="mod">
          <ac:chgData name="White, Alex" userId="eff6cc8c-37d8-483b-9c6c-6b27e9afa9bc" providerId="ADAL" clId="{BF04C754-5BF4-4E83-9615-DB14FA25AF8A}" dt="2023-10-12T11:38:20.867" v="298"/>
          <ac:spMkLst>
            <pc:docMk/>
            <pc:sldMk cId="2376958513" sldId="260"/>
            <ac:spMk id="9338" creationId="{DFB089B3-6B95-2CC8-AB0A-F1924029DFE7}"/>
          </ac:spMkLst>
        </pc:spChg>
        <pc:spChg chg="mod">
          <ac:chgData name="White, Alex" userId="eff6cc8c-37d8-483b-9c6c-6b27e9afa9bc" providerId="ADAL" clId="{BF04C754-5BF4-4E83-9615-DB14FA25AF8A}" dt="2023-10-12T11:38:20.867" v="298"/>
          <ac:spMkLst>
            <pc:docMk/>
            <pc:sldMk cId="2376958513" sldId="260"/>
            <ac:spMk id="9339" creationId="{1C4CBFC5-F403-2BB9-DC04-3E602E165D2A}"/>
          </ac:spMkLst>
        </pc:spChg>
        <pc:spChg chg="mod">
          <ac:chgData name="White, Alex" userId="eff6cc8c-37d8-483b-9c6c-6b27e9afa9bc" providerId="ADAL" clId="{BF04C754-5BF4-4E83-9615-DB14FA25AF8A}" dt="2023-10-12T11:38:20.867" v="298"/>
          <ac:spMkLst>
            <pc:docMk/>
            <pc:sldMk cId="2376958513" sldId="260"/>
            <ac:spMk id="9340" creationId="{0E76D8AC-5CF1-4847-DA26-8BD3D6CF1E0D}"/>
          </ac:spMkLst>
        </pc:spChg>
        <pc:spChg chg="mod">
          <ac:chgData name="White, Alex" userId="eff6cc8c-37d8-483b-9c6c-6b27e9afa9bc" providerId="ADAL" clId="{BF04C754-5BF4-4E83-9615-DB14FA25AF8A}" dt="2023-10-12T11:38:20.867" v="298"/>
          <ac:spMkLst>
            <pc:docMk/>
            <pc:sldMk cId="2376958513" sldId="260"/>
            <ac:spMk id="9341" creationId="{2A2C3D87-FE9D-1A2D-5EED-2B2D4DE125CD}"/>
          </ac:spMkLst>
        </pc:spChg>
        <pc:spChg chg="mod">
          <ac:chgData name="White, Alex" userId="eff6cc8c-37d8-483b-9c6c-6b27e9afa9bc" providerId="ADAL" clId="{BF04C754-5BF4-4E83-9615-DB14FA25AF8A}" dt="2023-10-12T11:38:20.867" v="298"/>
          <ac:spMkLst>
            <pc:docMk/>
            <pc:sldMk cId="2376958513" sldId="260"/>
            <ac:spMk id="9342" creationId="{1FBCFF18-DC9D-97A3-074A-AF2E43447CE0}"/>
          </ac:spMkLst>
        </pc:spChg>
        <pc:spChg chg="mod">
          <ac:chgData name="White, Alex" userId="eff6cc8c-37d8-483b-9c6c-6b27e9afa9bc" providerId="ADAL" clId="{BF04C754-5BF4-4E83-9615-DB14FA25AF8A}" dt="2023-10-12T11:38:20.867" v="298"/>
          <ac:spMkLst>
            <pc:docMk/>
            <pc:sldMk cId="2376958513" sldId="260"/>
            <ac:spMk id="9343" creationId="{809D2D20-3638-59D5-21FD-FB3146814703}"/>
          </ac:spMkLst>
        </pc:spChg>
        <pc:spChg chg="mod">
          <ac:chgData name="White, Alex" userId="eff6cc8c-37d8-483b-9c6c-6b27e9afa9bc" providerId="ADAL" clId="{BF04C754-5BF4-4E83-9615-DB14FA25AF8A}" dt="2023-10-12T11:38:20.867" v="298"/>
          <ac:spMkLst>
            <pc:docMk/>
            <pc:sldMk cId="2376958513" sldId="260"/>
            <ac:spMk id="9344" creationId="{B87C7A09-FE73-1BF6-9B41-C83F2AD7BB42}"/>
          </ac:spMkLst>
        </pc:spChg>
        <pc:spChg chg="mod">
          <ac:chgData name="White, Alex" userId="eff6cc8c-37d8-483b-9c6c-6b27e9afa9bc" providerId="ADAL" clId="{BF04C754-5BF4-4E83-9615-DB14FA25AF8A}" dt="2023-10-12T11:38:20.867" v="298"/>
          <ac:spMkLst>
            <pc:docMk/>
            <pc:sldMk cId="2376958513" sldId="260"/>
            <ac:spMk id="9345" creationId="{604C9A4F-6C05-34D7-C926-CCBBB4C8C6C4}"/>
          </ac:spMkLst>
        </pc:spChg>
        <pc:spChg chg="mod">
          <ac:chgData name="White, Alex" userId="eff6cc8c-37d8-483b-9c6c-6b27e9afa9bc" providerId="ADAL" clId="{BF04C754-5BF4-4E83-9615-DB14FA25AF8A}" dt="2023-10-12T11:38:20.867" v="298"/>
          <ac:spMkLst>
            <pc:docMk/>
            <pc:sldMk cId="2376958513" sldId="260"/>
            <ac:spMk id="9346" creationId="{0BF46B22-01B0-D91B-16DA-9B6999AAC1DD}"/>
          </ac:spMkLst>
        </pc:spChg>
        <pc:spChg chg="mod">
          <ac:chgData name="White, Alex" userId="eff6cc8c-37d8-483b-9c6c-6b27e9afa9bc" providerId="ADAL" clId="{BF04C754-5BF4-4E83-9615-DB14FA25AF8A}" dt="2023-10-12T11:38:20.867" v="298"/>
          <ac:spMkLst>
            <pc:docMk/>
            <pc:sldMk cId="2376958513" sldId="260"/>
            <ac:spMk id="9347" creationId="{71637842-1A1F-17B6-C149-F8500F8AEDA5}"/>
          </ac:spMkLst>
        </pc:spChg>
        <pc:spChg chg="mod">
          <ac:chgData name="White, Alex" userId="eff6cc8c-37d8-483b-9c6c-6b27e9afa9bc" providerId="ADAL" clId="{BF04C754-5BF4-4E83-9615-DB14FA25AF8A}" dt="2023-10-12T11:38:20.867" v="298"/>
          <ac:spMkLst>
            <pc:docMk/>
            <pc:sldMk cId="2376958513" sldId="260"/>
            <ac:spMk id="9348" creationId="{A5F9258C-9D48-7267-2540-C2B409C818A9}"/>
          </ac:spMkLst>
        </pc:spChg>
        <pc:spChg chg="mod">
          <ac:chgData name="White, Alex" userId="eff6cc8c-37d8-483b-9c6c-6b27e9afa9bc" providerId="ADAL" clId="{BF04C754-5BF4-4E83-9615-DB14FA25AF8A}" dt="2023-10-12T11:38:20.867" v="298"/>
          <ac:spMkLst>
            <pc:docMk/>
            <pc:sldMk cId="2376958513" sldId="260"/>
            <ac:spMk id="9349" creationId="{F4CC96B6-745A-E60B-F86C-5EC2522D047A}"/>
          </ac:spMkLst>
        </pc:spChg>
        <pc:spChg chg="mod">
          <ac:chgData name="White, Alex" userId="eff6cc8c-37d8-483b-9c6c-6b27e9afa9bc" providerId="ADAL" clId="{BF04C754-5BF4-4E83-9615-DB14FA25AF8A}" dt="2023-10-12T11:38:20.867" v="298"/>
          <ac:spMkLst>
            <pc:docMk/>
            <pc:sldMk cId="2376958513" sldId="260"/>
            <ac:spMk id="9350" creationId="{3560ACF9-CBEA-8637-C8AA-5ACF17497177}"/>
          </ac:spMkLst>
        </pc:spChg>
        <pc:spChg chg="mod">
          <ac:chgData name="White, Alex" userId="eff6cc8c-37d8-483b-9c6c-6b27e9afa9bc" providerId="ADAL" clId="{BF04C754-5BF4-4E83-9615-DB14FA25AF8A}" dt="2023-10-12T11:38:20.867" v="298"/>
          <ac:spMkLst>
            <pc:docMk/>
            <pc:sldMk cId="2376958513" sldId="260"/>
            <ac:spMk id="9351" creationId="{C9319B03-5257-7213-8685-82E54E0EFBFE}"/>
          </ac:spMkLst>
        </pc:spChg>
        <pc:spChg chg="mod">
          <ac:chgData name="White, Alex" userId="eff6cc8c-37d8-483b-9c6c-6b27e9afa9bc" providerId="ADAL" clId="{BF04C754-5BF4-4E83-9615-DB14FA25AF8A}" dt="2023-10-12T11:38:20.867" v="298"/>
          <ac:spMkLst>
            <pc:docMk/>
            <pc:sldMk cId="2376958513" sldId="260"/>
            <ac:spMk id="9352" creationId="{A1F31BE5-E9BB-C4F0-94E9-9032331E5521}"/>
          </ac:spMkLst>
        </pc:spChg>
        <pc:spChg chg="mod">
          <ac:chgData name="White, Alex" userId="eff6cc8c-37d8-483b-9c6c-6b27e9afa9bc" providerId="ADAL" clId="{BF04C754-5BF4-4E83-9615-DB14FA25AF8A}" dt="2023-10-12T11:38:20.867" v="298"/>
          <ac:spMkLst>
            <pc:docMk/>
            <pc:sldMk cId="2376958513" sldId="260"/>
            <ac:spMk id="9353" creationId="{255E581A-4A13-080E-DB6D-1CC750D641AE}"/>
          </ac:spMkLst>
        </pc:spChg>
        <pc:spChg chg="mod">
          <ac:chgData name="White, Alex" userId="eff6cc8c-37d8-483b-9c6c-6b27e9afa9bc" providerId="ADAL" clId="{BF04C754-5BF4-4E83-9615-DB14FA25AF8A}" dt="2023-10-12T11:38:20.867" v="298"/>
          <ac:spMkLst>
            <pc:docMk/>
            <pc:sldMk cId="2376958513" sldId="260"/>
            <ac:spMk id="9354" creationId="{67A1671A-C2D7-E1C6-5245-FB0C776AE95C}"/>
          </ac:spMkLst>
        </pc:spChg>
        <pc:spChg chg="mod">
          <ac:chgData name="White, Alex" userId="eff6cc8c-37d8-483b-9c6c-6b27e9afa9bc" providerId="ADAL" clId="{BF04C754-5BF4-4E83-9615-DB14FA25AF8A}" dt="2023-10-12T11:38:20.867" v="298"/>
          <ac:spMkLst>
            <pc:docMk/>
            <pc:sldMk cId="2376958513" sldId="260"/>
            <ac:spMk id="9355" creationId="{D1381902-F072-4A2E-0CA7-9B092A7BD5A6}"/>
          </ac:spMkLst>
        </pc:spChg>
        <pc:spChg chg="mod">
          <ac:chgData name="White, Alex" userId="eff6cc8c-37d8-483b-9c6c-6b27e9afa9bc" providerId="ADAL" clId="{BF04C754-5BF4-4E83-9615-DB14FA25AF8A}" dt="2023-10-12T11:38:20.867" v="298"/>
          <ac:spMkLst>
            <pc:docMk/>
            <pc:sldMk cId="2376958513" sldId="260"/>
            <ac:spMk id="9356" creationId="{BF145283-EA4D-34CF-37BA-E30EFB8F885C}"/>
          </ac:spMkLst>
        </pc:spChg>
        <pc:spChg chg="mod">
          <ac:chgData name="White, Alex" userId="eff6cc8c-37d8-483b-9c6c-6b27e9afa9bc" providerId="ADAL" clId="{BF04C754-5BF4-4E83-9615-DB14FA25AF8A}" dt="2023-10-12T11:38:20.867" v="298"/>
          <ac:spMkLst>
            <pc:docMk/>
            <pc:sldMk cId="2376958513" sldId="260"/>
            <ac:spMk id="9357" creationId="{733A53DE-F5FB-4319-F1CF-4704DB054638}"/>
          </ac:spMkLst>
        </pc:spChg>
        <pc:spChg chg="mod">
          <ac:chgData name="White, Alex" userId="eff6cc8c-37d8-483b-9c6c-6b27e9afa9bc" providerId="ADAL" clId="{BF04C754-5BF4-4E83-9615-DB14FA25AF8A}" dt="2023-10-12T11:38:20.867" v="298"/>
          <ac:spMkLst>
            <pc:docMk/>
            <pc:sldMk cId="2376958513" sldId="260"/>
            <ac:spMk id="9358" creationId="{4A8A1C9E-4282-0DA3-C8F9-2BD2A6808D00}"/>
          </ac:spMkLst>
        </pc:spChg>
        <pc:spChg chg="mod">
          <ac:chgData name="White, Alex" userId="eff6cc8c-37d8-483b-9c6c-6b27e9afa9bc" providerId="ADAL" clId="{BF04C754-5BF4-4E83-9615-DB14FA25AF8A}" dt="2023-10-12T11:38:20.867" v="298"/>
          <ac:spMkLst>
            <pc:docMk/>
            <pc:sldMk cId="2376958513" sldId="260"/>
            <ac:spMk id="9359" creationId="{99FE845C-A952-BC45-8052-F763A29A3A75}"/>
          </ac:spMkLst>
        </pc:spChg>
        <pc:spChg chg="mod">
          <ac:chgData name="White, Alex" userId="eff6cc8c-37d8-483b-9c6c-6b27e9afa9bc" providerId="ADAL" clId="{BF04C754-5BF4-4E83-9615-DB14FA25AF8A}" dt="2023-10-12T11:38:20.867" v="298"/>
          <ac:spMkLst>
            <pc:docMk/>
            <pc:sldMk cId="2376958513" sldId="260"/>
            <ac:spMk id="9360" creationId="{54B2A872-9E6D-0E70-2ABA-1B3BDFD4C6BB}"/>
          </ac:spMkLst>
        </pc:spChg>
        <pc:spChg chg="mod">
          <ac:chgData name="White, Alex" userId="eff6cc8c-37d8-483b-9c6c-6b27e9afa9bc" providerId="ADAL" clId="{BF04C754-5BF4-4E83-9615-DB14FA25AF8A}" dt="2023-10-12T11:38:20.867" v="298"/>
          <ac:spMkLst>
            <pc:docMk/>
            <pc:sldMk cId="2376958513" sldId="260"/>
            <ac:spMk id="9361" creationId="{2D53C554-3E1D-7C66-D0EF-A2111277B8B5}"/>
          </ac:spMkLst>
        </pc:spChg>
        <pc:spChg chg="mod">
          <ac:chgData name="White, Alex" userId="eff6cc8c-37d8-483b-9c6c-6b27e9afa9bc" providerId="ADAL" clId="{BF04C754-5BF4-4E83-9615-DB14FA25AF8A}" dt="2023-10-12T11:38:20.867" v="298"/>
          <ac:spMkLst>
            <pc:docMk/>
            <pc:sldMk cId="2376958513" sldId="260"/>
            <ac:spMk id="9362" creationId="{10DD98FF-9D15-C372-10B0-5BD680366832}"/>
          </ac:spMkLst>
        </pc:spChg>
        <pc:spChg chg="mod">
          <ac:chgData name="White, Alex" userId="eff6cc8c-37d8-483b-9c6c-6b27e9afa9bc" providerId="ADAL" clId="{BF04C754-5BF4-4E83-9615-DB14FA25AF8A}" dt="2023-10-12T11:38:20.867" v="298"/>
          <ac:spMkLst>
            <pc:docMk/>
            <pc:sldMk cId="2376958513" sldId="260"/>
            <ac:spMk id="9363" creationId="{48E3F367-93EE-7027-E3B1-A9B356903646}"/>
          </ac:spMkLst>
        </pc:spChg>
        <pc:spChg chg="mod">
          <ac:chgData name="White, Alex" userId="eff6cc8c-37d8-483b-9c6c-6b27e9afa9bc" providerId="ADAL" clId="{BF04C754-5BF4-4E83-9615-DB14FA25AF8A}" dt="2023-10-12T11:38:20.867" v="298"/>
          <ac:spMkLst>
            <pc:docMk/>
            <pc:sldMk cId="2376958513" sldId="260"/>
            <ac:spMk id="9364" creationId="{8D3EEC24-2D9A-36A8-F358-2ABDFEF6F367}"/>
          </ac:spMkLst>
        </pc:spChg>
        <pc:spChg chg="mod">
          <ac:chgData name="White, Alex" userId="eff6cc8c-37d8-483b-9c6c-6b27e9afa9bc" providerId="ADAL" clId="{BF04C754-5BF4-4E83-9615-DB14FA25AF8A}" dt="2023-10-12T11:38:20.867" v="298"/>
          <ac:spMkLst>
            <pc:docMk/>
            <pc:sldMk cId="2376958513" sldId="260"/>
            <ac:spMk id="9365" creationId="{34147030-844D-5EC5-AA7B-8A90BB98A2D8}"/>
          </ac:spMkLst>
        </pc:spChg>
        <pc:spChg chg="mod">
          <ac:chgData name="White, Alex" userId="eff6cc8c-37d8-483b-9c6c-6b27e9afa9bc" providerId="ADAL" clId="{BF04C754-5BF4-4E83-9615-DB14FA25AF8A}" dt="2023-10-12T11:38:20.867" v="298"/>
          <ac:spMkLst>
            <pc:docMk/>
            <pc:sldMk cId="2376958513" sldId="260"/>
            <ac:spMk id="9366" creationId="{A245B31D-4828-BF69-5DCD-0756DBDCA6F1}"/>
          </ac:spMkLst>
        </pc:spChg>
        <pc:spChg chg="mod">
          <ac:chgData name="White, Alex" userId="eff6cc8c-37d8-483b-9c6c-6b27e9afa9bc" providerId="ADAL" clId="{BF04C754-5BF4-4E83-9615-DB14FA25AF8A}" dt="2023-10-12T11:38:20.867" v="298"/>
          <ac:spMkLst>
            <pc:docMk/>
            <pc:sldMk cId="2376958513" sldId="260"/>
            <ac:spMk id="9367" creationId="{F4E995CB-D1CA-43E3-5D4A-717F966647D7}"/>
          </ac:spMkLst>
        </pc:spChg>
        <pc:spChg chg="mod">
          <ac:chgData name="White, Alex" userId="eff6cc8c-37d8-483b-9c6c-6b27e9afa9bc" providerId="ADAL" clId="{BF04C754-5BF4-4E83-9615-DB14FA25AF8A}" dt="2023-10-12T11:38:20.867" v="298"/>
          <ac:spMkLst>
            <pc:docMk/>
            <pc:sldMk cId="2376958513" sldId="260"/>
            <ac:spMk id="9368" creationId="{4B1DCF06-68F8-148B-8695-17B95BDAFD4B}"/>
          </ac:spMkLst>
        </pc:spChg>
        <pc:spChg chg="mod">
          <ac:chgData name="White, Alex" userId="eff6cc8c-37d8-483b-9c6c-6b27e9afa9bc" providerId="ADAL" clId="{BF04C754-5BF4-4E83-9615-DB14FA25AF8A}" dt="2023-10-12T11:38:20.867" v="298"/>
          <ac:spMkLst>
            <pc:docMk/>
            <pc:sldMk cId="2376958513" sldId="260"/>
            <ac:spMk id="9369" creationId="{3EF909ED-8ECD-E1EC-216E-AC34CA934E2D}"/>
          </ac:spMkLst>
        </pc:spChg>
        <pc:spChg chg="mod">
          <ac:chgData name="White, Alex" userId="eff6cc8c-37d8-483b-9c6c-6b27e9afa9bc" providerId="ADAL" clId="{BF04C754-5BF4-4E83-9615-DB14FA25AF8A}" dt="2023-10-12T11:38:20.867" v="298"/>
          <ac:spMkLst>
            <pc:docMk/>
            <pc:sldMk cId="2376958513" sldId="260"/>
            <ac:spMk id="9370" creationId="{ED5BBDF6-7B70-E578-3736-FD1491E856B6}"/>
          </ac:spMkLst>
        </pc:spChg>
        <pc:spChg chg="mod">
          <ac:chgData name="White, Alex" userId="eff6cc8c-37d8-483b-9c6c-6b27e9afa9bc" providerId="ADAL" clId="{BF04C754-5BF4-4E83-9615-DB14FA25AF8A}" dt="2023-10-12T11:38:20.867" v="298"/>
          <ac:spMkLst>
            <pc:docMk/>
            <pc:sldMk cId="2376958513" sldId="260"/>
            <ac:spMk id="9371" creationId="{268F2AC7-913C-2E78-E7A0-8C09FB4BED7F}"/>
          </ac:spMkLst>
        </pc:spChg>
        <pc:spChg chg="mod">
          <ac:chgData name="White, Alex" userId="eff6cc8c-37d8-483b-9c6c-6b27e9afa9bc" providerId="ADAL" clId="{BF04C754-5BF4-4E83-9615-DB14FA25AF8A}" dt="2023-10-12T11:38:20.867" v="298"/>
          <ac:spMkLst>
            <pc:docMk/>
            <pc:sldMk cId="2376958513" sldId="260"/>
            <ac:spMk id="9372" creationId="{B3956008-609F-7F79-B1E8-37841E6B9D38}"/>
          </ac:spMkLst>
        </pc:spChg>
        <pc:spChg chg="mod">
          <ac:chgData name="White, Alex" userId="eff6cc8c-37d8-483b-9c6c-6b27e9afa9bc" providerId="ADAL" clId="{BF04C754-5BF4-4E83-9615-DB14FA25AF8A}" dt="2023-10-12T11:38:20.867" v="298"/>
          <ac:spMkLst>
            <pc:docMk/>
            <pc:sldMk cId="2376958513" sldId="260"/>
            <ac:spMk id="9373" creationId="{A59924FA-EBFF-ECE5-D560-4B9C38B95F2E}"/>
          </ac:spMkLst>
        </pc:spChg>
        <pc:spChg chg="mod">
          <ac:chgData name="White, Alex" userId="eff6cc8c-37d8-483b-9c6c-6b27e9afa9bc" providerId="ADAL" clId="{BF04C754-5BF4-4E83-9615-DB14FA25AF8A}" dt="2023-10-12T11:38:20.867" v="298"/>
          <ac:spMkLst>
            <pc:docMk/>
            <pc:sldMk cId="2376958513" sldId="260"/>
            <ac:spMk id="9374" creationId="{8D07FA24-57A7-873B-1736-D11138C964E4}"/>
          </ac:spMkLst>
        </pc:spChg>
        <pc:spChg chg="mod">
          <ac:chgData name="White, Alex" userId="eff6cc8c-37d8-483b-9c6c-6b27e9afa9bc" providerId="ADAL" clId="{BF04C754-5BF4-4E83-9615-DB14FA25AF8A}" dt="2023-10-12T11:38:20.867" v="298"/>
          <ac:spMkLst>
            <pc:docMk/>
            <pc:sldMk cId="2376958513" sldId="260"/>
            <ac:spMk id="9375" creationId="{0C6E35DE-9E41-8662-484B-9FBB850B29DB}"/>
          </ac:spMkLst>
        </pc:spChg>
        <pc:spChg chg="mod">
          <ac:chgData name="White, Alex" userId="eff6cc8c-37d8-483b-9c6c-6b27e9afa9bc" providerId="ADAL" clId="{BF04C754-5BF4-4E83-9615-DB14FA25AF8A}" dt="2023-10-12T11:38:20.867" v="298"/>
          <ac:spMkLst>
            <pc:docMk/>
            <pc:sldMk cId="2376958513" sldId="260"/>
            <ac:spMk id="9376" creationId="{6BF14281-2609-D00C-50FC-2A31D41D3662}"/>
          </ac:spMkLst>
        </pc:spChg>
        <pc:spChg chg="mod">
          <ac:chgData name="White, Alex" userId="eff6cc8c-37d8-483b-9c6c-6b27e9afa9bc" providerId="ADAL" clId="{BF04C754-5BF4-4E83-9615-DB14FA25AF8A}" dt="2023-10-12T11:38:20.867" v="298"/>
          <ac:spMkLst>
            <pc:docMk/>
            <pc:sldMk cId="2376958513" sldId="260"/>
            <ac:spMk id="9377" creationId="{A483CBB4-6905-C925-5890-3B0EA1072B39}"/>
          </ac:spMkLst>
        </pc:spChg>
        <pc:spChg chg="mod">
          <ac:chgData name="White, Alex" userId="eff6cc8c-37d8-483b-9c6c-6b27e9afa9bc" providerId="ADAL" clId="{BF04C754-5BF4-4E83-9615-DB14FA25AF8A}" dt="2023-10-12T11:38:20.867" v="298"/>
          <ac:spMkLst>
            <pc:docMk/>
            <pc:sldMk cId="2376958513" sldId="260"/>
            <ac:spMk id="9378" creationId="{4B5C7221-4892-8903-4C1C-16EE81E61055}"/>
          </ac:spMkLst>
        </pc:spChg>
        <pc:spChg chg="mod">
          <ac:chgData name="White, Alex" userId="eff6cc8c-37d8-483b-9c6c-6b27e9afa9bc" providerId="ADAL" clId="{BF04C754-5BF4-4E83-9615-DB14FA25AF8A}" dt="2023-10-12T11:38:20.867" v="298"/>
          <ac:spMkLst>
            <pc:docMk/>
            <pc:sldMk cId="2376958513" sldId="260"/>
            <ac:spMk id="9379" creationId="{295665F1-612E-63DC-B534-9EFB814DE4A1}"/>
          </ac:spMkLst>
        </pc:spChg>
        <pc:spChg chg="mod">
          <ac:chgData name="White, Alex" userId="eff6cc8c-37d8-483b-9c6c-6b27e9afa9bc" providerId="ADAL" clId="{BF04C754-5BF4-4E83-9615-DB14FA25AF8A}" dt="2023-10-12T11:38:20.867" v="298"/>
          <ac:spMkLst>
            <pc:docMk/>
            <pc:sldMk cId="2376958513" sldId="260"/>
            <ac:spMk id="9380" creationId="{84A7EFD1-5EFE-24E3-4888-E88D066528D7}"/>
          </ac:spMkLst>
        </pc:spChg>
        <pc:spChg chg="mod">
          <ac:chgData name="White, Alex" userId="eff6cc8c-37d8-483b-9c6c-6b27e9afa9bc" providerId="ADAL" clId="{BF04C754-5BF4-4E83-9615-DB14FA25AF8A}" dt="2023-10-12T11:38:20.867" v="298"/>
          <ac:spMkLst>
            <pc:docMk/>
            <pc:sldMk cId="2376958513" sldId="260"/>
            <ac:spMk id="9381" creationId="{B4BF682F-3471-4A6C-B595-5DE7D328184E}"/>
          </ac:spMkLst>
        </pc:spChg>
        <pc:spChg chg="mod">
          <ac:chgData name="White, Alex" userId="eff6cc8c-37d8-483b-9c6c-6b27e9afa9bc" providerId="ADAL" clId="{BF04C754-5BF4-4E83-9615-DB14FA25AF8A}" dt="2023-10-12T11:38:20.867" v="298"/>
          <ac:spMkLst>
            <pc:docMk/>
            <pc:sldMk cId="2376958513" sldId="260"/>
            <ac:spMk id="9382" creationId="{97B80C10-28CF-E2E4-6CE9-D6A279E89007}"/>
          </ac:spMkLst>
        </pc:spChg>
        <pc:spChg chg="mod">
          <ac:chgData name="White, Alex" userId="eff6cc8c-37d8-483b-9c6c-6b27e9afa9bc" providerId="ADAL" clId="{BF04C754-5BF4-4E83-9615-DB14FA25AF8A}" dt="2023-10-12T11:38:20.867" v="298"/>
          <ac:spMkLst>
            <pc:docMk/>
            <pc:sldMk cId="2376958513" sldId="260"/>
            <ac:spMk id="9383" creationId="{E5E71385-2F94-D24C-111D-962CA77246D7}"/>
          </ac:spMkLst>
        </pc:spChg>
        <pc:spChg chg="mod">
          <ac:chgData name="White, Alex" userId="eff6cc8c-37d8-483b-9c6c-6b27e9afa9bc" providerId="ADAL" clId="{BF04C754-5BF4-4E83-9615-DB14FA25AF8A}" dt="2023-10-12T11:38:20.867" v="298"/>
          <ac:spMkLst>
            <pc:docMk/>
            <pc:sldMk cId="2376958513" sldId="260"/>
            <ac:spMk id="9384" creationId="{79A95707-9437-73CA-4CDD-ADEB9C35F383}"/>
          </ac:spMkLst>
        </pc:spChg>
        <pc:spChg chg="mod">
          <ac:chgData name="White, Alex" userId="eff6cc8c-37d8-483b-9c6c-6b27e9afa9bc" providerId="ADAL" clId="{BF04C754-5BF4-4E83-9615-DB14FA25AF8A}" dt="2023-10-12T11:38:20.867" v="298"/>
          <ac:spMkLst>
            <pc:docMk/>
            <pc:sldMk cId="2376958513" sldId="260"/>
            <ac:spMk id="9385" creationId="{B25FF11C-58E2-8C19-2F7B-38A7D931EBA4}"/>
          </ac:spMkLst>
        </pc:spChg>
        <pc:spChg chg="mod">
          <ac:chgData name="White, Alex" userId="eff6cc8c-37d8-483b-9c6c-6b27e9afa9bc" providerId="ADAL" clId="{BF04C754-5BF4-4E83-9615-DB14FA25AF8A}" dt="2023-10-12T11:38:20.867" v="298"/>
          <ac:spMkLst>
            <pc:docMk/>
            <pc:sldMk cId="2376958513" sldId="260"/>
            <ac:spMk id="9386" creationId="{6B0FB03E-ED9F-4AA2-D6F6-BA7AD925F633}"/>
          </ac:spMkLst>
        </pc:spChg>
        <pc:spChg chg="mod">
          <ac:chgData name="White, Alex" userId="eff6cc8c-37d8-483b-9c6c-6b27e9afa9bc" providerId="ADAL" clId="{BF04C754-5BF4-4E83-9615-DB14FA25AF8A}" dt="2023-10-12T11:38:20.867" v="298"/>
          <ac:spMkLst>
            <pc:docMk/>
            <pc:sldMk cId="2376958513" sldId="260"/>
            <ac:spMk id="9387" creationId="{663331B5-F699-FE24-5669-2D6945D3EE15}"/>
          </ac:spMkLst>
        </pc:spChg>
        <pc:spChg chg="mod">
          <ac:chgData name="White, Alex" userId="eff6cc8c-37d8-483b-9c6c-6b27e9afa9bc" providerId="ADAL" clId="{BF04C754-5BF4-4E83-9615-DB14FA25AF8A}" dt="2023-10-12T11:38:20.867" v="298"/>
          <ac:spMkLst>
            <pc:docMk/>
            <pc:sldMk cId="2376958513" sldId="260"/>
            <ac:spMk id="9388" creationId="{621EB744-24E2-58B5-9DEF-8D4A47AD900A}"/>
          </ac:spMkLst>
        </pc:spChg>
        <pc:spChg chg="mod">
          <ac:chgData name="White, Alex" userId="eff6cc8c-37d8-483b-9c6c-6b27e9afa9bc" providerId="ADAL" clId="{BF04C754-5BF4-4E83-9615-DB14FA25AF8A}" dt="2023-10-12T11:38:20.867" v="298"/>
          <ac:spMkLst>
            <pc:docMk/>
            <pc:sldMk cId="2376958513" sldId="260"/>
            <ac:spMk id="9389" creationId="{9A1EDF8E-F148-7B27-BCC7-03B4ECD23B19}"/>
          </ac:spMkLst>
        </pc:spChg>
        <pc:spChg chg="mod">
          <ac:chgData name="White, Alex" userId="eff6cc8c-37d8-483b-9c6c-6b27e9afa9bc" providerId="ADAL" clId="{BF04C754-5BF4-4E83-9615-DB14FA25AF8A}" dt="2023-10-12T11:38:20.867" v="298"/>
          <ac:spMkLst>
            <pc:docMk/>
            <pc:sldMk cId="2376958513" sldId="260"/>
            <ac:spMk id="9390" creationId="{31A901F5-8E42-77AD-B5A9-D2B6ABF8F170}"/>
          </ac:spMkLst>
        </pc:spChg>
        <pc:spChg chg="mod">
          <ac:chgData name="White, Alex" userId="eff6cc8c-37d8-483b-9c6c-6b27e9afa9bc" providerId="ADAL" clId="{BF04C754-5BF4-4E83-9615-DB14FA25AF8A}" dt="2023-10-12T11:38:20.867" v="298"/>
          <ac:spMkLst>
            <pc:docMk/>
            <pc:sldMk cId="2376958513" sldId="260"/>
            <ac:spMk id="9391" creationId="{39DC5A25-59F3-AB5D-978F-5BB686EC7A05}"/>
          </ac:spMkLst>
        </pc:spChg>
        <pc:spChg chg="mod">
          <ac:chgData name="White, Alex" userId="eff6cc8c-37d8-483b-9c6c-6b27e9afa9bc" providerId="ADAL" clId="{BF04C754-5BF4-4E83-9615-DB14FA25AF8A}" dt="2023-10-12T11:38:20.867" v="298"/>
          <ac:spMkLst>
            <pc:docMk/>
            <pc:sldMk cId="2376958513" sldId="260"/>
            <ac:spMk id="9392" creationId="{198D85B0-8078-0346-A1B6-A9CF63694AE4}"/>
          </ac:spMkLst>
        </pc:spChg>
        <pc:spChg chg="mod">
          <ac:chgData name="White, Alex" userId="eff6cc8c-37d8-483b-9c6c-6b27e9afa9bc" providerId="ADAL" clId="{BF04C754-5BF4-4E83-9615-DB14FA25AF8A}" dt="2023-10-12T11:38:20.867" v="298"/>
          <ac:spMkLst>
            <pc:docMk/>
            <pc:sldMk cId="2376958513" sldId="260"/>
            <ac:spMk id="9393" creationId="{F4EF0251-F72C-EA53-03A7-25B5DB717EC3}"/>
          </ac:spMkLst>
        </pc:spChg>
        <pc:spChg chg="mod">
          <ac:chgData name="White, Alex" userId="eff6cc8c-37d8-483b-9c6c-6b27e9afa9bc" providerId="ADAL" clId="{BF04C754-5BF4-4E83-9615-DB14FA25AF8A}" dt="2023-10-12T11:38:20.867" v="298"/>
          <ac:spMkLst>
            <pc:docMk/>
            <pc:sldMk cId="2376958513" sldId="260"/>
            <ac:spMk id="9394" creationId="{65ECDBDE-6C3C-D13C-3E2B-D8A5144C824B}"/>
          </ac:spMkLst>
        </pc:spChg>
        <pc:spChg chg="mod">
          <ac:chgData name="White, Alex" userId="eff6cc8c-37d8-483b-9c6c-6b27e9afa9bc" providerId="ADAL" clId="{BF04C754-5BF4-4E83-9615-DB14FA25AF8A}" dt="2023-10-12T11:38:20.867" v="298"/>
          <ac:spMkLst>
            <pc:docMk/>
            <pc:sldMk cId="2376958513" sldId="260"/>
            <ac:spMk id="9395" creationId="{6080BEA2-BE50-F506-DFE5-DC2420B23E12}"/>
          </ac:spMkLst>
        </pc:spChg>
        <pc:spChg chg="mod">
          <ac:chgData name="White, Alex" userId="eff6cc8c-37d8-483b-9c6c-6b27e9afa9bc" providerId="ADAL" clId="{BF04C754-5BF4-4E83-9615-DB14FA25AF8A}" dt="2023-10-12T11:38:20.867" v="298"/>
          <ac:spMkLst>
            <pc:docMk/>
            <pc:sldMk cId="2376958513" sldId="260"/>
            <ac:spMk id="9396" creationId="{4135D4D7-B4B5-6B9D-C52A-83D5BB239AE5}"/>
          </ac:spMkLst>
        </pc:spChg>
        <pc:spChg chg="mod">
          <ac:chgData name="White, Alex" userId="eff6cc8c-37d8-483b-9c6c-6b27e9afa9bc" providerId="ADAL" clId="{BF04C754-5BF4-4E83-9615-DB14FA25AF8A}" dt="2023-10-12T11:38:20.867" v="298"/>
          <ac:spMkLst>
            <pc:docMk/>
            <pc:sldMk cId="2376958513" sldId="260"/>
            <ac:spMk id="9397" creationId="{C27B6EA8-A458-2932-D366-BDEF51EB68F8}"/>
          </ac:spMkLst>
        </pc:spChg>
        <pc:spChg chg="mod">
          <ac:chgData name="White, Alex" userId="eff6cc8c-37d8-483b-9c6c-6b27e9afa9bc" providerId="ADAL" clId="{BF04C754-5BF4-4E83-9615-DB14FA25AF8A}" dt="2023-10-12T11:38:20.867" v="298"/>
          <ac:spMkLst>
            <pc:docMk/>
            <pc:sldMk cId="2376958513" sldId="260"/>
            <ac:spMk id="9398" creationId="{8FB2AE25-4560-2095-CFFD-ECA59CB61632}"/>
          </ac:spMkLst>
        </pc:spChg>
        <pc:spChg chg="mod">
          <ac:chgData name="White, Alex" userId="eff6cc8c-37d8-483b-9c6c-6b27e9afa9bc" providerId="ADAL" clId="{BF04C754-5BF4-4E83-9615-DB14FA25AF8A}" dt="2023-10-12T11:38:20.867" v="298"/>
          <ac:spMkLst>
            <pc:docMk/>
            <pc:sldMk cId="2376958513" sldId="260"/>
            <ac:spMk id="9399" creationId="{7AFFA155-CCCE-EE14-1387-40B0EB92468A}"/>
          </ac:spMkLst>
        </pc:spChg>
        <pc:spChg chg="mod">
          <ac:chgData name="White, Alex" userId="eff6cc8c-37d8-483b-9c6c-6b27e9afa9bc" providerId="ADAL" clId="{BF04C754-5BF4-4E83-9615-DB14FA25AF8A}" dt="2023-10-12T11:38:20.867" v="298"/>
          <ac:spMkLst>
            <pc:docMk/>
            <pc:sldMk cId="2376958513" sldId="260"/>
            <ac:spMk id="9400" creationId="{9B2DE45B-5263-7503-C84B-FC7F79809313}"/>
          </ac:spMkLst>
        </pc:spChg>
        <pc:spChg chg="mod">
          <ac:chgData name="White, Alex" userId="eff6cc8c-37d8-483b-9c6c-6b27e9afa9bc" providerId="ADAL" clId="{BF04C754-5BF4-4E83-9615-DB14FA25AF8A}" dt="2023-10-12T11:38:20.867" v="298"/>
          <ac:spMkLst>
            <pc:docMk/>
            <pc:sldMk cId="2376958513" sldId="260"/>
            <ac:spMk id="9401" creationId="{674214E3-C2EA-75E9-7843-09BD85DA9DF2}"/>
          </ac:spMkLst>
        </pc:spChg>
        <pc:spChg chg="mod">
          <ac:chgData name="White, Alex" userId="eff6cc8c-37d8-483b-9c6c-6b27e9afa9bc" providerId="ADAL" clId="{BF04C754-5BF4-4E83-9615-DB14FA25AF8A}" dt="2023-10-12T11:38:20.867" v="298"/>
          <ac:spMkLst>
            <pc:docMk/>
            <pc:sldMk cId="2376958513" sldId="260"/>
            <ac:spMk id="9402" creationId="{5CB923CA-0829-7A4A-A6FA-5DF71A980ADA}"/>
          </ac:spMkLst>
        </pc:spChg>
        <pc:spChg chg="mod">
          <ac:chgData name="White, Alex" userId="eff6cc8c-37d8-483b-9c6c-6b27e9afa9bc" providerId="ADAL" clId="{BF04C754-5BF4-4E83-9615-DB14FA25AF8A}" dt="2023-10-12T11:38:20.867" v="298"/>
          <ac:spMkLst>
            <pc:docMk/>
            <pc:sldMk cId="2376958513" sldId="260"/>
            <ac:spMk id="9403" creationId="{09A177E9-C4A6-09AE-955F-28A97AA37757}"/>
          </ac:spMkLst>
        </pc:spChg>
        <pc:spChg chg="mod">
          <ac:chgData name="White, Alex" userId="eff6cc8c-37d8-483b-9c6c-6b27e9afa9bc" providerId="ADAL" clId="{BF04C754-5BF4-4E83-9615-DB14FA25AF8A}" dt="2023-10-12T11:38:20.867" v="298"/>
          <ac:spMkLst>
            <pc:docMk/>
            <pc:sldMk cId="2376958513" sldId="260"/>
            <ac:spMk id="9404" creationId="{F445E5E3-5438-B1D8-8201-C8DA953411DC}"/>
          </ac:spMkLst>
        </pc:spChg>
        <pc:spChg chg="mod">
          <ac:chgData name="White, Alex" userId="eff6cc8c-37d8-483b-9c6c-6b27e9afa9bc" providerId="ADAL" clId="{BF04C754-5BF4-4E83-9615-DB14FA25AF8A}" dt="2023-10-12T11:38:20.867" v="298"/>
          <ac:spMkLst>
            <pc:docMk/>
            <pc:sldMk cId="2376958513" sldId="260"/>
            <ac:spMk id="9405" creationId="{6A8EBA3B-2529-3CF4-66CE-BB919689F631}"/>
          </ac:spMkLst>
        </pc:spChg>
        <pc:spChg chg="mod">
          <ac:chgData name="White, Alex" userId="eff6cc8c-37d8-483b-9c6c-6b27e9afa9bc" providerId="ADAL" clId="{BF04C754-5BF4-4E83-9615-DB14FA25AF8A}" dt="2023-10-12T11:38:20.867" v="298"/>
          <ac:spMkLst>
            <pc:docMk/>
            <pc:sldMk cId="2376958513" sldId="260"/>
            <ac:spMk id="9406" creationId="{FAB2E8F3-DDCB-F8EE-1CD5-8F031703AEFB}"/>
          </ac:spMkLst>
        </pc:spChg>
        <pc:spChg chg="mod">
          <ac:chgData name="White, Alex" userId="eff6cc8c-37d8-483b-9c6c-6b27e9afa9bc" providerId="ADAL" clId="{BF04C754-5BF4-4E83-9615-DB14FA25AF8A}" dt="2023-10-12T11:38:20.867" v="298"/>
          <ac:spMkLst>
            <pc:docMk/>
            <pc:sldMk cId="2376958513" sldId="260"/>
            <ac:spMk id="9407" creationId="{B628F9DE-1A7C-821A-6A5F-5680EB8888C6}"/>
          </ac:spMkLst>
        </pc:spChg>
        <pc:spChg chg="mod">
          <ac:chgData name="White, Alex" userId="eff6cc8c-37d8-483b-9c6c-6b27e9afa9bc" providerId="ADAL" clId="{BF04C754-5BF4-4E83-9615-DB14FA25AF8A}" dt="2023-10-12T11:38:20.867" v="298"/>
          <ac:spMkLst>
            <pc:docMk/>
            <pc:sldMk cId="2376958513" sldId="260"/>
            <ac:spMk id="9408" creationId="{42A7A789-1544-444F-9BA2-7ED5E50DA400}"/>
          </ac:spMkLst>
        </pc:spChg>
        <pc:spChg chg="mod">
          <ac:chgData name="White, Alex" userId="eff6cc8c-37d8-483b-9c6c-6b27e9afa9bc" providerId="ADAL" clId="{BF04C754-5BF4-4E83-9615-DB14FA25AF8A}" dt="2023-10-12T11:38:20.867" v="298"/>
          <ac:spMkLst>
            <pc:docMk/>
            <pc:sldMk cId="2376958513" sldId="260"/>
            <ac:spMk id="9409" creationId="{46AEB485-57CC-2E8E-EA00-708CBACBF0FE}"/>
          </ac:spMkLst>
        </pc:spChg>
        <pc:spChg chg="mod">
          <ac:chgData name="White, Alex" userId="eff6cc8c-37d8-483b-9c6c-6b27e9afa9bc" providerId="ADAL" clId="{BF04C754-5BF4-4E83-9615-DB14FA25AF8A}" dt="2023-10-12T11:38:20.867" v="298"/>
          <ac:spMkLst>
            <pc:docMk/>
            <pc:sldMk cId="2376958513" sldId="260"/>
            <ac:spMk id="9410" creationId="{B37F3EBF-61CE-6736-112A-BF5E315DA7E6}"/>
          </ac:spMkLst>
        </pc:spChg>
        <pc:spChg chg="mod">
          <ac:chgData name="White, Alex" userId="eff6cc8c-37d8-483b-9c6c-6b27e9afa9bc" providerId="ADAL" clId="{BF04C754-5BF4-4E83-9615-DB14FA25AF8A}" dt="2023-10-12T11:38:20.867" v="298"/>
          <ac:spMkLst>
            <pc:docMk/>
            <pc:sldMk cId="2376958513" sldId="260"/>
            <ac:spMk id="9411" creationId="{AFD34C9F-5CC8-81AC-BB25-6F395A55D5D7}"/>
          </ac:spMkLst>
        </pc:spChg>
        <pc:spChg chg="mod">
          <ac:chgData name="White, Alex" userId="eff6cc8c-37d8-483b-9c6c-6b27e9afa9bc" providerId="ADAL" clId="{BF04C754-5BF4-4E83-9615-DB14FA25AF8A}" dt="2023-10-12T11:38:20.867" v="298"/>
          <ac:spMkLst>
            <pc:docMk/>
            <pc:sldMk cId="2376958513" sldId="260"/>
            <ac:spMk id="9412" creationId="{9C84937C-418D-9BC6-02E3-9504E6832B5E}"/>
          </ac:spMkLst>
        </pc:spChg>
        <pc:spChg chg="mod">
          <ac:chgData name="White, Alex" userId="eff6cc8c-37d8-483b-9c6c-6b27e9afa9bc" providerId="ADAL" clId="{BF04C754-5BF4-4E83-9615-DB14FA25AF8A}" dt="2023-10-12T11:38:20.867" v="298"/>
          <ac:spMkLst>
            <pc:docMk/>
            <pc:sldMk cId="2376958513" sldId="260"/>
            <ac:spMk id="9413" creationId="{2D123630-FD29-7D5B-6247-A713526B4D43}"/>
          </ac:spMkLst>
        </pc:spChg>
        <pc:spChg chg="mod">
          <ac:chgData name="White, Alex" userId="eff6cc8c-37d8-483b-9c6c-6b27e9afa9bc" providerId="ADAL" clId="{BF04C754-5BF4-4E83-9615-DB14FA25AF8A}" dt="2023-10-12T11:38:20.867" v="298"/>
          <ac:spMkLst>
            <pc:docMk/>
            <pc:sldMk cId="2376958513" sldId="260"/>
            <ac:spMk id="9414" creationId="{C3A6A1E3-94BC-3BB3-6233-C8D41D60A646}"/>
          </ac:spMkLst>
        </pc:spChg>
        <pc:spChg chg="mod">
          <ac:chgData name="White, Alex" userId="eff6cc8c-37d8-483b-9c6c-6b27e9afa9bc" providerId="ADAL" clId="{BF04C754-5BF4-4E83-9615-DB14FA25AF8A}" dt="2023-10-12T11:38:20.867" v="298"/>
          <ac:spMkLst>
            <pc:docMk/>
            <pc:sldMk cId="2376958513" sldId="260"/>
            <ac:spMk id="9415" creationId="{7C0EC6C8-C398-3611-4C2F-B6A00CFA8B51}"/>
          </ac:spMkLst>
        </pc:spChg>
        <pc:spChg chg="mod">
          <ac:chgData name="White, Alex" userId="eff6cc8c-37d8-483b-9c6c-6b27e9afa9bc" providerId="ADAL" clId="{BF04C754-5BF4-4E83-9615-DB14FA25AF8A}" dt="2023-10-12T11:38:20.867" v="298"/>
          <ac:spMkLst>
            <pc:docMk/>
            <pc:sldMk cId="2376958513" sldId="260"/>
            <ac:spMk id="9416" creationId="{62F80CAE-F1D9-6395-C502-4EF4003EFC79}"/>
          </ac:spMkLst>
        </pc:spChg>
        <pc:spChg chg="mod">
          <ac:chgData name="White, Alex" userId="eff6cc8c-37d8-483b-9c6c-6b27e9afa9bc" providerId="ADAL" clId="{BF04C754-5BF4-4E83-9615-DB14FA25AF8A}" dt="2023-10-12T11:38:20.867" v="298"/>
          <ac:spMkLst>
            <pc:docMk/>
            <pc:sldMk cId="2376958513" sldId="260"/>
            <ac:spMk id="9417" creationId="{11BCE06B-FE9A-CE25-C082-E1340652539D}"/>
          </ac:spMkLst>
        </pc:spChg>
        <pc:spChg chg="mod">
          <ac:chgData name="White, Alex" userId="eff6cc8c-37d8-483b-9c6c-6b27e9afa9bc" providerId="ADAL" clId="{BF04C754-5BF4-4E83-9615-DB14FA25AF8A}" dt="2023-10-12T11:38:20.867" v="298"/>
          <ac:spMkLst>
            <pc:docMk/>
            <pc:sldMk cId="2376958513" sldId="260"/>
            <ac:spMk id="9418" creationId="{5DA9A003-54D0-B07E-3A68-710E7FF87905}"/>
          </ac:spMkLst>
        </pc:spChg>
        <pc:spChg chg="mod">
          <ac:chgData name="White, Alex" userId="eff6cc8c-37d8-483b-9c6c-6b27e9afa9bc" providerId="ADAL" clId="{BF04C754-5BF4-4E83-9615-DB14FA25AF8A}" dt="2023-10-12T11:38:20.867" v="298"/>
          <ac:spMkLst>
            <pc:docMk/>
            <pc:sldMk cId="2376958513" sldId="260"/>
            <ac:spMk id="9419" creationId="{9462FDCB-F66F-C958-BE76-7C4C94AF94B9}"/>
          </ac:spMkLst>
        </pc:spChg>
        <pc:spChg chg="mod">
          <ac:chgData name="White, Alex" userId="eff6cc8c-37d8-483b-9c6c-6b27e9afa9bc" providerId="ADAL" clId="{BF04C754-5BF4-4E83-9615-DB14FA25AF8A}" dt="2023-10-12T11:38:20.867" v="298"/>
          <ac:spMkLst>
            <pc:docMk/>
            <pc:sldMk cId="2376958513" sldId="260"/>
            <ac:spMk id="9420" creationId="{14E9D8C2-7CDC-35BF-B8EF-7F2C8D8C463D}"/>
          </ac:spMkLst>
        </pc:spChg>
        <pc:spChg chg="mod">
          <ac:chgData name="White, Alex" userId="eff6cc8c-37d8-483b-9c6c-6b27e9afa9bc" providerId="ADAL" clId="{BF04C754-5BF4-4E83-9615-DB14FA25AF8A}" dt="2023-10-12T11:38:20.867" v="298"/>
          <ac:spMkLst>
            <pc:docMk/>
            <pc:sldMk cId="2376958513" sldId="260"/>
            <ac:spMk id="9421" creationId="{EF3D5BC2-7479-6127-F9B9-AC1C9A93CDDA}"/>
          </ac:spMkLst>
        </pc:spChg>
        <pc:spChg chg="mod">
          <ac:chgData name="White, Alex" userId="eff6cc8c-37d8-483b-9c6c-6b27e9afa9bc" providerId="ADAL" clId="{BF04C754-5BF4-4E83-9615-DB14FA25AF8A}" dt="2023-10-12T11:38:20.867" v="298"/>
          <ac:spMkLst>
            <pc:docMk/>
            <pc:sldMk cId="2376958513" sldId="260"/>
            <ac:spMk id="9422" creationId="{676121B8-CF13-C52C-9FD0-AFC2FC5F0565}"/>
          </ac:spMkLst>
        </pc:spChg>
        <pc:spChg chg="mod">
          <ac:chgData name="White, Alex" userId="eff6cc8c-37d8-483b-9c6c-6b27e9afa9bc" providerId="ADAL" clId="{BF04C754-5BF4-4E83-9615-DB14FA25AF8A}" dt="2023-10-12T11:38:20.867" v="298"/>
          <ac:spMkLst>
            <pc:docMk/>
            <pc:sldMk cId="2376958513" sldId="260"/>
            <ac:spMk id="9423" creationId="{795D3B31-71C7-D29F-353A-F504A9D75A7E}"/>
          </ac:spMkLst>
        </pc:spChg>
        <pc:spChg chg="mod">
          <ac:chgData name="White, Alex" userId="eff6cc8c-37d8-483b-9c6c-6b27e9afa9bc" providerId="ADAL" clId="{BF04C754-5BF4-4E83-9615-DB14FA25AF8A}" dt="2023-10-12T11:38:20.867" v="298"/>
          <ac:spMkLst>
            <pc:docMk/>
            <pc:sldMk cId="2376958513" sldId="260"/>
            <ac:spMk id="9424" creationId="{A9A522FC-A54B-C8BD-5CCA-F55DE7F12A7C}"/>
          </ac:spMkLst>
        </pc:spChg>
        <pc:spChg chg="mod">
          <ac:chgData name="White, Alex" userId="eff6cc8c-37d8-483b-9c6c-6b27e9afa9bc" providerId="ADAL" clId="{BF04C754-5BF4-4E83-9615-DB14FA25AF8A}" dt="2023-10-12T11:38:20.867" v="298"/>
          <ac:spMkLst>
            <pc:docMk/>
            <pc:sldMk cId="2376958513" sldId="260"/>
            <ac:spMk id="9425" creationId="{C64848BA-5FAF-AAFB-DABE-0860C02DC226}"/>
          </ac:spMkLst>
        </pc:spChg>
        <pc:spChg chg="mod">
          <ac:chgData name="White, Alex" userId="eff6cc8c-37d8-483b-9c6c-6b27e9afa9bc" providerId="ADAL" clId="{BF04C754-5BF4-4E83-9615-DB14FA25AF8A}" dt="2023-10-12T11:38:20.867" v="298"/>
          <ac:spMkLst>
            <pc:docMk/>
            <pc:sldMk cId="2376958513" sldId="260"/>
            <ac:spMk id="9426" creationId="{11F8686F-E688-A868-FDDA-7902B68ABD09}"/>
          </ac:spMkLst>
        </pc:spChg>
        <pc:spChg chg="mod">
          <ac:chgData name="White, Alex" userId="eff6cc8c-37d8-483b-9c6c-6b27e9afa9bc" providerId="ADAL" clId="{BF04C754-5BF4-4E83-9615-DB14FA25AF8A}" dt="2023-10-12T11:38:20.867" v="298"/>
          <ac:spMkLst>
            <pc:docMk/>
            <pc:sldMk cId="2376958513" sldId="260"/>
            <ac:spMk id="9427" creationId="{BCB56355-A735-585B-11F4-E43A21A48A77}"/>
          </ac:spMkLst>
        </pc:spChg>
        <pc:spChg chg="mod">
          <ac:chgData name="White, Alex" userId="eff6cc8c-37d8-483b-9c6c-6b27e9afa9bc" providerId="ADAL" clId="{BF04C754-5BF4-4E83-9615-DB14FA25AF8A}" dt="2023-10-12T11:38:20.867" v="298"/>
          <ac:spMkLst>
            <pc:docMk/>
            <pc:sldMk cId="2376958513" sldId="260"/>
            <ac:spMk id="9428" creationId="{43B58778-AA32-1C67-5CE1-4E49DFBD895F}"/>
          </ac:spMkLst>
        </pc:spChg>
        <pc:spChg chg="mod">
          <ac:chgData name="White, Alex" userId="eff6cc8c-37d8-483b-9c6c-6b27e9afa9bc" providerId="ADAL" clId="{BF04C754-5BF4-4E83-9615-DB14FA25AF8A}" dt="2023-10-12T11:38:20.867" v="298"/>
          <ac:spMkLst>
            <pc:docMk/>
            <pc:sldMk cId="2376958513" sldId="260"/>
            <ac:spMk id="9429" creationId="{3F7FE0FC-82FC-96E3-136E-EA7788333F42}"/>
          </ac:spMkLst>
        </pc:spChg>
        <pc:spChg chg="mod">
          <ac:chgData name="White, Alex" userId="eff6cc8c-37d8-483b-9c6c-6b27e9afa9bc" providerId="ADAL" clId="{BF04C754-5BF4-4E83-9615-DB14FA25AF8A}" dt="2023-10-12T11:38:20.867" v="298"/>
          <ac:spMkLst>
            <pc:docMk/>
            <pc:sldMk cId="2376958513" sldId="260"/>
            <ac:spMk id="9430" creationId="{BFCF1F80-1441-6DBC-7815-69D442930907}"/>
          </ac:spMkLst>
        </pc:spChg>
        <pc:spChg chg="mod">
          <ac:chgData name="White, Alex" userId="eff6cc8c-37d8-483b-9c6c-6b27e9afa9bc" providerId="ADAL" clId="{BF04C754-5BF4-4E83-9615-DB14FA25AF8A}" dt="2023-10-12T11:38:20.867" v="298"/>
          <ac:spMkLst>
            <pc:docMk/>
            <pc:sldMk cId="2376958513" sldId="260"/>
            <ac:spMk id="9431" creationId="{CF42D68B-8ED2-1C0B-19C1-5B5933EEC78A}"/>
          </ac:spMkLst>
        </pc:spChg>
        <pc:spChg chg="mod">
          <ac:chgData name="White, Alex" userId="eff6cc8c-37d8-483b-9c6c-6b27e9afa9bc" providerId="ADAL" clId="{BF04C754-5BF4-4E83-9615-DB14FA25AF8A}" dt="2023-10-12T11:38:20.867" v="298"/>
          <ac:spMkLst>
            <pc:docMk/>
            <pc:sldMk cId="2376958513" sldId="260"/>
            <ac:spMk id="9432" creationId="{FF15A01D-C134-137E-007B-E89F9309013A}"/>
          </ac:spMkLst>
        </pc:spChg>
        <pc:spChg chg="mod">
          <ac:chgData name="White, Alex" userId="eff6cc8c-37d8-483b-9c6c-6b27e9afa9bc" providerId="ADAL" clId="{BF04C754-5BF4-4E83-9615-DB14FA25AF8A}" dt="2023-10-12T11:38:20.867" v="298"/>
          <ac:spMkLst>
            <pc:docMk/>
            <pc:sldMk cId="2376958513" sldId="260"/>
            <ac:spMk id="9433" creationId="{AF6CAFDB-C63C-303C-81F4-2D4AE3EBEB00}"/>
          </ac:spMkLst>
        </pc:spChg>
        <pc:spChg chg="mod">
          <ac:chgData name="White, Alex" userId="eff6cc8c-37d8-483b-9c6c-6b27e9afa9bc" providerId="ADAL" clId="{BF04C754-5BF4-4E83-9615-DB14FA25AF8A}" dt="2023-10-12T11:38:20.867" v="298"/>
          <ac:spMkLst>
            <pc:docMk/>
            <pc:sldMk cId="2376958513" sldId="260"/>
            <ac:spMk id="9434" creationId="{08B8D483-1F82-EB79-E689-878E1F027931}"/>
          </ac:spMkLst>
        </pc:spChg>
        <pc:spChg chg="mod">
          <ac:chgData name="White, Alex" userId="eff6cc8c-37d8-483b-9c6c-6b27e9afa9bc" providerId="ADAL" clId="{BF04C754-5BF4-4E83-9615-DB14FA25AF8A}" dt="2023-10-12T11:38:20.867" v="298"/>
          <ac:spMkLst>
            <pc:docMk/>
            <pc:sldMk cId="2376958513" sldId="260"/>
            <ac:spMk id="9435" creationId="{3D37801A-F9E9-AE9E-BAC6-B9F0CE105826}"/>
          </ac:spMkLst>
        </pc:spChg>
        <pc:spChg chg="mod">
          <ac:chgData name="White, Alex" userId="eff6cc8c-37d8-483b-9c6c-6b27e9afa9bc" providerId="ADAL" clId="{BF04C754-5BF4-4E83-9615-DB14FA25AF8A}" dt="2023-10-12T11:38:20.867" v="298"/>
          <ac:spMkLst>
            <pc:docMk/>
            <pc:sldMk cId="2376958513" sldId="260"/>
            <ac:spMk id="9436" creationId="{6C5B4A78-3E38-B23C-D153-E79A3C5D3418}"/>
          </ac:spMkLst>
        </pc:spChg>
        <pc:spChg chg="mod">
          <ac:chgData name="White, Alex" userId="eff6cc8c-37d8-483b-9c6c-6b27e9afa9bc" providerId="ADAL" clId="{BF04C754-5BF4-4E83-9615-DB14FA25AF8A}" dt="2023-10-12T11:38:20.867" v="298"/>
          <ac:spMkLst>
            <pc:docMk/>
            <pc:sldMk cId="2376958513" sldId="260"/>
            <ac:spMk id="9437" creationId="{75AF3AA3-D8FB-DA58-8B5F-B5210BDD2DA8}"/>
          </ac:spMkLst>
        </pc:spChg>
        <pc:spChg chg="mod">
          <ac:chgData name="White, Alex" userId="eff6cc8c-37d8-483b-9c6c-6b27e9afa9bc" providerId="ADAL" clId="{BF04C754-5BF4-4E83-9615-DB14FA25AF8A}" dt="2023-10-12T11:38:20.867" v="298"/>
          <ac:spMkLst>
            <pc:docMk/>
            <pc:sldMk cId="2376958513" sldId="260"/>
            <ac:spMk id="9438" creationId="{06AAFB55-AA3D-341E-586B-2AADB52ABBE0}"/>
          </ac:spMkLst>
        </pc:spChg>
        <pc:spChg chg="mod">
          <ac:chgData name="White, Alex" userId="eff6cc8c-37d8-483b-9c6c-6b27e9afa9bc" providerId="ADAL" clId="{BF04C754-5BF4-4E83-9615-DB14FA25AF8A}" dt="2023-10-12T11:38:20.867" v="298"/>
          <ac:spMkLst>
            <pc:docMk/>
            <pc:sldMk cId="2376958513" sldId="260"/>
            <ac:spMk id="9439" creationId="{DB51A811-2A01-B8A4-414B-4AF1DDB1FFE3}"/>
          </ac:spMkLst>
        </pc:spChg>
        <pc:spChg chg="mod">
          <ac:chgData name="White, Alex" userId="eff6cc8c-37d8-483b-9c6c-6b27e9afa9bc" providerId="ADAL" clId="{BF04C754-5BF4-4E83-9615-DB14FA25AF8A}" dt="2023-10-12T11:38:20.867" v="298"/>
          <ac:spMkLst>
            <pc:docMk/>
            <pc:sldMk cId="2376958513" sldId="260"/>
            <ac:spMk id="9440" creationId="{DFDA5FF3-FB67-15C9-C4E4-50CF9A3BF018}"/>
          </ac:spMkLst>
        </pc:spChg>
        <pc:spChg chg="mod">
          <ac:chgData name="White, Alex" userId="eff6cc8c-37d8-483b-9c6c-6b27e9afa9bc" providerId="ADAL" clId="{BF04C754-5BF4-4E83-9615-DB14FA25AF8A}" dt="2023-10-12T11:38:20.867" v="298"/>
          <ac:spMkLst>
            <pc:docMk/>
            <pc:sldMk cId="2376958513" sldId="260"/>
            <ac:spMk id="9441" creationId="{813D6FB0-D209-C87B-D4C3-1C0C5CB2988D}"/>
          </ac:spMkLst>
        </pc:spChg>
        <pc:spChg chg="mod">
          <ac:chgData name="White, Alex" userId="eff6cc8c-37d8-483b-9c6c-6b27e9afa9bc" providerId="ADAL" clId="{BF04C754-5BF4-4E83-9615-DB14FA25AF8A}" dt="2023-10-12T11:38:20.867" v="298"/>
          <ac:spMkLst>
            <pc:docMk/>
            <pc:sldMk cId="2376958513" sldId="260"/>
            <ac:spMk id="9442" creationId="{2A4C010E-ACEB-658B-681B-35E5083F8AF7}"/>
          </ac:spMkLst>
        </pc:spChg>
        <pc:spChg chg="mod">
          <ac:chgData name="White, Alex" userId="eff6cc8c-37d8-483b-9c6c-6b27e9afa9bc" providerId="ADAL" clId="{BF04C754-5BF4-4E83-9615-DB14FA25AF8A}" dt="2023-10-12T11:38:20.867" v="298"/>
          <ac:spMkLst>
            <pc:docMk/>
            <pc:sldMk cId="2376958513" sldId="260"/>
            <ac:spMk id="9443" creationId="{61910A5C-5874-53A4-2C4B-5920C31DEE75}"/>
          </ac:spMkLst>
        </pc:spChg>
        <pc:spChg chg="mod">
          <ac:chgData name="White, Alex" userId="eff6cc8c-37d8-483b-9c6c-6b27e9afa9bc" providerId="ADAL" clId="{BF04C754-5BF4-4E83-9615-DB14FA25AF8A}" dt="2023-10-12T11:38:20.867" v="298"/>
          <ac:spMkLst>
            <pc:docMk/>
            <pc:sldMk cId="2376958513" sldId="260"/>
            <ac:spMk id="9444" creationId="{80BB10CD-733E-16F5-6530-20D29F2BBAC5}"/>
          </ac:spMkLst>
        </pc:spChg>
        <pc:spChg chg="mod">
          <ac:chgData name="White, Alex" userId="eff6cc8c-37d8-483b-9c6c-6b27e9afa9bc" providerId="ADAL" clId="{BF04C754-5BF4-4E83-9615-DB14FA25AF8A}" dt="2023-10-12T11:38:20.867" v="298"/>
          <ac:spMkLst>
            <pc:docMk/>
            <pc:sldMk cId="2376958513" sldId="260"/>
            <ac:spMk id="9445" creationId="{BA55C09E-14CA-D4C4-933A-B814C60832F6}"/>
          </ac:spMkLst>
        </pc:spChg>
        <pc:spChg chg="mod">
          <ac:chgData name="White, Alex" userId="eff6cc8c-37d8-483b-9c6c-6b27e9afa9bc" providerId="ADAL" clId="{BF04C754-5BF4-4E83-9615-DB14FA25AF8A}" dt="2023-10-12T11:38:20.867" v="298"/>
          <ac:spMkLst>
            <pc:docMk/>
            <pc:sldMk cId="2376958513" sldId="260"/>
            <ac:spMk id="9446" creationId="{CE67C498-139D-133E-A6F1-A4B114E26D22}"/>
          </ac:spMkLst>
        </pc:spChg>
        <pc:spChg chg="mod">
          <ac:chgData name="White, Alex" userId="eff6cc8c-37d8-483b-9c6c-6b27e9afa9bc" providerId="ADAL" clId="{BF04C754-5BF4-4E83-9615-DB14FA25AF8A}" dt="2023-10-12T11:38:20.867" v="298"/>
          <ac:spMkLst>
            <pc:docMk/>
            <pc:sldMk cId="2376958513" sldId="260"/>
            <ac:spMk id="9447" creationId="{79280024-F4C7-A787-0EF7-F1046276A237}"/>
          </ac:spMkLst>
        </pc:spChg>
        <pc:spChg chg="mod">
          <ac:chgData name="White, Alex" userId="eff6cc8c-37d8-483b-9c6c-6b27e9afa9bc" providerId="ADAL" clId="{BF04C754-5BF4-4E83-9615-DB14FA25AF8A}" dt="2023-10-12T11:38:20.867" v="298"/>
          <ac:spMkLst>
            <pc:docMk/>
            <pc:sldMk cId="2376958513" sldId="260"/>
            <ac:spMk id="9448" creationId="{99EF93DD-3172-218B-64C1-DCA148F3B6B0}"/>
          </ac:spMkLst>
        </pc:spChg>
        <pc:spChg chg="mod">
          <ac:chgData name="White, Alex" userId="eff6cc8c-37d8-483b-9c6c-6b27e9afa9bc" providerId="ADAL" clId="{BF04C754-5BF4-4E83-9615-DB14FA25AF8A}" dt="2023-10-12T11:38:20.867" v="298"/>
          <ac:spMkLst>
            <pc:docMk/>
            <pc:sldMk cId="2376958513" sldId="260"/>
            <ac:spMk id="9449" creationId="{31FFDB09-8585-9EB5-2E27-FB99C720906D}"/>
          </ac:spMkLst>
        </pc:spChg>
        <pc:spChg chg="mod">
          <ac:chgData name="White, Alex" userId="eff6cc8c-37d8-483b-9c6c-6b27e9afa9bc" providerId="ADAL" clId="{BF04C754-5BF4-4E83-9615-DB14FA25AF8A}" dt="2023-10-12T11:38:20.867" v="298"/>
          <ac:spMkLst>
            <pc:docMk/>
            <pc:sldMk cId="2376958513" sldId="260"/>
            <ac:spMk id="9450" creationId="{178E6001-D3D1-982E-FBE9-826AB00FDAC3}"/>
          </ac:spMkLst>
        </pc:spChg>
        <pc:spChg chg="mod">
          <ac:chgData name="White, Alex" userId="eff6cc8c-37d8-483b-9c6c-6b27e9afa9bc" providerId="ADAL" clId="{BF04C754-5BF4-4E83-9615-DB14FA25AF8A}" dt="2023-10-12T11:38:20.867" v="298"/>
          <ac:spMkLst>
            <pc:docMk/>
            <pc:sldMk cId="2376958513" sldId="260"/>
            <ac:spMk id="9451" creationId="{AA49B9B2-792E-737B-F570-612A84C728D1}"/>
          </ac:spMkLst>
        </pc:spChg>
        <pc:spChg chg="mod">
          <ac:chgData name="White, Alex" userId="eff6cc8c-37d8-483b-9c6c-6b27e9afa9bc" providerId="ADAL" clId="{BF04C754-5BF4-4E83-9615-DB14FA25AF8A}" dt="2023-10-12T11:38:20.867" v="298"/>
          <ac:spMkLst>
            <pc:docMk/>
            <pc:sldMk cId="2376958513" sldId="260"/>
            <ac:spMk id="9452" creationId="{739D3DCD-E579-962F-41BB-83FAC6E3F6B5}"/>
          </ac:spMkLst>
        </pc:spChg>
        <pc:spChg chg="mod">
          <ac:chgData name="White, Alex" userId="eff6cc8c-37d8-483b-9c6c-6b27e9afa9bc" providerId="ADAL" clId="{BF04C754-5BF4-4E83-9615-DB14FA25AF8A}" dt="2023-10-12T11:38:20.867" v="298"/>
          <ac:spMkLst>
            <pc:docMk/>
            <pc:sldMk cId="2376958513" sldId="260"/>
            <ac:spMk id="9453" creationId="{4CBAE0C0-DD5E-D51A-F676-25E003A26856}"/>
          </ac:spMkLst>
        </pc:spChg>
        <pc:spChg chg="mod">
          <ac:chgData name="White, Alex" userId="eff6cc8c-37d8-483b-9c6c-6b27e9afa9bc" providerId="ADAL" clId="{BF04C754-5BF4-4E83-9615-DB14FA25AF8A}" dt="2023-10-12T11:38:20.867" v="298"/>
          <ac:spMkLst>
            <pc:docMk/>
            <pc:sldMk cId="2376958513" sldId="260"/>
            <ac:spMk id="9454" creationId="{19B0AE68-8392-B703-C7AA-3E9518856A60}"/>
          </ac:spMkLst>
        </pc:spChg>
        <pc:spChg chg="mod">
          <ac:chgData name="White, Alex" userId="eff6cc8c-37d8-483b-9c6c-6b27e9afa9bc" providerId="ADAL" clId="{BF04C754-5BF4-4E83-9615-DB14FA25AF8A}" dt="2023-10-12T11:38:20.867" v="298"/>
          <ac:spMkLst>
            <pc:docMk/>
            <pc:sldMk cId="2376958513" sldId="260"/>
            <ac:spMk id="9455" creationId="{31DE47DE-B363-6EC1-3E2A-6CFA2AED9DE4}"/>
          </ac:spMkLst>
        </pc:spChg>
        <pc:spChg chg="mod">
          <ac:chgData name="White, Alex" userId="eff6cc8c-37d8-483b-9c6c-6b27e9afa9bc" providerId="ADAL" clId="{BF04C754-5BF4-4E83-9615-DB14FA25AF8A}" dt="2023-10-12T11:38:20.867" v="298"/>
          <ac:spMkLst>
            <pc:docMk/>
            <pc:sldMk cId="2376958513" sldId="260"/>
            <ac:spMk id="9456" creationId="{E337332E-E157-027E-6982-6B56ACCEF22E}"/>
          </ac:spMkLst>
        </pc:spChg>
        <pc:spChg chg="mod">
          <ac:chgData name="White, Alex" userId="eff6cc8c-37d8-483b-9c6c-6b27e9afa9bc" providerId="ADAL" clId="{BF04C754-5BF4-4E83-9615-DB14FA25AF8A}" dt="2023-10-12T11:38:20.867" v="298"/>
          <ac:spMkLst>
            <pc:docMk/>
            <pc:sldMk cId="2376958513" sldId="260"/>
            <ac:spMk id="9457" creationId="{32B8AE82-3852-0EB2-F954-7E542CDF1015}"/>
          </ac:spMkLst>
        </pc:spChg>
        <pc:spChg chg="mod">
          <ac:chgData name="White, Alex" userId="eff6cc8c-37d8-483b-9c6c-6b27e9afa9bc" providerId="ADAL" clId="{BF04C754-5BF4-4E83-9615-DB14FA25AF8A}" dt="2023-10-12T11:38:20.867" v="298"/>
          <ac:spMkLst>
            <pc:docMk/>
            <pc:sldMk cId="2376958513" sldId="260"/>
            <ac:spMk id="9458" creationId="{3BF8B06B-9FD6-3FED-BF2C-E59B2249EF2F}"/>
          </ac:spMkLst>
        </pc:spChg>
        <pc:spChg chg="mod">
          <ac:chgData name="White, Alex" userId="eff6cc8c-37d8-483b-9c6c-6b27e9afa9bc" providerId="ADAL" clId="{BF04C754-5BF4-4E83-9615-DB14FA25AF8A}" dt="2023-10-12T11:38:20.867" v="298"/>
          <ac:spMkLst>
            <pc:docMk/>
            <pc:sldMk cId="2376958513" sldId="260"/>
            <ac:spMk id="9459" creationId="{95380D28-44F2-E6E5-668C-53CFAA09F438}"/>
          </ac:spMkLst>
        </pc:spChg>
        <pc:spChg chg="mod">
          <ac:chgData name="White, Alex" userId="eff6cc8c-37d8-483b-9c6c-6b27e9afa9bc" providerId="ADAL" clId="{BF04C754-5BF4-4E83-9615-DB14FA25AF8A}" dt="2023-10-12T11:38:20.867" v="298"/>
          <ac:spMkLst>
            <pc:docMk/>
            <pc:sldMk cId="2376958513" sldId="260"/>
            <ac:spMk id="9460" creationId="{B68117A2-FF26-D15F-0346-7248C98AE1BE}"/>
          </ac:spMkLst>
        </pc:spChg>
        <pc:spChg chg="mod">
          <ac:chgData name="White, Alex" userId="eff6cc8c-37d8-483b-9c6c-6b27e9afa9bc" providerId="ADAL" clId="{BF04C754-5BF4-4E83-9615-DB14FA25AF8A}" dt="2023-10-12T11:38:20.867" v="298"/>
          <ac:spMkLst>
            <pc:docMk/>
            <pc:sldMk cId="2376958513" sldId="260"/>
            <ac:spMk id="9461" creationId="{04DE5464-3E45-64A2-2EB7-C2236E878F6E}"/>
          </ac:spMkLst>
        </pc:spChg>
        <pc:spChg chg="mod">
          <ac:chgData name="White, Alex" userId="eff6cc8c-37d8-483b-9c6c-6b27e9afa9bc" providerId="ADAL" clId="{BF04C754-5BF4-4E83-9615-DB14FA25AF8A}" dt="2023-10-12T11:38:20.867" v="298"/>
          <ac:spMkLst>
            <pc:docMk/>
            <pc:sldMk cId="2376958513" sldId="260"/>
            <ac:spMk id="9462" creationId="{71D30AA6-6373-F0A7-BF06-7A60096F47C8}"/>
          </ac:spMkLst>
        </pc:spChg>
        <pc:spChg chg="mod">
          <ac:chgData name="White, Alex" userId="eff6cc8c-37d8-483b-9c6c-6b27e9afa9bc" providerId="ADAL" clId="{BF04C754-5BF4-4E83-9615-DB14FA25AF8A}" dt="2023-10-12T11:38:20.867" v="298"/>
          <ac:spMkLst>
            <pc:docMk/>
            <pc:sldMk cId="2376958513" sldId="260"/>
            <ac:spMk id="9463" creationId="{54824F34-2EF7-221F-1542-728ECDE9ED4B}"/>
          </ac:spMkLst>
        </pc:spChg>
        <pc:spChg chg="mod">
          <ac:chgData name="White, Alex" userId="eff6cc8c-37d8-483b-9c6c-6b27e9afa9bc" providerId="ADAL" clId="{BF04C754-5BF4-4E83-9615-DB14FA25AF8A}" dt="2023-10-12T11:38:20.867" v="298"/>
          <ac:spMkLst>
            <pc:docMk/>
            <pc:sldMk cId="2376958513" sldId="260"/>
            <ac:spMk id="9464" creationId="{137E8B75-43F1-3B10-1FCD-ADB1DE71806D}"/>
          </ac:spMkLst>
        </pc:spChg>
        <pc:spChg chg="mod">
          <ac:chgData name="White, Alex" userId="eff6cc8c-37d8-483b-9c6c-6b27e9afa9bc" providerId="ADAL" clId="{BF04C754-5BF4-4E83-9615-DB14FA25AF8A}" dt="2023-10-12T11:38:20.867" v="298"/>
          <ac:spMkLst>
            <pc:docMk/>
            <pc:sldMk cId="2376958513" sldId="260"/>
            <ac:spMk id="9465" creationId="{B0438F8C-5B5D-2B93-1858-690A885F52E4}"/>
          </ac:spMkLst>
        </pc:spChg>
        <pc:spChg chg="mod">
          <ac:chgData name="White, Alex" userId="eff6cc8c-37d8-483b-9c6c-6b27e9afa9bc" providerId="ADAL" clId="{BF04C754-5BF4-4E83-9615-DB14FA25AF8A}" dt="2023-10-12T11:38:20.867" v="298"/>
          <ac:spMkLst>
            <pc:docMk/>
            <pc:sldMk cId="2376958513" sldId="260"/>
            <ac:spMk id="9466" creationId="{87A9246C-14B5-5780-BBBA-AB3694B97B36}"/>
          </ac:spMkLst>
        </pc:spChg>
        <pc:spChg chg="mod">
          <ac:chgData name="White, Alex" userId="eff6cc8c-37d8-483b-9c6c-6b27e9afa9bc" providerId="ADAL" clId="{BF04C754-5BF4-4E83-9615-DB14FA25AF8A}" dt="2023-10-12T11:38:20.867" v="298"/>
          <ac:spMkLst>
            <pc:docMk/>
            <pc:sldMk cId="2376958513" sldId="260"/>
            <ac:spMk id="9467" creationId="{3AB3C73D-C33E-3D86-77F5-0BC61EACDC08}"/>
          </ac:spMkLst>
        </pc:spChg>
        <pc:spChg chg="mod">
          <ac:chgData name="White, Alex" userId="eff6cc8c-37d8-483b-9c6c-6b27e9afa9bc" providerId="ADAL" clId="{BF04C754-5BF4-4E83-9615-DB14FA25AF8A}" dt="2023-10-12T11:38:20.867" v="298"/>
          <ac:spMkLst>
            <pc:docMk/>
            <pc:sldMk cId="2376958513" sldId="260"/>
            <ac:spMk id="9468" creationId="{FD27506A-81D8-9C15-9354-75995569BAA0}"/>
          </ac:spMkLst>
        </pc:spChg>
        <pc:spChg chg="mod">
          <ac:chgData name="White, Alex" userId="eff6cc8c-37d8-483b-9c6c-6b27e9afa9bc" providerId="ADAL" clId="{BF04C754-5BF4-4E83-9615-DB14FA25AF8A}" dt="2023-10-12T11:38:20.867" v="298"/>
          <ac:spMkLst>
            <pc:docMk/>
            <pc:sldMk cId="2376958513" sldId="260"/>
            <ac:spMk id="9469" creationId="{36870CBC-1BF3-6FF0-5DB8-18EAE657FBE3}"/>
          </ac:spMkLst>
        </pc:spChg>
        <pc:spChg chg="mod">
          <ac:chgData name="White, Alex" userId="eff6cc8c-37d8-483b-9c6c-6b27e9afa9bc" providerId="ADAL" clId="{BF04C754-5BF4-4E83-9615-DB14FA25AF8A}" dt="2023-10-12T11:38:20.867" v="298"/>
          <ac:spMkLst>
            <pc:docMk/>
            <pc:sldMk cId="2376958513" sldId="260"/>
            <ac:spMk id="9470" creationId="{938716EF-DEEB-4D62-F67F-5C03979849BC}"/>
          </ac:spMkLst>
        </pc:spChg>
        <pc:spChg chg="mod">
          <ac:chgData name="White, Alex" userId="eff6cc8c-37d8-483b-9c6c-6b27e9afa9bc" providerId="ADAL" clId="{BF04C754-5BF4-4E83-9615-DB14FA25AF8A}" dt="2023-10-12T11:38:20.867" v="298"/>
          <ac:spMkLst>
            <pc:docMk/>
            <pc:sldMk cId="2376958513" sldId="260"/>
            <ac:spMk id="9471" creationId="{3B28D8A8-3109-B53E-0DBE-5F867BCDA39B}"/>
          </ac:spMkLst>
        </pc:spChg>
        <pc:spChg chg="mod">
          <ac:chgData name="White, Alex" userId="eff6cc8c-37d8-483b-9c6c-6b27e9afa9bc" providerId="ADAL" clId="{BF04C754-5BF4-4E83-9615-DB14FA25AF8A}" dt="2023-10-12T11:38:20.867" v="298"/>
          <ac:spMkLst>
            <pc:docMk/>
            <pc:sldMk cId="2376958513" sldId="260"/>
            <ac:spMk id="9472" creationId="{DAC0C0D0-BA71-1C7A-D78A-993D94EF046C}"/>
          </ac:spMkLst>
        </pc:spChg>
        <pc:spChg chg="mod">
          <ac:chgData name="White, Alex" userId="eff6cc8c-37d8-483b-9c6c-6b27e9afa9bc" providerId="ADAL" clId="{BF04C754-5BF4-4E83-9615-DB14FA25AF8A}" dt="2023-10-12T11:38:20.867" v="298"/>
          <ac:spMkLst>
            <pc:docMk/>
            <pc:sldMk cId="2376958513" sldId="260"/>
            <ac:spMk id="9473" creationId="{F2466E53-1A64-0363-A869-574D529B3FDF}"/>
          </ac:spMkLst>
        </pc:spChg>
        <pc:spChg chg="mod">
          <ac:chgData name="White, Alex" userId="eff6cc8c-37d8-483b-9c6c-6b27e9afa9bc" providerId="ADAL" clId="{BF04C754-5BF4-4E83-9615-DB14FA25AF8A}" dt="2023-10-12T11:38:20.867" v="298"/>
          <ac:spMkLst>
            <pc:docMk/>
            <pc:sldMk cId="2376958513" sldId="260"/>
            <ac:spMk id="9474" creationId="{40F9629B-0C6A-8142-F949-10B08EAD10E9}"/>
          </ac:spMkLst>
        </pc:spChg>
        <pc:spChg chg="mod">
          <ac:chgData name="White, Alex" userId="eff6cc8c-37d8-483b-9c6c-6b27e9afa9bc" providerId="ADAL" clId="{BF04C754-5BF4-4E83-9615-DB14FA25AF8A}" dt="2023-10-12T11:38:20.867" v="298"/>
          <ac:spMkLst>
            <pc:docMk/>
            <pc:sldMk cId="2376958513" sldId="260"/>
            <ac:spMk id="9475" creationId="{3C8DA3D8-9F86-13CF-5E72-DB909E26A5B2}"/>
          </ac:spMkLst>
        </pc:spChg>
        <pc:spChg chg="mod">
          <ac:chgData name="White, Alex" userId="eff6cc8c-37d8-483b-9c6c-6b27e9afa9bc" providerId="ADAL" clId="{BF04C754-5BF4-4E83-9615-DB14FA25AF8A}" dt="2023-10-12T11:38:20.867" v="298"/>
          <ac:spMkLst>
            <pc:docMk/>
            <pc:sldMk cId="2376958513" sldId="260"/>
            <ac:spMk id="9476" creationId="{071BD03F-24AB-D7F8-CFEC-4A8AC484F11A}"/>
          </ac:spMkLst>
        </pc:spChg>
        <pc:spChg chg="mod">
          <ac:chgData name="White, Alex" userId="eff6cc8c-37d8-483b-9c6c-6b27e9afa9bc" providerId="ADAL" clId="{BF04C754-5BF4-4E83-9615-DB14FA25AF8A}" dt="2023-10-12T11:38:20.867" v="298"/>
          <ac:spMkLst>
            <pc:docMk/>
            <pc:sldMk cId="2376958513" sldId="260"/>
            <ac:spMk id="9477" creationId="{80F3ED82-BEE6-C64E-0C78-BC00C48A40BF}"/>
          </ac:spMkLst>
        </pc:spChg>
        <pc:spChg chg="mod">
          <ac:chgData name="White, Alex" userId="eff6cc8c-37d8-483b-9c6c-6b27e9afa9bc" providerId="ADAL" clId="{BF04C754-5BF4-4E83-9615-DB14FA25AF8A}" dt="2023-10-12T11:38:20.867" v="298"/>
          <ac:spMkLst>
            <pc:docMk/>
            <pc:sldMk cId="2376958513" sldId="260"/>
            <ac:spMk id="9478" creationId="{67252227-CCC3-B0F1-0E19-185370B6E9A1}"/>
          </ac:spMkLst>
        </pc:spChg>
        <pc:spChg chg="mod">
          <ac:chgData name="White, Alex" userId="eff6cc8c-37d8-483b-9c6c-6b27e9afa9bc" providerId="ADAL" clId="{BF04C754-5BF4-4E83-9615-DB14FA25AF8A}" dt="2023-10-12T11:38:20.867" v="298"/>
          <ac:spMkLst>
            <pc:docMk/>
            <pc:sldMk cId="2376958513" sldId="260"/>
            <ac:spMk id="9479" creationId="{8C459776-A169-EBAA-CF05-B2EDEF12D100}"/>
          </ac:spMkLst>
        </pc:spChg>
        <pc:spChg chg="mod">
          <ac:chgData name="White, Alex" userId="eff6cc8c-37d8-483b-9c6c-6b27e9afa9bc" providerId="ADAL" clId="{BF04C754-5BF4-4E83-9615-DB14FA25AF8A}" dt="2023-10-12T11:38:20.867" v="298"/>
          <ac:spMkLst>
            <pc:docMk/>
            <pc:sldMk cId="2376958513" sldId="260"/>
            <ac:spMk id="9480" creationId="{7553ACA9-B933-F884-A21D-DE6BB29F1068}"/>
          </ac:spMkLst>
        </pc:spChg>
        <pc:spChg chg="mod">
          <ac:chgData name="White, Alex" userId="eff6cc8c-37d8-483b-9c6c-6b27e9afa9bc" providerId="ADAL" clId="{BF04C754-5BF4-4E83-9615-DB14FA25AF8A}" dt="2023-10-12T11:38:20.867" v="298"/>
          <ac:spMkLst>
            <pc:docMk/>
            <pc:sldMk cId="2376958513" sldId="260"/>
            <ac:spMk id="9481" creationId="{DD28FF96-F94A-8C2E-E982-454AA060902D}"/>
          </ac:spMkLst>
        </pc:spChg>
        <pc:spChg chg="mod">
          <ac:chgData name="White, Alex" userId="eff6cc8c-37d8-483b-9c6c-6b27e9afa9bc" providerId="ADAL" clId="{BF04C754-5BF4-4E83-9615-DB14FA25AF8A}" dt="2023-10-12T11:38:20.867" v="298"/>
          <ac:spMkLst>
            <pc:docMk/>
            <pc:sldMk cId="2376958513" sldId="260"/>
            <ac:spMk id="9482" creationId="{CB10CC99-5647-C431-3C5B-FD0F095A42DD}"/>
          </ac:spMkLst>
        </pc:spChg>
        <pc:spChg chg="mod">
          <ac:chgData name="White, Alex" userId="eff6cc8c-37d8-483b-9c6c-6b27e9afa9bc" providerId="ADAL" clId="{BF04C754-5BF4-4E83-9615-DB14FA25AF8A}" dt="2023-10-12T11:38:20.867" v="298"/>
          <ac:spMkLst>
            <pc:docMk/>
            <pc:sldMk cId="2376958513" sldId="260"/>
            <ac:spMk id="9483" creationId="{C3194AAD-8F68-41D8-D9D7-930856239528}"/>
          </ac:spMkLst>
        </pc:spChg>
        <pc:spChg chg="mod">
          <ac:chgData name="White, Alex" userId="eff6cc8c-37d8-483b-9c6c-6b27e9afa9bc" providerId="ADAL" clId="{BF04C754-5BF4-4E83-9615-DB14FA25AF8A}" dt="2023-10-12T11:38:20.867" v="298"/>
          <ac:spMkLst>
            <pc:docMk/>
            <pc:sldMk cId="2376958513" sldId="260"/>
            <ac:spMk id="9484" creationId="{700BA280-09C1-FC21-B94C-D56D2F68DA83}"/>
          </ac:spMkLst>
        </pc:spChg>
        <pc:spChg chg="mod">
          <ac:chgData name="White, Alex" userId="eff6cc8c-37d8-483b-9c6c-6b27e9afa9bc" providerId="ADAL" clId="{BF04C754-5BF4-4E83-9615-DB14FA25AF8A}" dt="2023-10-12T11:38:20.867" v="298"/>
          <ac:spMkLst>
            <pc:docMk/>
            <pc:sldMk cId="2376958513" sldId="260"/>
            <ac:spMk id="9485" creationId="{478C764F-5C95-912F-0B4C-1B183E85C4F4}"/>
          </ac:spMkLst>
        </pc:spChg>
        <pc:spChg chg="mod">
          <ac:chgData name="White, Alex" userId="eff6cc8c-37d8-483b-9c6c-6b27e9afa9bc" providerId="ADAL" clId="{BF04C754-5BF4-4E83-9615-DB14FA25AF8A}" dt="2023-10-12T11:38:20.867" v="298"/>
          <ac:spMkLst>
            <pc:docMk/>
            <pc:sldMk cId="2376958513" sldId="260"/>
            <ac:spMk id="9486" creationId="{C0F8A563-B476-8BF3-BDF6-7CCCBE751417}"/>
          </ac:spMkLst>
        </pc:spChg>
        <pc:spChg chg="mod">
          <ac:chgData name="White, Alex" userId="eff6cc8c-37d8-483b-9c6c-6b27e9afa9bc" providerId="ADAL" clId="{BF04C754-5BF4-4E83-9615-DB14FA25AF8A}" dt="2023-10-12T11:38:20.867" v="298"/>
          <ac:spMkLst>
            <pc:docMk/>
            <pc:sldMk cId="2376958513" sldId="260"/>
            <ac:spMk id="9487" creationId="{9F66CCA7-4B34-46F7-1BED-60D3479FE323}"/>
          </ac:spMkLst>
        </pc:spChg>
        <pc:spChg chg="mod">
          <ac:chgData name="White, Alex" userId="eff6cc8c-37d8-483b-9c6c-6b27e9afa9bc" providerId="ADAL" clId="{BF04C754-5BF4-4E83-9615-DB14FA25AF8A}" dt="2023-10-12T11:38:20.867" v="298"/>
          <ac:spMkLst>
            <pc:docMk/>
            <pc:sldMk cId="2376958513" sldId="260"/>
            <ac:spMk id="9488" creationId="{F030E980-53A3-C195-2AE6-E28AAA6BAC29}"/>
          </ac:spMkLst>
        </pc:spChg>
        <pc:spChg chg="mod">
          <ac:chgData name="White, Alex" userId="eff6cc8c-37d8-483b-9c6c-6b27e9afa9bc" providerId="ADAL" clId="{BF04C754-5BF4-4E83-9615-DB14FA25AF8A}" dt="2023-10-12T11:38:20.867" v="298"/>
          <ac:spMkLst>
            <pc:docMk/>
            <pc:sldMk cId="2376958513" sldId="260"/>
            <ac:spMk id="9489" creationId="{A8C092CD-35E9-AFC8-BE39-E78E7451D175}"/>
          </ac:spMkLst>
        </pc:spChg>
        <pc:spChg chg="mod">
          <ac:chgData name="White, Alex" userId="eff6cc8c-37d8-483b-9c6c-6b27e9afa9bc" providerId="ADAL" clId="{BF04C754-5BF4-4E83-9615-DB14FA25AF8A}" dt="2023-10-12T11:38:20.867" v="298"/>
          <ac:spMkLst>
            <pc:docMk/>
            <pc:sldMk cId="2376958513" sldId="260"/>
            <ac:spMk id="9490" creationId="{178205D7-9953-5536-B50A-D723FEF7F09B}"/>
          </ac:spMkLst>
        </pc:spChg>
        <pc:spChg chg="mod">
          <ac:chgData name="White, Alex" userId="eff6cc8c-37d8-483b-9c6c-6b27e9afa9bc" providerId="ADAL" clId="{BF04C754-5BF4-4E83-9615-DB14FA25AF8A}" dt="2023-10-12T11:38:20.867" v="298"/>
          <ac:spMkLst>
            <pc:docMk/>
            <pc:sldMk cId="2376958513" sldId="260"/>
            <ac:spMk id="9491" creationId="{C5CEE004-75FF-F895-BB24-234EB1F8E24B}"/>
          </ac:spMkLst>
        </pc:spChg>
        <pc:spChg chg="mod">
          <ac:chgData name="White, Alex" userId="eff6cc8c-37d8-483b-9c6c-6b27e9afa9bc" providerId="ADAL" clId="{BF04C754-5BF4-4E83-9615-DB14FA25AF8A}" dt="2023-10-12T11:38:20.867" v="298"/>
          <ac:spMkLst>
            <pc:docMk/>
            <pc:sldMk cId="2376958513" sldId="260"/>
            <ac:spMk id="9492" creationId="{483FE8EE-80C4-710F-D56B-7D0311FC14C1}"/>
          </ac:spMkLst>
        </pc:spChg>
        <pc:spChg chg="mod">
          <ac:chgData name="White, Alex" userId="eff6cc8c-37d8-483b-9c6c-6b27e9afa9bc" providerId="ADAL" clId="{BF04C754-5BF4-4E83-9615-DB14FA25AF8A}" dt="2023-10-12T11:38:20.867" v="298"/>
          <ac:spMkLst>
            <pc:docMk/>
            <pc:sldMk cId="2376958513" sldId="260"/>
            <ac:spMk id="9493" creationId="{25700B86-D779-84D3-B5B9-58BD4F61AB2E}"/>
          </ac:spMkLst>
        </pc:spChg>
        <pc:spChg chg="mod">
          <ac:chgData name="White, Alex" userId="eff6cc8c-37d8-483b-9c6c-6b27e9afa9bc" providerId="ADAL" clId="{BF04C754-5BF4-4E83-9615-DB14FA25AF8A}" dt="2023-10-12T11:38:20.867" v="298"/>
          <ac:spMkLst>
            <pc:docMk/>
            <pc:sldMk cId="2376958513" sldId="260"/>
            <ac:spMk id="9494" creationId="{3AAD9933-3B7D-E011-A5A4-43B0BD4F6D36}"/>
          </ac:spMkLst>
        </pc:spChg>
        <pc:spChg chg="mod">
          <ac:chgData name="White, Alex" userId="eff6cc8c-37d8-483b-9c6c-6b27e9afa9bc" providerId="ADAL" clId="{BF04C754-5BF4-4E83-9615-DB14FA25AF8A}" dt="2023-10-12T11:38:20.867" v="298"/>
          <ac:spMkLst>
            <pc:docMk/>
            <pc:sldMk cId="2376958513" sldId="260"/>
            <ac:spMk id="9495" creationId="{D79EB85A-4A42-99AB-3389-67F287CAE25C}"/>
          </ac:spMkLst>
        </pc:spChg>
        <pc:spChg chg="mod">
          <ac:chgData name="White, Alex" userId="eff6cc8c-37d8-483b-9c6c-6b27e9afa9bc" providerId="ADAL" clId="{BF04C754-5BF4-4E83-9615-DB14FA25AF8A}" dt="2023-10-12T11:38:20.867" v="298"/>
          <ac:spMkLst>
            <pc:docMk/>
            <pc:sldMk cId="2376958513" sldId="260"/>
            <ac:spMk id="9496" creationId="{F1F5C8EF-A817-2295-FEA2-09B137ADAA83}"/>
          </ac:spMkLst>
        </pc:spChg>
        <pc:spChg chg="mod">
          <ac:chgData name="White, Alex" userId="eff6cc8c-37d8-483b-9c6c-6b27e9afa9bc" providerId="ADAL" clId="{BF04C754-5BF4-4E83-9615-DB14FA25AF8A}" dt="2023-10-12T11:38:20.867" v="298"/>
          <ac:spMkLst>
            <pc:docMk/>
            <pc:sldMk cId="2376958513" sldId="260"/>
            <ac:spMk id="9497" creationId="{4F50A781-2371-4EEE-C149-EC3288070462}"/>
          </ac:spMkLst>
        </pc:spChg>
        <pc:spChg chg="mod">
          <ac:chgData name="White, Alex" userId="eff6cc8c-37d8-483b-9c6c-6b27e9afa9bc" providerId="ADAL" clId="{BF04C754-5BF4-4E83-9615-DB14FA25AF8A}" dt="2023-10-12T11:38:20.867" v="298"/>
          <ac:spMkLst>
            <pc:docMk/>
            <pc:sldMk cId="2376958513" sldId="260"/>
            <ac:spMk id="9498" creationId="{B75D2417-B6C7-6E7F-B4B3-8956DF4926E8}"/>
          </ac:spMkLst>
        </pc:spChg>
        <pc:spChg chg="mod">
          <ac:chgData name="White, Alex" userId="eff6cc8c-37d8-483b-9c6c-6b27e9afa9bc" providerId="ADAL" clId="{BF04C754-5BF4-4E83-9615-DB14FA25AF8A}" dt="2023-10-12T11:38:20.867" v="298"/>
          <ac:spMkLst>
            <pc:docMk/>
            <pc:sldMk cId="2376958513" sldId="260"/>
            <ac:spMk id="9499" creationId="{3BB20284-427A-614D-6B40-9B554F92A15E}"/>
          </ac:spMkLst>
        </pc:spChg>
        <pc:spChg chg="mod">
          <ac:chgData name="White, Alex" userId="eff6cc8c-37d8-483b-9c6c-6b27e9afa9bc" providerId="ADAL" clId="{BF04C754-5BF4-4E83-9615-DB14FA25AF8A}" dt="2023-10-12T11:38:20.867" v="298"/>
          <ac:spMkLst>
            <pc:docMk/>
            <pc:sldMk cId="2376958513" sldId="260"/>
            <ac:spMk id="9500" creationId="{C3718865-5641-8AA3-CCBD-58D77FC33D30}"/>
          </ac:spMkLst>
        </pc:spChg>
        <pc:spChg chg="mod">
          <ac:chgData name="White, Alex" userId="eff6cc8c-37d8-483b-9c6c-6b27e9afa9bc" providerId="ADAL" clId="{BF04C754-5BF4-4E83-9615-DB14FA25AF8A}" dt="2023-10-12T11:38:20.867" v="298"/>
          <ac:spMkLst>
            <pc:docMk/>
            <pc:sldMk cId="2376958513" sldId="260"/>
            <ac:spMk id="9501" creationId="{82DCA3F6-6C3C-481A-0A00-1EF0FAB04624}"/>
          </ac:spMkLst>
        </pc:spChg>
        <pc:spChg chg="mod">
          <ac:chgData name="White, Alex" userId="eff6cc8c-37d8-483b-9c6c-6b27e9afa9bc" providerId="ADAL" clId="{BF04C754-5BF4-4E83-9615-DB14FA25AF8A}" dt="2023-10-12T11:38:20.867" v="298"/>
          <ac:spMkLst>
            <pc:docMk/>
            <pc:sldMk cId="2376958513" sldId="260"/>
            <ac:spMk id="9502" creationId="{9DD680EC-5B9F-517F-4ABE-8D8654058A85}"/>
          </ac:spMkLst>
        </pc:spChg>
        <pc:spChg chg="mod">
          <ac:chgData name="White, Alex" userId="eff6cc8c-37d8-483b-9c6c-6b27e9afa9bc" providerId="ADAL" clId="{BF04C754-5BF4-4E83-9615-DB14FA25AF8A}" dt="2023-10-12T11:38:20.867" v="298"/>
          <ac:spMkLst>
            <pc:docMk/>
            <pc:sldMk cId="2376958513" sldId="260"/>
            <ac:spMk id="9503" creationId="{2A077F6D-DCE3-783E-5B43-0D4C11EE9C7B}"/>
          </ac:spMkLst>
        </pc:spChg>
        <pc:spChg chg="mod">
          <ac:chgData name="White, Alex" userId="eff6cc8c-37d8-483b-9c6c-6b27e9afa9bc" providerId="ADAL" clId="{BF04C754-5BF4-4E83-9615-DB14FA25AF8A}" dt="2023-10-12T11:38:20.867" v="298"/>
          <ac:spMkLst>
            <pc:docMk/>
            <pc:sldMk cId="2376958513" sldId="260"/>
            <ac:spMk id="9504" creationId="{75A40742-AC90-386F-E6F8-2FED327A77CB}"/>
          </ac:spMkLst>
        </pc:spChg>
        <pc:spChg chg="mod">
          <ac:chgData name="White, Alex" userId="eff6cc8c-37d8-483b-9c6c-6b27e9afa9bc" providerId="ADAL" clId="{BF04C754-5BF4-4E83-9615-DB14FA25AF8A}" dt="2023-10-12T11:38:20.867" v="298"/>
          <ac:spMkLst>
            <pc:docMk/>
            <pc:sldMk cId="2376958513" sldId="260"/>
            <ac:spMk id="9505" creationId="{D021ECF7-0A89-43AB-9CA3-0E5777820355}"/>
          </ac:spMkLst>
        </pc:spChg>
        <pc:spChg chg="mod">
          <ac:chgData name="White, Alex" userId="eff6cc8c-37d8-483b-9c6c-6b27e9afa9bc" providerId="ADAL" clId="{BF04C754-5BF4-4E83-9615-DB14FA25AF8A}" dt="2023-10-12T11:38:20.867" v="298"/>
          <ac:spMkLst>
            <pc:docMk/>
            <pc:sldMk cId="2376958513" sldId="260"/>
            <ac:spMk id="9506" creationId="{9CCD51AC-2AD2-ADED-5461-60E9C7650E15}"/>
          </ac:spMkLst>
        </pc:spChg>
        <pc:spChg chg="mod">
          <ac:chgData name="White, Alex" userId="eff6cc8c-37d8-483b-9c6c-6b27e9afa9bc" providerId="ADAL" clId="{BF04C754-5BF4-4E83-9615-DB14FA25AF8A}" dt="2023-10-12T11:38:20.867" v="298"/>
          <ac:spMkLst>
            <pc:docMk/>
            <pc:sldMk cId="2376958513" sldId="260"/>
            <ac:spMk id="9507" creationId="{6BF2E65A-B418-2AC4-0DCA-D1C422A6C622}"/>
          </ac:spMkLst>
        </pc:spChg>
        <pc:spChg chg="mod">
          <ac:chgData name="White, Alex" userId="eff6cc8c-37d8-483b-9c6c-6b27e9afa9bc" providerId="ADAL" clId="{BF04C754-5BF4-4E83-9615-DB14FA25AF8A}" dt="2023-10-12T11:38:20.867" v="298"/>
          <ac:spMkLst>
            <pc:docMk/>
            <pc:sldMk cId="2376958513" sldId="260"/>
            <ac:spMk id="9508" creationId="{5CE76E25-E321-2323-64B8-3CC9C6C1422B}"/>
          </ac:spMkLst>
        </pc:spChg>
        <pc:spChg chg="mod">
          <ac:chgData name="White, Alex" userId="eff6cc8c-37d8-483b-9c6c-6b27e9afa9bc" providerId="ADAL" clId="{BF04C754-5BF4-4E83-9615-DB14FA25AF8A}" dt="2023-10-12T11:38:20.867" v="298"/>
          <ac:spMkLst>
            <pc:docMk/>
            <pc:sldMk cId="2376958513" sldId="260"/>
            <ac:spMk id="9509" creationId="{B1ACE85A-DCD8-47DA-1393-2D561C92411A}"/>
          </ac:spMkLst>
        </pc:spChg>
        <pc:spChg chg="mod">
          <ac:chgData name="White, Alex" userId="eff6cc8c-37d8-483b-9c6c-6b27e9afa9bc" providerId="ADAL" clId="{BF04C754-5BF4-4E83-9615-DB14FA25AF8A}" dt="2023-10-12T11:38:20.867" v="298"/>
          <ac:spMkLst>
            <pc:docMk/>
            <pc:sldMk cId="2376958513" sldId="260"/>
            <ac:spMk id="9510" creationId="{8940F3B3-9064-EC05-67A6-1E78EF831843}"/>
          </ac:spMkLst>
        </pc:spChg>
        <pc:spChg chg="mod">
          <ac:chgData name="White, Alex" userId="eff6cc8c-37d8-483b-9c6c-6b27e9afa9bc" providerId="ADAL" clId="{BF04C754-5BF4-4E83-9615-DB14FA25AF8A}" dt="2023-10-12T11:38:20.867" v="298"/>
          <ac:spMkLst>
            <pc:docMk/>
            <pc:sldMk cId="2376958513" sldId="260"/>
            <ac:spMk id="9511" creationId="{77C403F2-6201-3FBE-D2C6-8B8B2F73A197}"/>
          </ac:spMkLst>
        </pc:spChg>
        <pc:spChg chg="mod">
          <ac:chgData name="White, Alex" userId="eff6cc8c-37d8-483b-9c6c-6b27e9afa9bc" providerId="ADAL" clId="{BF04C754-5BF4-4E83-9615-DB14FA25AF8A}" dt="2023-10-12T11:38:20.867" v="298"/>
          <ac:spMkLst>
            <pc:docMk/>
            <pc:sldMk cId="2376958513" sldId="260"/>
            <ac:spMk id="9512" creationId="{72835C46-E373-A802-6F51-B34115A2300E}"/>
          </ac:spMkLst>
        </pc:spChg>
        <pc:spChg chg="mod">
          <ac:chgData name="White, Alex" userId="eff6cc8c-37d8-483b-9c6c-6b27e9afa9bc" providerId="ADAL" clId="{BF04C754-5BF4-4E83-9615-DB14FA25AF8A}" dt="2023-10-12T11:38:20.867" v="298"/>
          <ac:spMkLst>
            <pc:docMk/>
            <pc:sldMk cId="2376958513" sldId="260"/>
            <ac:spMk id="9513" creationId="{06A30990-7A86-5FA4-3942-38975D6C58CA}"/>
          </ac:spMkLst>
        </pc:spChg>
        <pc:spChg chg="mod">
          <ac:chgData name="White, Alex" userId="eff6cc8c-37d8-483b-9c6c-6b27e9afa9bc" providerId="ADAL" clId="{BF04C754-5BF4-4E83-9615-DB14FA25AF8A}" dt="2023-10-12T11:38:20.867" v="298"/>
          <ac:spMkLst>
            <pc:docMk/>
            <pc:sldMk cId="2376958513" sldId="260"/>
            <ac:spMk id="9514" creationId="{2AE6A504-83BC-8584-44BE-CDCC924A3164}"/>
          </ac:spMkLst>
        </pc:spChg>
        <pc:spChg chg="mod">
          <ac:chgData name="White, Alex" userId="eff6cc8c-37d8-483b-9c6c-6b27e9afa9bc" providerId="ADAL" clId="{BF04C754-5BF4-4E83-9615-DB14FA25AF8A}" dt="2023-10-12T11:38:20.867" v="298"/>
          <ac:spMkLst>
            <pc:docMk/>
            <pc:sldMk cId="2376958513" sldId="260"/>
            <ac:spMk id="9515" creationId="{98912B71-816D-B861-17C2-B1BF6788BFA7}"/>
          </ac:spMkLst>
        </pc:spChg>
        <pc:spChg chg="mod">
          <ac:chgData name="White, Alex" userId="eff6cc8c-37d8-483b-9c6c-6b27e9afa9bc" providerId="ADAL" clId="{BF04C754-5BF4-4E83-9615-DB14FA25AF8A}" dt="2023-10-12T11:38:20.867" v="298"/>
          <ac:spMkLst>
            <pc:docMk/>
            <pc:sldMk cId="2376958513" sldId="260"/>
            <ac:spMk id="9516" creationId="{BD51837A-897B-F5CF-8A94-0BF60608A19E}"/>
          </ac:spMkLst>
        </pc:spChg>
        <pc:spChg chg="mod">
          <ac:chgData name="White, Alex" userId="eff6cc8c-37d8-483b-9c6c-6b27e9afa9bc" providerId="ADAL" clId="{BF04C754-5BF4-4E83-9615-DB14FA25AF8A}" dt="2023-10-12T11:38:20.867" v="298"/>
          <ac:spMkLst>
            <pc:docMk/>
            <pc:sldMk cId="2376958513" sldId="260"/>
            <ac:spMk id="9517" creationId="{482A8E18-9EC9-E9B5-9556-E50E98410743}"/>
          </ac:spMkLst>
        </pc:spChg>
        <pc:spChg chg="mod">
          <ac:chgData name="White, Alex" userId="eff6cc8c-37d8-483b-9c6c-6b27e9afa9bc" providerId="ADAL" clId="{BF04C754-5BF4-4E83-9615-DB14FA25AF8A}" dt="2023-10-12T11:38:20.867" v="298"/>
          <ac:spMkLst>
            <pc:docMk/>
            <pc:sldMk cId="2376958513" sldId="260"/>
            <ac:spMk id="9518" creationId="{4A7277DC-3D4C-56E8-7208-1EE762E96D4D}"/>
          </ac:spMkLst>
        </pc:spChg>
        <pc:spChg chg="mod">
          <ac:chgData name="White, Alex" userId="eff6cc8c-37d8-483b-9c6c-6b27e9afa9bc" providerId="ADAL" clId="{BF04C754-5BF4-4E83-9615-DB14FA25AF8A}" dt="2023-10-12T11:38:20.867" v="298"/>
          <ac:spMkLst>
            <pc:docMk/>
            <pc:sldMk cId="2376958513" sldId="260"/>
            <ac:spMk id="9519" creationId="{FF5EF31B-B468-9DC6-912B-9B6ECDA9C64E}"/>
          </ac:spMkLst>
        </pc:spChg>
        <pc:spChg chg="mod">
          <ac:chgData name="White, Alex" userId="eff6cc8c-37d8-483b-9c6c-6b27e9afa9bc" providerId="ADAL" clId="{BF04C754-5BF4-4E83-9615-DB14FA25AF8A}" dt="2023-10-12T11:38:20.867" v="298"/>
          <ac:spMkLst>
            <pc:docMk/>
            <pc:sldMk cId="2376958513" sldId="260"/>
            <ac:spMk id="9520" creationId="{B3C12D81-6CD9-A925-BAD1-5427F8268026}"/>
          </ac:spMkLst>
        </pc:spChg>
        <pc:spChg chg="mod">
          <ac:chgData name="White, Alex" userId="eff6cc8c-37d8-483b-9c6c-6b27e9afa9bc" providerId="ADAL" clId="{BF04C754-5BF4-4E83-9615-DB14FA25AF8A}" dt="2023-10-12T11:38:20.867" v="298"/>
          <ac:spMkLst>
            <pc:docMk/>
            <pc:sldMk cId="2376958513" sldId="260"/>
            <ac:spMk id="9521" creationId="{41176D18-C8AB-2C58-7B42-E143413FB74F}"/>
          </ac:spMkLst>
        </pc:spChg>
        <pc:spChg chg="mod">
          <ac:chgData name="White, Alex" userId="eff6cc8c-37d8-483b-9c6c-6b27e9afa9bc" providerId="ADAL" clId="{BF04C754-5BF4-4E83-9615-DB14FA25AF8A}" dt="2023-10-12T11:38:20.867" v="298"/>
          <ac:spMkLst>
            <pc:docMk/>
            <pc:sldMk cId="2376958513" sldId="260"/>
            <ac:spMk id="9522" creationId="{BBFE5225-B2D1-3B08-E48F-4DD5A660F1BA}"/>
          </ac:spMkLst>
        </pc:spChg>
        <pc:spChg chg="mod">
          <ac:chgData name="White, Alex" userId="eff6cc8c-37d8-483b-9c6c-6b27e9afa9bc" providerId="ADAL" clId="{BF04C754-5BF4-4E83-9615-DB14FA25AF8A}" dt="2023-10-12T11:38:20.867" v="298"/>
          <ac:spMkLst>
            <pc:docMk/>
            <pc:sldMk cId="2376958513" sldId="260"/>
            <ac:spMk id="9523" creationId="{817401A0-49B1-8660-262C-A6033C6EB888}"/>
          </ac:spMkLst>
        </pc:spChg>
        <pc:spChg chg="mod">
          <ac:chgData name="White, Alex" userId="eff6cc8c-37d8-483b-9c6c-6b27e9afa9bc" providerId="ADAL" clId="{BF04C754-5BF4-4E83-9615-DB14FA25AF8A}" dt="2023-10-12T11:38:20.867" v="298"/>
          <ac:spMkLst>
            <pc:docMk/>
            <pc:sldMk cId="2376958513" sldId="260"/>
            <ac:spMk id="9524" creationId="{3164DF16-CE3B-D45C-6571-10648F34137B}"/>
          </ac:spMkLst>
        </pc:spChg>
        <pc:spChg chg="mod">
          <ac:chgData name="White, Alex" userId="eff6cc8c-37d8-483b-9c6c-6b27e9afa9bc" providerId="ADAL" clId="{BF04C754-5BF4-4E83-9615-DB14FA25AF8A}" dt="2023-10-12T11:38:20.867" v="298"/>
          <ac:spMkLst>
            <pc:docMk/>
            <pc:sldMk cId="2376958513" sldId="260"/>
            <ac:spMk id="9525" creationId="{EC5A2479-BEA6-72BF-333B-2216B7F1780A}"/>
          </ac:spMkLst>
        </pc:spChg>
        <pc:spChg chg="mod">
          <ac:chgData name="White, Alex" userId="eff6cc8c-37d8-483b-9c6c-6b27e9afa9bc" providerId="ADAL" clId="{BF04C754-5BF4-4E83-9615-DB14FA25AF8A}" dt="2023-10-12T11:38:20.867" v="298"/>
          <ac:spMkLst>
            <pc:docMk/>
            <pc:sldMk cId="2376958513" sldId="260"/>
            <ac:spMk id="9526" creationId="{52317432-BFBD-39B4-1501-68C4DCA86A06}"/>
          </ac:spMkLst>
        </pc:spChg>
        <pc:spChg chg="mod">
          <ac:chgData name="White, Alex" userId="eff6cc8c-37d8-483b-9c6c-6b27e9afa9bc" providerId="ADAL" clId="{BF04C754-5BF4-4E83-9615-DB14FA25AF8A}" dt="2023-10-12T11:38:20.867" v="298"/>
          <ac:spMkLst>
            <pc:docMk/>
            <pc:sldMk cId="2376958513" sldId="260"/>
            <ac:spMk id="9527" creationId="{6F49F39D-8E1F-CDAC-459D-EC6B987F113C}"/>
          </ac:spMkLst>
        </pc:spChg>
        <pc:spChg chg="mod">
          <ac:chgData name="White, Alex" userId="eff6cc8c-37d8-483b-9c6c-6b27e9afa9bc" providerId="ADAL" clId="{BF04C754-5BF4-4E83-9615-DB14FA25AF8A}" dt="2023-10-12T11:38:20.867" v="298"/>
          <ac:spMkLst>
            <pc:docMk/>
            <pc:sldMk cId="2376958513" sldId="260"/>
            <ac:spMk id="9528" creationId="{39BE8A16-E381-D25A-2E64-C47631304A5E}"/>
          </ac:spMkLst>
        </pc:spChg>
        <pc:spChg chg="mod">
          <ac:chgData name="White, Alex" userId="eff6cc8c-37d8-483b-9c6c-6b27e9afa9bc" providerId="ADAL" clId="{BF04C754-5BF4-4E83-9615-DB14FA25AF8A}" dt="2023-10-12T11:38:20.867" v="298"/>
          <ac:spMkLst>
            <pc:docMk/>
            <pc:sldMk cId="2376958513" sldId="260"/>
            <ac:spMk id="9529" creationId="{34EE03DE-CCF5-759F-70E9-BDFC20C387E2}"/>
          </ac:spMkLst>
        </pc:spChg>
        <pc:spChg chg="mod">
          <ac:chgData name="White, Alex" userId="eff6cc8c-37d8-483b-9c6c-6b27e9afa9bc" providerId="ADAL" clId="{BF04C754-5BF4-4E83-9615-DB14FA25AF8A}" dt="2023-10-12T11:38:20.867" v="298"/>
          <ac:spMkLst>
            <pc:docMk/>
            <pc:sldMk cId="2376958513" sldId="260"/>
            <ac:spMk id="9530" creationId="{3E87B304-4EBE-54F8-198F-2E7DAF4EE31B}"/>
          </ac:spMkLst>
        </pc:spChg>
        <pc:spChg chg="mod">
          <ac:chgData name="White, Alex" userId="eff6cc8c-37d8-483b-9c6c-6b27e9afa9bc" providerId="ADAL" clId="{BF04C754-5BF4-4E83-9615-DB14FA25AF8A}" dt="2023-10-12T11:38:20.867" v="298"/>
          <ac:spMkLst>
            <pc:docMk/>
            <pc:sldMk cId="2376958513" sldId="260"/>
            <ac:spMk id="9531" creationId="{4FCE4C93-1AF8-B09A-AEF3-8785D28E38B4}"/>
          </ac:spMkLst>
        </pc:spChg>
        <pc:spChg chg="mod">
          <ac:chgData name="White, Alex" userId="eff6cc8c-37d8-483b-9c6c-6b27e9afa9bc" providerId="ADAL" clId="{BF04C754-5BF4-4E83-9615-DB14FA25AF8A}" dt="2023-10-12T11:38:20.867" v="298"/>
          <ac:spMkLst>
            <pc:docMk/>
            <pc:sldMk cId="2376958513" sldId="260"/>
            <ac:spMk id="9532" creationId="{46202D07-51F2-886F-767A-DD580332FA30}"/>
          </ac:spMkLst>
        </pc:spChg>
        <pc:spChg chg="mod">
          <ac:chgData name="White, Alex" userId="eff6cc8c-37d8-483b-9c6c-6b27e9afa9bc" providerId="ADAL" clId="{BF04C754-5BF4-4E83-9615-DB14FA25AF8A}" dt="2023-10-12T11:38:20.867" v="298"/>
          <ac:spMkLst>
            <pc:docMk/>
            <pc:sldMk cId="2376958513" sldId="260"/>
            <ac:spMk id="9533" creationId="{9DB03441-CA94-1FB5-9BA2-64281CB43800}"/>
          </ac:spMkLst>
        </pc:spChg>
        <pc:spChg chg="mod">
          <ac:chgData name="White, Alex" userId="eff6cc8c-37d8-483b-9c6c-6b27e9afa9bc" providerId="ADAL" clId="{BF04C754-5BF4-4E83-9615-DB14FA25AF8A}" dt="2023-10-12T11:38:20.867" v="298"/>
          <ac:spMkLst>
            <pc:docMk/>
            <pc:sldMk cId="2376958513" sldId="260"/>
            <ac:spMk id="9534" creationId="{19DD3D5A-111E-040C-603D-160C66598460}"/>
          </ac:spMkLst>
        </pc:spChg>
        <pc:spChg chg="mod">
          <ac:chgData name="White, Alex" userId="eff6cc8c-37d8-483b-9c6c-6b27e9afa9bc" providerId="ADAL" clId="{BF04C754-5BF4-4E83-9615-DB14FA25AF8A}" dt="2023-10-12T11:38:20.867" v="298"/>
          <ac:spMkLst>
            <pc:docMk/>
            <pc:sldMk cId="2376958513" sldId="260"/>
            <ac:spMk id="9535" creationId="{90480503-B8A7-C39C-0AA9-BA08AC153EA9}"/>
          </ac:spMkLst>
        </pc:spChg>
        <pc:spChg chg="mod">
          <ac:chgData name="White, Alex" userId="eff6cc8c-37d8-483b-9c6c-6b27e9afa9bc" providerId="ADAL" clId="{BF04C754-5BF4-4E83-9615-DB14FA25AF8A}" dt="2023-10-12T11:38:20.867" v="298"/>
          <ac:spMkLst>
            <pc:docMk/>
            <pc:sldMk cId="2376958513" sldId="260"/>
            <ac:spMk id="9536" creationId="{5D253A58-A3A0-EB51-3176-8E83B18BF05E}"/>
          </ac:spMkLst>
        </pc:spChg>
        <pc:spChg chg="mod">
          <ac:chgData name="White, Alex" userId="eff6cc8c-37d8-483b-9c6c-6b27e9afa9bc" providerId="ADAL" clId="{BF04C754-5BF4-4E83-9615-DB14FA25AF8A}" dt="2023-10-12T11:38:20.867" v="298"/>
          <ac:spMkLst>
            <pc:docMk/>
            <pc:sldMk cId="2376958513" sldId="260"/>
            <ac:spMk id="9537" creationId="{4D49D3D3-F0E7-14F2-53FA-0842CE10D75E}"/>
          </ac:spMkLst>
        </pc:spChg>
        <pc:spChg chg="mod">
          <ac:chgData name="White, Alex" userId="eff6cc8c-37d8-483b-9c6c-6b27e9afa9bc" providerId="ADAL" clId="{BF04C754-5BF4-4E83-9615-DB14FA25AF8A}" dt="2023-10-12T11:38:20.867" v="298"/>
          <ac:spMkLst>
            <pc:docMk/>
            <pc:sldMk cId="2376958513" sldId="260"/>
            <ac:spMk id="9538" creationId="{F7B46F02-FC60-F13F-84AE-20A1199C7ECF}"/>
          </ac:spMkLst>
        </pc:spChg>
        <pc:spChg chg="mod">
          <ac:chgData name="White, Alex" userId="eff6cc8c-37d8-483b-9c6c-6b27e9afa9bc" providerId="ADAL" clId="{BF04C754-5BF4-4E83-9615-DB14FA25AF8A}" dt="2023-10-12T11:38:20.867" v="298"/>
          <ac:spMkLst>
            <pc:docMk/>
            <pc:sldMk cId="2376958513" sldId="260"/>
            <ac:spMk id="9539" creationId="{98E2213A-C7B4-8F13-D9BD-752607F1E682}"/>
          </ac:spMkLst>
        </pc:spChg>
        <pc:spChg chg="mod">
          <ac:chgData name="White, Alex" userId="eff6cc8c-37d8-483b-9c6c-6b27e9afa9bc" providerId="ADAL" clId="{BF04C754-5BF4-4E83-9615-DB14FA25AF8A}" dt="2023-10-12T11:38:20.867" v="298"/>
          <ac:spMkLst>
            <pc:docMk/>
            <pc:sldMk cId="2376958513" sldId="260"/>
            <ac:spMk id="9540" creationId="{53363B82-B59A-E54A-5343-A90FDAFD0299}"/>
          </ac:spMkLst>
        </pc:spChg>
        <pc:spChg chg="mod">
          <ac:chgData name="White, Alex" userId="eff6cc8c-37d8-483b-9c6c-6b27e9afa9bc" providerId="ADAL" clId="{BF04C754-5BF4-4E83-9615-DB14FA25AF8A}" dt="2023-10-12T11:38:20.867" v="298"/>
          <ac:spMkLst>
            <pc:docMk/>
            <pc:sldMk cId="2376958513" sldId="260"/>
            <ac:spMk id="9541" creationId="{9878D9BA-630C-A1DF-DA55-1AC677BC7DE4}"/>
          </ac:spMkLst>
        </pc:spChg>
        <pc:spChg chg="mod">
          <ac:chgData name="White, Alex" userId="eff6cc8c-37d8-483b-9c6c-6b27e9afa9bc" providerId="ADAL" clId="{BF04C754-5BF4-4E83-9615-DB14FA25AF8A}" dt="2023-10-12T11:38:20.867" v="298"/>
          <ac:spMkLst>
            <pc:docMk/>
            <pc:sldMk cId="2376958513" sldId="260"/>
            <ac:spMk id="9542" creationId="{0E0D4811-C4AD-5462-14A9-C9ECCAF109C2}"/>
          </ac:spMkLst>
        </pc:spChg>
        <pc:spChg chg="mod">
          <ac:chgData name="White, Alex" userId="eff6cc8c-37d8-483b-9c6c-6b27e9afa9bc" providerId="ADAL" clId="{BF04C754-5BF4-4E83-9615-DB14FA25AF8A}" dt="2023-10-12T11:38:20.867" v="298"/>
          <ac:spMkLst>
            <pc:docMk/>
            <pc:sldMk cId="2376958513" sldId="260"/>
            <ac:spMk id="9543" creationId="{7E3B4176-C9C3-2D99-4D0D-4126ACF3D850}"/>
          </ac:spMkLst>
        </pc:spChg>
        <pc:spChg chg="mod">
          <ac:chgData name="White, Alex" userId="eff6cc8c-37d8-483b-9c6c-6b27e9afa9bc" providerId="ADAL" clId="{BF04C754-5BF4-4E83-9615-DB14FA25AF8A}" dt="2023-10-12T11:38:20.867" v="298"/>
          <ac:spMkLst>
            <pc:docMk/>
            <pc:sldMk cId="2376958513" sldId="260"/>
            <ac:spMk id="9544" creationId="{E7C39D88-EC76-1490-5FFE-77E0E573A1EF}"/>
          </ac:spMkLst>
        </pc:spChg>
        <pc:spChg chg="mod">
          <ac:chgData name="White, Alex" userId="eff6cc8c-37d8-483b-9c6c-6b27e9afa9bc" providerId="ADAL" clId="{BF04C754-5BF4-4E83-9615-DB14FA25AF8A}" dt="2023-10-12T11:38:20.867" v="298"/>
          <ac:spMkLst>
            <pc:docMk/>
            <pc:sldMk cId="2376958513" sldId="260"/>
            <ac:spMk id="9545" creationId="{174663D9-8ED7-7CC3-955C-AB27C2E1C03E}"/>
          </ac:spMkLst>
        </pc:spChg>
        <pc:spChg chg="mod">
          <ac:chgData name="White, Alex" userId="eff6cc8c-37d8-483b-9c6c-6b27e9afa9bc" providerId="ADAL" clId="{BF04C754-5BF4-4E83-9615-DB14FA25AF8A}" dt="2023-10-12T11:38:20.867" v="298"/>
          <ac:spMkLst>
            <pc:docMk/>
            <pc:sldMk cId="2376958513" sldId="260"/>
            <ac:spMk id="9546" creationId="{A250EF6F-0CAB-2A1A-1913-07E575741985}"/>
          </ac:spMkLst>
        </pc:spChg>
        <pc:spChg chg="mod">
          <ac:chgData name="White, Alex" userId="eff6cc8c-37d8-483b-9c6c-6b27e9afa9bc" providerId="ADAL" clId="{BF04C754-5BF4-4E83-9615-DB14FA25AF8A}" dt="2023-10-12T11:38:20.867" v="298"/>
          <ac:spMkLst>
            <pc:docMk/>
            <pc:sldMk cId="2376958513" sldId="260"/>
            <ac:spMk id="9547" creationId="{EB472722-B773-6D7A-1206-D5B0787F9C61}"/>
          </ac:spMkLst>
        </pc:spChg>
        <pc:spChg chg="mod">
          <ac:chgData name="White, Alex" userId="eff6cc8c-37d8-483b-9c6c-6b27e9afa9bc" providerId="ADAL" clId="{BF04C754-5BF4-4E83-9615-DB14FA25AF8A}" dt="2023-10-12T11:38:20.867" v="298"/>
          <ac:spMkLst>
            <pc:docMk/>
            <pc:sldMk cId="2376958513" sldId="260"/>
            <ac:spMk id="9548" creationId="{3C73CB47-5590-AD04-C77A-5037FBDFB9FF}"/>
          </ac:spMkLst>
        </pc:spChg>
        <pc:spChg chg="mod">
          <ac:chgData name="White, Alex" userId="eff6cc8c-37d8-483b-9c6c-6b27e9afa9bc" providerId="ADAL" clId="{BF04C754-5BF4-4E83-9615-DB14FA25AF8A}" dt="2023-10-12T11:38:20.867" v="298"/>
          <ac:spMkLst>
            <pc:docMk/>
            <pc:sldMk cId="2376958513" sldId="260"/>
            <ac:spMk id="9549" creationId="{30D95F02-C308-275D-EAF2-AF22099A0215}"/>
          </ac:spMkLst>
        </pc:spChg>
        <pc:spChg chg="mod">
          <ac:chgData name="White, Alex" userId="eff6cc8c-37d8-483b-9c6c-6b27e9afa9bc" providerId="ADAL" clId="{BF04C754-5BF4-4E83-9615-DB14FA25AF8A}" dt="2023-10-12T11:38:20.867" v="298"/>
          <ac:spMkLst>
            <pc:docMk/>
            <pc:sldMk cId="2376958513" sldId="260"/>
            <ac:spMk id="9550" creationId="{3C601E76-809F-69E1-FB7A-353503AF2A0A}"/>
          </ac:spMkLst>
        </pc:spChg>
        <pc:spChg chg="mod">
          <ac:chgData name="White, Alex" userId="eff6cc8c-37d8-483b-9c6c-6b27e9afa9bc" providerId="ADAL" clId="{BF04C754-5BF4-4E83-9615-DB14FA25AF8A}" dt="2023-10-12T11:38:20.867" v="298"/>
          <ac:spMkLst>
            <pc:docMk/>
            <pc:sldMk cId="2376958513" sldId="260"/>
            <ac:spMk id="9551" creationId="{0AF6E95C-2CFC-1BC1-8F7A-40F3448779CB}"/>
          </ac:spMkLst>
        </pc:spChg>
        <pc:spChg chg="mod">
          <ac:chgData name="White, Alex" userId="eff6cc8c-37d8-483b-9c6c-6b27e9afa9bc" providerId="ADAL" clId="{BF04C754-5BF4-4E83-9615-DB14FA25AF8A}" dt="2023-10-12T11:38:20.867" v="298"/>
          <ac:spMkLst>
            <pc:docMk/>
            <pc:sldMk cId="2376958513" sldId="260"/>
            <ac:spMk id="9552" creationId="{A99C31A5-025E-0A66-79AC-5D75FE56B71C}"/>
          </ac:spMkLst>
        </pc:spChg>
        <pc:spChg chg="mod">
          <ac:chgData name="White, Alex" userId="eff6cc8c-37d8-483b-9c6c-6b27e9afa9bc" providerId="ADAL" clId="{BF04C754-5BF4-4E83-9615-DB14FA25AF8A}" dt="2023-10-12T11:38:20.867" v="298"/>
          <ac:spMkLst>
            <pc:docMk/>
            <pc:sldMk cId="2376958513" sldId="260"/>
            <ac:spMk id="9553" creationId="{105927DF-6207-E6C9-FEF7-ABACB627CB3D}"/>
          </ac:spMkLst>
        </pc:spChg>
        <pc:spChg chg="mod">
          <ac:chgData name="White, Alex" userId="eff6cc8c-37d8-483b-9c6c-6b27e9afa9bc" providerId="ADAL" clId="{BF04C754-5BF4-4E83-9615-DB14FA25AF8A}" dt="2023-10-12T11:38:20.867" v="298"/>
          <ac:spMkLst>
            <pc:docMk/>
            <pc:sldMk cId="2376958513" sldId="260"/>
            <ac:spMk id="9554" creationId="{97C97118-BDCA-E7A5-26FF-837208D8B7F7}"/>
          </ac:spMkLst>
        </pc:spChg>
        <pc:spChg chg="mod">
          <ac:chgData name="White, Alex" userId="eff6cc8c-37d8-483b-9c6c-6b27e9afa9bc" providerId="ADAL" clId="{BF04C754-5BF4-4E83-9615-DB14FA25AF8A}" dt="2023-10-12T11:38:20.867" v="298"/>
          <ac:spMkLst>
            <pc:docMk/>
            <pc:sldMk cId="2376958513" sldId="260"/>
            <ac:spMk id="9555" creationId="{CE0DB4C7-2C8C-7686-6A3E-4371421F2510}"/>
          </ac:spMkLst>
        </pc:spChg>
        <pc:spChg chg="mod">
          <ac:chgData name="White, Alex" userId="eff6cc8c-37d8-483b-9c6c-6b27e9afa9bc" providerId="ADAL" clId="{BF04C754-5BF4-4E83-9615-DB14FA25AF8A}" dt="2023-10-12T11:38:20.867" v="298"/>
          <ac:spMkLst>
            <pc:docMk/>
            <pc:sldMk cId="2376958513" sldId="260"/>
            <ac:spMk id="9556" creationId="{29817A13-3EF6-E562-CD47-F36BE224FDB2}"/>
          </ac:spMkLst>
        </pc:spChg>
        <pc:spChg chg="mod">
          <ac:chgData name="White, Alex" userId="eff6cc8c-37d8-483b-9c6c-6b27e9afa9bc" providerId="ADAL" clId="{BF04C754-5BF4-4E83-9615-DB14FA25AF8A}" dt="2023-10-12T11:38:20.867" v="298"/>
          <ac:spMkLst>
            <pc:docMk/>
            <pc:sldMk cId="2376958513" sldId="260"/>
            <ac:spMk id="9557" creationId="{09AECCA8-2CF2-B5A6-C83B-8F0C77655FFC}"/>
          </ac:spMkLst>
        </pc:spChg>
        <pc:spChg chg="mod">
          <ac:chgData name="White, Alex" userId="eff6cc8c-37d8-483b-9c6c-6b27e9afa9bc" providerId="ADAL" clId="{BF04C754-5BF4-4E83-9615-DB14FA25AF8A}" dt="2023-10-12T11:38:20.867" v="298"/>
          <ac:spMkLst>
            <pc:docMk/>
            <pc:sldMk cId="2376958513" sldId="260"/>
            <ac:spMk id="9558" creationId="{FFC20865-3029-DAD1-7C96-F3D73E9F2E62}"/>
          </ac:spMkLst>
        </pc:spChg>
        <pc:spChg chg="mod">
          <ac:chgData name="White, Alex" userId="eff6cc8c-37d8-483b-9c6c-6b27e9afa9bc" providerId="ADAL" clId="{BF04C754-5BF4-4E83-9615-DB14FA25AF8A}" dt="2023-10-12T11:38:20.867" v="298"/>
          <ac:spMkLst>
            <pc:docMk/>
            <pc:sldMk cId="2376958513" sldId="260"/>
            <ac:spMk id="9559" creationId="{9D85CFB1-46F4-4790-F564-6ECB887CF5B6}"/>
          </ac:spMkLst>
        </pc:spChg>
        <pc:spChg chg="mod">
          <ac:chgData name="White, Alex" userId="eff6cc8c-37d8-483b-9c6c-6b27e9afa9bc" providerId="ADAL" clId="{BF04C754-5BF4-4E83-9615-DB14FA25AF8A}" dt="2023-10-12T11:38:20.867" v="298"/>
          <ac:spMkLst>
            <pc:docMk/>
            <pc:sldMk cId="2376958513" sldId="260"/>
            <ac:spMk id="9560" creationId="{39E288FA-3436-C207-DCB5-C121A276FB11}"/>
          </ac:spMkLst>
        </pc:spChg>
        <pc:spChg chg="mod">
          <ac:chgData name="White, Alex" userId="eff6cc8c-37d8-483b-9c6c-6b27e9afa9bc" providerId="ADAL" clId="{BF04C754-5BF4-4E83-9615-DB14FA25AF8A}" dt="2023-10-12T11:38:20.867" v="298"/>
          <ac:spMkLst>
            <pc:docMk/>
            <pc:sldMk cId="2376958513" sldId="260"/>
            <ac:spMk id="9561" creationId="{8059BBD2-0824-D535-F98F-6FBEF751FA5E}"/>
          </ac:spMkLst>
        </pc:spChg>
        <pc:spChg chg="mod">
          <ac:chgData name="White, Alex" userId="eff6cc8c-37d8-483b-9c6c-6b27e9afa9bc" providerId="ADAL" clId="{BF04C754-5BF4-4E83-9615-DB14FA25AF8A}" dt="2023-10-12T11:38:20.867" v="298"/>
          <ac:spMkLst>
            <pc:docMk/>
            <pc:sldMk cId="2376958513" sldId="260"/>
            <ac:spMk id="9562" creationId="{01964A33-4313-95A6-E1C7-4F1F3B8BCE40}"/>
          </ac:spMkLst>
        </pc:spChg>
        <pc:spChg chg="mod">
          <ac:chgData name="White, Alex" userId="eff6cc8c-37d8-483b-9c6c-6b27e9afa9bc" providerId="ADAL" clId="{BF04C754-5BF4-4E83-9615-DB14FA25AF8A}" dt="2023-10-12T11:38:20.867" v="298"/>
          <ac:spMkLst>
            <pc:docMk/>
            <pc:sldMk cId="2376958513" sldId="260"/>
            <ac:spMk id="9563" creationId="{E78D78C8-BBC5-7EA9-39E5-FDC9CEC87B39}"/>
          </ac:spMkLst>
        </pc:spChg>
        <pc:spChg chg="mod">
          <ac:chgData name="White, Alex" userId="eff6cc8c-37d8-483b-9c6c-6b27e9afa9bc" providerId="ADAL" clId="{BF04C754-5BF4-4E83-9615-DB14FA25AF8A}" dt="2023-10-12T11:38:20.867" v="298"/>
          <ac:spMkLst>
            <pc:docMk/>
            <pc:sldMk cId="2376958513" sldId="260"/>
            <ac:spMk id="9564" creationId="{6E02001D-3930-37B6-797D-9EC6B597454C}"/>
          </ac:spMkLst>
        </pc:spChg>
        <pc:spChg chg="mod">
          <ac:chgData name="White, Alex" userId="eff6cc8c-37d8-483b-9c6c-6b27e9afa9bc" providerId="ADAL" clId="{BF04C754-5BF4-4E83-9615-DB14FA25AF8A}" dt="2023-10-12T11:38:20.867" v="298"/>
          <ac:spMkLst>
            <pc:docMk/>
            <pc:sldMk cId="2376958513" sldId="260"/>
            <ac:spMk id="9565" creationId="{A21896BA-1A2E-6029-EED3-74EB62041CB3}"/>
          </ac:spMkLst>
        </pc:spChg>
        <pc:spChg chg="mod">
          <ac:chgData name="White, Alex" userId="eff6cc8c-37d8-483b-9c6c-6b27e9afa9bc" providerId="ADAL" clId="{BF04C754-5BF4-4E83-9615-DB14FA25AF8A}" dt="2023-10-12T11:38:20.867" v="298"/>
          <ac:spMkLst>
            <pc:docMk/>
            <pc:sldMk cId="2376958513" sldId="260"/>
            <ac:spMk id="9566" creationId="{26533A2B-5D9D-9120-544F-869AF3C5EFDC}"/>
          </ac:spMkLst>
        </pc:spChg>
        <pc:spChg chg="mod">
          <ac:chgData name="White, Alex" userId="eff6cc8c-37d8-483b-9c6c-6b27e9afa9bc" providerId="ADAL" clId="{BF04C754-5BF4-4E83-9615-DB14FA25AF8A}" dt="2023-10-12T11:38:20.867" v="298"/>
          <ac:spMkLst>
            <pc:docMk/>
            <pc:sldMk cId="2376958513" sldId="260"/>
            <ac:spMk id="9567" creationId="{2600A661-3F42-0F8B-8384-D325D5E464F5}"/>
          </ac:spMkLst>
        </pc:spChg>
        <pc:spChg chg="mod">
          <ac:chgData name="White, Alex" userId="eff6cc8c-37d8-483b-9c6c-6b27e9afa9bc" providerId="ADAL" clId="{BF04C754-5BF4-4E83-9615-DB14FA25AF8A}" dt="2023-10-12T11:38:20.867" v="298"/>
          <ac:spMkLst>
            <pc:docMk/>
            <pc:sldMk cId="2376958513" sldId="260"/>
            <ac:spMk id="9568" creationId="{446505E4-CEE9-9413-5520-6B7D84E00D48}"/>
          </ac:spMkLst>
        </pc:spChg>
        <pc:spChg chg="mod">
          <ac:chgData name="White, Alex" userId="eff6cc8c-37d8-483b-9c6c-6b27e9afa9bc" providerId="ADAL" clId="{BF04C754-5BF4-4E83-9615-DB14FA25AF8A}" dt="2023-10-12T11:38:20.867" v="298"/>
          <ac:spMkLst>
            <pc:docMk/>
            <pc:sldMk cId="2376958513" sldId="260"/>
            <ac:spMk id="9569" creationId="{FCD93BF2-EEB8-0A97-255A-F42E9DA4A6D2}"/>
          </ac:spMkLst>
        </pc:spChg>
        <pc:spChg chg="mod">
          <ac:chgData name="White, Alex" userId="eff6cc8c-37d8-483b-9c6c-6b27e9afa9bc" providerId="ADAL" clId="{BF04C754-5BF4-4E83-9615-DB14FA25AF8A}" dt="2023-10-12T11:38:20.867" v="298"/>
          <ac:spMkLst>
            <pc:docMk/>
            <pc:sldMk cId="2376958513" sldId="260"/>
            <ac:spMk id="9570" creationId="{E46BDB1F-0C5D-67B5-3927-3C245AA0B4A4}"/>
          </ac:spMkLst>
        </pc:spChg>
        <pc:spChg chg="mod">
          <ac:chgData name="White, Alex" userId="eff6cc8c-37d8-483b-9c6c-6b27e9afa9bc" providerId="ADAL" clId="{BF04C754-5BF4-4E83-9615-DB14FA25AF8A}" dt="2023-10-12T11:38:20.867" v="298"/>
          <ac:spMkLst>
            <pc:docMk/>
            <pc:sldMk cId="2376958513" sldId="260"/>
            <ac:spMk id="9571" creationId="{7FC554F3-F154-EF04-0F9D-957DD0C1C37F}"/>
          </ac:spMkLst>
        </pc:spChg>
        <pc:spChg chg="mod">
          <ac:chgData name="White, Alex" userId="eff6cc8c-37d8-483b-9c6c-6b27e9afa9bc" providerId="ADAL" clId="{BF04C754-5BF4-4E83-9615-DB14FA25AF8A}" dt="2023-10-12T11:38:20.867" v="298"/>
          <ac:spMkLst>
            <pc:docMk/>
            <pc:sldMk cId="2376958513" sldId="260"/>
            <ac:spMk id="9572" creationId="{022B1723-B74B-6F60-FD3C-459B0E6D1B55}"/>
          </ac:spMkLst>
        </pc:spChg>
        <pc:spChg chg="mod">
          <ac:chgData name="White, Alex" userId="eff6cc8c-37d8-483b-9c6c-6b27e9afa9bc" providerId="ADAL" clId="{BF04C754-5BF4-4E83-9615-DB14FA25AF8A}" dt="2023-10-12T11:38:20.867" v="298"/>
          <ac:spMkLst>
            <pc:docMk/>
            <pc:sldMk cId="2376958513" sldId="260"/>
            <ac:spMk id="9573" creationId="{A9B39EF1-3CA2-3D37-DACF-ECAB98604926}"/>
          </ac:spMkLst>
        </pc:spChg>
        <pc:spChg chg="mod">
          <ac:chgData name="White, Alex" userId="eff6cc8c-37d8-483b-9c6c-6b27e9afa9bc" providerId="ADAL" clId="{BF04C754-5BF4-4E83-9615-DB14FA25AF8A}" dt="2023-10-12T11:38:20.867" v="298"/>
          <ac:spMkLst>
            <pc:docMk/>
            <pc:sldMk cId="2376958513" sldId="260"/>
            <ac:spMk id="9574" creationId="{E2233D7E-AA78-C349-978B-84213DA9A286}"/>
          </ac:spMkLst>
        </pc:spChg>
        <pc:spChg chg="mod">
          <ac:chgData name="White, Alex" userId="eff6cc8c-37d8-483b-9c6c-6b27e9afa9bc" providerId="ADAL" clId="{BF04C754-5BF4-4E83-9615-DB14FA25AF8A}" dt="2023-10-12T11:38:20.867" v="298"/>
          <ac:spMkLst>
            <pc:docMk/>
            <pc:sldMk cId="2376958513" sldId="260"/>
            <ac:spMk id="9575" creationId="{5E5D1914-A24B-A750-5C74-745691A6D486}"/>
          </ac:spMkLst>
        </pc:spChg>
        <pc:spChg chg="mod">
          <ac:chgData name="White, Alex" userId="eff6cc8c-37d8-483b-9c6c-6b27e9afa9bc" providerId="ADAL" clId="{BF04C754-5BF4-4E83-9615-DB14FA25AF8A}" dt="2023-10-12T11:38:20.867" v="298"/>
          <ac:spMkLst>
            <pc:docMk/>
            <pc:sldMk cId="2376958513" sldId="260"/>
            <ac:spMk id="9576" creationId="{E4344A0D-AC5C-9615-1D58-22D8547CA566}"/>
          </ac:spMkLst>
        </pc:spChg>
        <pc:spChg chg="mod">
          <ac:chgData name="White, Alex" userId="eff6cc8c-37d8-483b-9c6c-6b27e9afa9bc" providerId="ADAL" clId="{BF04C754-5BF4-4E83-9615-DB14FA25AF8A}" dt="2023-10-12T11:38:20.867" v="298"/>
          <ac:spMkLst>
            <pc:docMk/>
            <pc:sldMk cId="2376958513" sldId="260"/>
            <ac:spMk id="9577" creationId="{D4458F57-15E3-0800-FD3E-C1E47BA685B9}"/>
          </ac:spMkLst>
        </pc:spChg>
        <pc:spChg chg="mod">
          <ac:chgData name="White, Alex" userId="eff6cc8c-37d8-483b-9c6c-6b27e9afa9bc" providerId="ADAL" clId="{BF04C754-5BF4-4E83-9615-DB14FA25AF8A}" dt="2023-10-12T11:38:20.867" v="298"/>
          <ac:spMkLst>
            <pc:docMk/>
            <pc:sldMk cId="2376958513" sldId="260"/>
            <ac:spMk id="9578" creationId="{B6CB491E-83D2-8C9A-7008-1D3E2456E2D1}"/>
          </ac:spMkLst>
        </pc:spChg>
        <pc:spChg chg="mod">
          <ac:chgData name="White, Alex" userId="eff6cc8c-37d8-483b-9c6c-6b27e9afa9bc" providerId="ADAL" clId="{BF04C754-5BF4-4E83-9615-DB14FA25AF8A}" dt="2023-10-12T11:38:20.867" v="298"/>
          <ac:spMkLst>
            <pc:docMk/>
            <pc:sldMk cId="2376958513" sldId="260"/>
            <ac:spMk id="9579" creationId="{CDC4BFEB-CA85-F267-BB4F-02E526529B48}"/>
          </ac:spMkLst>
        </pc:spChg>
        <pc:spChg chg="mod">
          <ac:chgData name="White, Alex" userId="eff6cc8c-37d8-483b-9c6c-6b27e9afa9bc" providerId="ADAL" clId="{BF04C754-5BF4-4E83-9615-DB14FA25AF8A}" dt="2023-10-12T11:38:20.867" v="298"/>
          <ac:spMkLst>
            <pc:docMk/>
            <pc:sldMk cId="2376958513" sldId="260"/>
            <ac:spMk id="9580" creationId="{4B5DE2DA-9B52-617B-AC3C-EC79F332F9C0}"/>
          </ac:spMkLst>
        </pc:spChg>
        <pc:spChg chg="mod">
          <ac:chgData name="White, Alex" userId="eff6cc8c-37d8-483b-9c6c-6b27e9afa9bc" providerId="ADAL" clId="{BF04C754-5BF4-4E83-9615-DB14FA25AF8A}" dt="2023-10-12T11:38:20.867" v="298"/>
          <ac:spMkLst>
            <pc:docMk/>
            <pc:sldMk cId="2376958513" sldId="260"/>
            <ac:spMk id="9581" creationId="{3C9AA0B3-2B9B-2A29-0252-9C4A42B0815E}"/>
          </ac:spMkLst>
        </pc:spChg>
        <pc:spChg chg="mod">
          <ac:chgData name="White, Alex" userId="eff6cc8c-37d8-483b-9c6c-6b27e9afa9bc" providerId="ADAL" clId="{BF04C754-5BF4-4E83-9615-DB14FA25AF8A}" dt="2023-10-12T11:38:20.867" v="298"/>
          <ac:spMkLst>
            <pc:docMk/>
            <pc:sldMk cId="2376958513" sldId="260"/>
            <ac:spMk id="9582" creationId="{296374B8-79D5-6AF2-3AD2-CE6A98C82622}"/>
          </ac:spMkLst>
        </pc:spChg>
        <pc:spChg chg="mod">
          <ac:chgData name="White, Alex" userId="eff6cc8c-37d8-483b-9c6c-6b27e9afa9bc" providerId="ADAL" clId="{BF04C754-5BF4-4E83-9615-DB14FA25AF8A}" dt="2023-10-12T11:38:20.867" v="298"/>
          <ac:spMkLst>
            <pc:docMk/>
            <pc:sldMk cId="2376958513" sldId="260"/>
            <ac:spMk id="9583" creationId="{8E8C5AB9-FDE9-4271-17BF-5E2EC034A00E}"/>
          </ac:spMkLst>
        </pc:spChg>
        <pc:spChg chg="mod">
          <ac:chgData name="White, Alex" userId="eff6cc8c-37d8-483b-9c6c-6b27e9afa9bc" providerId="ADAL" clId="{BF04C754-5BF4-4E83-9615-DB14FA25AF8A}" dt="2023-10-12T11:38:20.867" v="298"/>
          <ac:spMkLst>
            <pc:docMk/>
            <pc:sldMk cId="2376958513" sldId="260"/>
            <ac:spMk id="9584" creationId="{039EFD33-158C-7592-4A9B-15D30BED397F}"/>
          </ac:spMkLst>
        </pc:spChg>
        <pc:spChg chg="mod">
          <ac:chgData name="White, Alex" userId="eff6cc8c-37d8-483b-9c6c-6b27e9afa9bc" providerId="ADAL" clId="{BF04C754-5BF4-4E83-9615-DB14FA25AF8A}" dt="2023-10-12T11:38:20.867" v="298"/>
          <ac:spMkLst>
            <pc:docMk/>
            <pc:sldMk cId="2376958513" sldId="260"/>
            <ac:spMk id="9585" creationId="{767B6710-A443-F871-7246-B1671B0793EC}"/>
          </ac:spMkLst>
        </pc:spChg>
        <pc:spChg chg="mod">
          <ac:chgData name="White, Alex" userId="eff6cc8c-37d8-483b-9c6c-6b27e9afa9bc" providerId="ADAL" clId="{BF04C754-5BF4-4E83-9615-DB14FA25AF8A}" dt="2023-10-12T11:38:20.867" v="298"/>
          <ac:spMkLst>
            <pc:docMk/>
            <pc:sldMk cId="2376958513" sldId="260"/>
            <ac:spMk id="9586" creationId="{83D13321-6571-69F6-1565-AC4E671A0DCE}"/>
          </ac:spMkLst>
        </pc:spChg>
        <pc:spChg chg="mod">
          <ac:chgData name="White, Alex" userId="eff6cc8c-37d8-483b-9c6c-6b27e9afa9bc" providerId="ADAL" clId="{BF04C754-5BF4-4E83-9615-DB14FA25AF8A}" dt="2023-10-12T11:38:20.867" v="298"/>
          <ac:spMkLst>
            <pc:docMk/>
            <pc:sldMk cId="2376958513" sldId="260"/>
            <ac:spMk id="9587" creationId="{6A6C4201-DD9F-1B57-9EE4-94F163E6538F}"/>
          </ac:spMkLst>
        </pc:spChg>
        <pc:spChg chg="mod">
          <ac:chgData name="White, Alex" userId="eff6cc8c-37d8-483b-9c6c-6b27e9afa9bc" providerId="ADAL" clId="{BF04C754-5BF4-4E83-9615-DB14FA25AF8A}" dt="2023-10-12T11:38:20.867" v="298"/>
          <ac:spMkLst>
            <pc:docMk/>
            <pc:sldMk cId="2376958513" sldId="260"/>
            <ac:spMk id="9588" creationId="{EC8BD88B-FA4D-3878-F186-3A1DB71CC96D}"/>
          </ac:spMkLst>
        </pc:spChg>
        <pc:spChg chg="mod">
          <ac:chgData name="White, Alex" userId="eff6cc8c-37d8-483b-9c6c-6b27e9afa9bc" providerId="ADAL" clId="{BF04C754-5BF4-4E83-9615-DB14FA25AF8A}" dt="2023-10-12T11:38:20.867" v="298"/>
          <ac:spMkLst>
            <pc:docMk/>
            <pc:sldMk cId="2376958513" sldId="260"/>
            <ac:spMk id="9589" creationId="{BBCDEE54-B1D4-17E6-E90F-C187AE308FEA}"/>
          </ac:spMkLst>
        </pc:spChg>
        <pc:spChg chg="mod">
          <ac:chgData name="White, Alex" userId="eff6cc8c-37d8-483b-9c6c-6b27e9afa9bc" providerId="ADAL" clId="{BF04C754-5BF4-4E83-9615-DB14FA25AF8A}" dt="2023-10-12T11:38:20.867" v="298"/>
          <ac:spMkLst>
            <pc:docMk/>
            <pc:sldMk cId="2376958513" sldId="260"/>
            <ac:spMk id="9590" creationId="{A226726E-B228-D3CE-5A4C-183EBCD1CF00}"/>
          </ac:spMkLst>
        </pc:spChg>
        <pc:spChg chg="mod">
          <ac:chgData name="White, Alex" userId="eff6cc8c-37d8-483b-9c6c-6b27e9afa9bc" providerId="ADAL" clId="{BF04C754-5BF4-4E83-9615-DB14FA25AF8A}" dt="2023-10-12T11:38:20.867" v="298"/>
          <ac:spMkLst>
            <pc:docMk/>
            <pc:sldMk cId="2376958513" sldId="260"/>
            <ac:spMk id="9591" creationId="{1F68E134-4B3E-C5A1-2E39-0550BACD43D3}"/>
          </ac:spMkLst>
        </pc:spChg>
        <pc:spChg chg="mod">
          <ac:chgData name="White, Alex" userId="eff6cc8c-37d8-483b-9c6c-6b27e9afa9bc" providerId="ADAL" clId="{BF04C754-5BF4-4E83-9615-DB14FA25AF8A}" dt="2023-10-12T11:38:20.867" v="298"/>
          <ac:spMkLst>
            <pc:docMk/>
            <pc:sldMk cId="2376958513" sldId="260"/>
            <ac:spMk id="9592" creationId="{CC0970F9-748D-8A02-208C-31F82DC51FDA}"/>
          </ac:spMkLst>
        </pc:spChg>
        <pc:spChg chg="mod">
          <ac:chgData name="White, Alex" userId="eff6cc8c-37d8-483b-9c6c-6b27e9afa9bc" providerId="ADAL" clId="{BF04C754-5BF4-4E83-9615-DB14FA25AF8A}" dt="2023-10-12T11:38:20.867" v="298"/>
          <ac:spMkLst>
            <pc:docMk/>
            <pc:sldMk cId="2376958513" sldId="260"/>
            <ac:spMk id="9593" creationId="{6B476492-FED5-C9A8-3786-49CB3E8E5C99}"/>
          </ac:spMkLst>
        </pc:spChg>
        <pc:spChg chg="mod">
          <ac:chgData name="White, Alex" userId="eff6cc8c-37d8-483b-9c6c-6b27e9afa9bc" providerId="ADAL" clId="{BF04C754-5BF4-4E83-9615-DB14FA25AF8A}" dt="2023-10-12T11:38:20.867" v="298"/>
          <ac:spMkLst>
            <pc:docMk/>
            <pc:sldMk cId="2376958513" sldId="260"/>
            <ac:spMk id="9594" creationId="{7161FFC3-CB74-AE20-D950-4CC064F965C4}"/>
          </ac:spMkLst>
        </pc:spChg>
        <pc:spChg chg="mod">
          <ac:chgData name="White, Alex" userId="eff6cc8c-37d8-483b-9c6c-6b27e9afa9bc" providerId="ADAL" clId="{BF04C754-5BF4-4E83-9615-DB14FA25AF8A}" dt="2023-10-12T11:38:20.867" v="298"/>
          <ac:spMkLst>
            <pc:docMk/>
            <pc:sldMk cId="2376958513" sldId="260"/>
            <ac:spMk id="9595" creationId="{CCC44020-2E9D-5533-E65C-3C4B2D9019E5}"/>
          </ac:spMkLst>
        </pc:spChg>
        <pc:spChg chg="mod">
          <ac:chgData name="White, Alex" userId="eff6cc8c-37d8-483b-9c6c-6b27e9afa9bc" providerId="ADAL" clId="{BF04C754-5BF4-4E83-9615-DB14FA25AF8A}" dt="2023-10-12T11:38:20.867" v="298"/>
          <ac:spMkLst>
            <pc:docMk/>
            <pc:sldMk cId="2376958513" sldId="260"/>
            <ac:spMk id="9596" creationId="{A85AB21B-3ED4-8266-FBF9-873DDC22C191}"/>
          </ac:spMkLst>
        </pc:spChg>
        <pc:spChg chg="mod">
          <ac:chgData name="White, Alex" userId="eff6cc8c-37d8-483b-9c6c-6b27e9afa9bc" providerId="ADAL" clId="{BF04C754-5BF4-4E83-9615-DB14FA25AF8A}" dt="2023-10-12T11:38:20.867" v="298"/>
          <ac:spMkLst>
            <pc:docMk/>
            <pc:sldMk cId="2376958513" sldId="260"/>
            <ac:spMk id="9597" creationId="{A0B0B9B8-0EA8-B630-C55A-0DFDA3099839}"/>
          </ac:spMkLst>
        </pc:spChg>
        <pc:spChg chg="mod">
          <ac:chgData name="White, Alex" userId="eff6cc8c-37d8-483b-9c6c-6b27e9afa9bc" providerId="ADAL" clId="{BF04C754-5BF4-4E83-9615-DB14FA25AF8A}" dt="2023-10-12T11:38:20.867" v="298"/>
          <ac:spMkLst>
            <pc:docMk/>
            <pc:sldMk cId="2376958513" sldId="260"/>
            <ac:spMk id="9598" creationId="{1A203C14-131C-DC03-5194-06515CBD5351}"/>
          </ac:spMkLst>
        </pc:spChg>
        <pc:spChg chg="mod">
          <ac:chgData name="White, Alex" userId="eff6cc8c-37d8-483b-9c6c-6b27e9afa9bc" providerId="ADAL" clId="{BF04C754-5BF4-4E83-9615-DB14FA25AF8A}" dt="2023-10-12T11:38:20.867" v="298"/>
          <ac:spMkLst>
            <pc:docMk/>
            <pc:sldMk cId="2376958513" sldId="260"/>
            <ac:spMk id="9599" creationId="{5490F9B1-DC6D-511C-CE2F-F2D6A2E14552}"/>
          </ac:spMkLst>
        </pc:spChg>
        <pc:spChg chg="mod">
          <ac:chgData name="White, Alex" userId="eff6cc8c-37d8-483b-9c6c-6b27e9afa9bc" providerId="ADAL" clId="{BF04C754-5BF4-4E83-9615-DB14FA25AF8A}" dt="2023-10-12T11:38:20.867" v="298"/>
          <ac:spMkLst>
            <pc:docMk/>
            <pc:sldMk cId="2376958513" sldId="260"/>
            <ac:spMk id="9600" creationId="{7279B824-0110-6502-0AD2-91E0E59CB105}"/>
          </ac:spMkLst>
        </pc:spChg>
        <pc:spChg chg="mod">
          <ac:chgData name="White, Alex" userId="eff6cc8c-37d8-483b-9c6c-6b27e9afa9bc" providerId="ADAL" clId="{BF04C754-5BF4-4E83-9615-DB14FA25AF8A}" dt="2023-10-12T11:38:20.867" v="298"/>
          <ac:spMkLst>
            <pc:docMk/>
            <pc:sldMk cId="2376958513" sldId="260"/>
            <ac:spMk id="9601" creationId="{DC528D76-DE1C-7C9F-3EF8-CBE30F257A75}"/>
          </ac:spMkLst>
        </pc:spChg>
        <pc:spChg chg="mod">
          <ac:chgData name="White, Alex" userId="eff6cc8c-37d8-483b-9c6c-6b27e9afa9bc" providerId="ADAL" clId="{BF04C754-5BF4-4E83-9615-DB14FA25AF8A}" dt="2023-10-12T11:38:20.867" v="298"/>
          <ac:spMkLst>
            <pc:docMk/>
            <pc:sldMk cId="2376958513" sldId="260"/>
            <ac:spMk id="9602" creationId="{8A0B2444-E003-C0BD-5A79-6681B3C5D10D}"/>
          </ac:spMkLst>
        </pc:spChg>
        <pc:spChg chg="mod">
          <ac:chgData name="White, Alex" userId="eff6cc8c-37d8-483b-9c6c-6b27e9afa9bc" providerId="ADAL" clId="{BF04C754-5BF4-4E83-9615-DB14FA25AF8A}" dt="2023-10-12T11:38:20.867" v="298"/>
          <ac:spMkLst>
            <pc:docMk/>
            <pc:sldMk cId="2376958513" sldId="260"/>
            <ac:spMk id="9603" creationId="{6E986AAC-0EE5-5547-C560-0060DDAA316D}"/>
          </ac:spMkLst>
        </pc:spChg>
        <pc:spChg chg="mod">
          <ac:chgData name="White, Alex" userId="eff6cc8c-37d8-483b-9c6c-6b27e9afa9bc" providerId="ADAL" clId="{BF04C754-5BF4-4E83-9615-DB14FA25AF8A}" dt="2023-10-12T11:38:20.867" v="298"/>
          <ac:spMkLst>
            <pc:docMk/>
            <pc:sldMk cId="2376958513" sldId="260"/>
            <ac:spMk id="9604" creationId="{FE4CC64A-95CE-D695-3DE9-926A0884324C}"/>
          </ac:spMkLst>
        </pc:spChg>
        <pc:spChg chg="mod">
          <ac:chgData name="White, Alex" userId="eff6cc8c-37d8-483b-9c6c-6b27e9afa9bc" providerId="ADAL" clId="{BF04C754-5BF4-4E83-9615-DB14FA25AF8A}" dt="2023-10-12T11:38:20.867" v="298"/>
          <ac:spMkLst>
            <pc:docMk/>
            <pc:sldMk cId="2376958513" sldId="260"/>
            <ac:spMk id="9605" creationId="{AAE61EB1-F804-4552-D04B-5241CCFCB67F}"/>
          </ac:spMkLst>
        </pc:spChg>
        <pc:spChg chg="mod">
          <ac:chgData name="White, Alex" userId="eff6cc8c-37d8-483b-9c6c-6b27e9afa9bc" providerId="ADAL" clId="{BF04C754-5BF4-4E83-9615-DB14FA25AF8A}" dt="2023-10-12T11:38:20.867" v="298"/>
          <ac:spMkLst>
            <pc:docMk/>
            <pc:sldMk cId="2376958513" sldId="260"/>
            <ac:spMk id="9606" creationId="{012A8488-1130-C099-7D00-462697DA4921}"/>
          </ac:spMkLst>
        </pc:spChg>
        <pc:spChg chg="mod">
          <ac:chgData name="White, Alex" userId="eff6cc8c-37d8-483b-9c6c-6b27e9afa9bc" providerId="ADAL" clId="{BF04C754-5BF4-4E83-9615-DB14FA25AF8A}" dt="2023-10-12T11:38:20.867" v="298"/>
          <ac:spMkLst>
            <pc:docMk/>
            <pc:sldMk cId="2376958513" sldId="260"/>
            <ac:spMk id="9607" creationId="{B5F61900-3BB1-7A76-6ABC-2808BF08EBF6}"/>
          </ac:spMkLst>
        </pc:spChg>
        <pc:spChg chg="mod">
          <ac:chgData name="White, Alex" userId="eff6cc8c-37d8-483b-9c6c-6b27e9afa9bc" providerId="ADAL" clId="{BF04C754-5BF4-4E83-9615-DB14FA25AF8A}" dt="2023-10-12T11:38:20.867" v="298"/>
          <ac:spMkLst>
            <pc:docMk/>
            <pc:sldMk cId="2376958513" sldId="260"/>
            <ac:spMk id="9608" creationId="{383478CD-AF53-5210-FF57-2FE9512C1575}"/>
          </ac:spMkLst>
        </pc:spChg>
        <pc:spChg chg="mod">
          <ac:chgData name="White, Alex" userId="eff6cc8c-37d8-483b-9c6c-6b27e9afa9bc" providerId="ADAL" clId="{BF04C754-5BF4-4E83-9615-DB14FA25AF8A}" dt="2023-10-12T11:38:20.867" v="298"/>
          <ac:spMkLst>
            <pc:docMk/>
            <pc:sldMk cId="2376958513" sldId="260"/>
            <ac:spMk id="9609" creationId="{952CFB69-DF9D-8A68-E247-AB821254E032}"/>
          </ac:spMkLst>
        </pc:spChg>
        <pc:spChg chg="mod">
          <ac:chgData name="White, Alex" userId="eff6cc8c-37d8-483b-9c6c-6b27e9afa9bc" providerId="ADAL" clId="{BF04C754-5BF4-4E83-9615-DB14FA25AF8A}" dt="2023-10-12T11:38:20.867" v="298"/>
          <ac:spMkLst>
            <pc:docMk/>
            <pc:sldMk cId="2376958513" sldId="260"/>
            <ac:spMk id="9610" creationId="{7938BAB5-3482-82EB-6D9C-B0BECBACDB9B}"/>
          </ac:spMkLst>
        </pc:spChg>
        <pc:spChg chg="mod">
          <ac:chgData name="White, Alex" userId="eff6cc8c-37d8-483b-9c6c-6b27e9afa9bc" providerId="ADAL" clId="{BF04C754-5BF4-4E83-9615-DB14FA25AF8A}" dt="2023-10-12T11:38:20.867" v="298"/>
          <ac:spMkLst>
            <pc:docMk/>
            <pc:sldMk cId="2376958513" sldId="260"/>
            <ac:spMk id="9611" creationId="{B4D38A3D-B6DC-B86C-0778-F548D6A500C0}"/>
          </ac:spMkLst>
        </pc:spChg>
        <pc:spChg chg="mod">
          <ac:chgData name="White, Alex" userId="eff6cc8c-37d8-483b-9c6c-6b27e9afa9bc" providerId="ADAL" clId="{BF04C754-5BF4-4E83-9615-DB14FA25AF8A}" dt="2023-10-12T11:38:20.867" v="298"/>
          <ac:spMkLst>
            <pc:docMk/>
            <pc:sldMk cId="2376958513" sldId="260"/>
            <ac:spMk id="9612" creationId="{FCDF5B7D-FD8C-A3EA-3236-3AF64BBC9C97}"/>
          </ac:spMkLst>
        </pc:spChg>
        <pc:spChg chg="mod">
          <ac:chgData name="White, Alex" userId="eff6cc8c-37d8-483b-9c6c-6b27e9afa9bc" providerId="ADAL" clId="{BF04C754-5BF4-4E83-9615-DB14FA25AF8A}" dt="2023-10-12T11:38:20.867" v="298"/>
          <ac:spMkLst>
            <pc:docMk/>
            <pc:sldMk cId="2376958513" sldId="260"/>
            <ac:spMk id="9613" creationId="{D49B75B5-450E-334A-BDA8-B64D3306288C}"/>
          </ac:spMkLst>
        </pc:spChg>
        <pc:spChg chg="mod">
          <ac:chgData name="White, Alex" userId="eff6cc8c-37d8-483b-9c6c-6b27e9afa9bc" providerId="ADAL" clId="{BF04C754-5BF4-4E83-9615-DB14FA25AF8A}" dt="2023-10-12T11:38:20.867" v="298"/>
          <ac:spMkLst>
            <pc:docMk/>
            <pc:sldMk cId="2376958513" sldId="260"/>
            <ac:spMk id="9614" creationId="{A71CBE5F-C6ED-4CFA-C36B-2F3B67EE20A8}"/>
          </ac:spMkLst>
        </pc:spChg>
        <pc:spChg chg="mod">
          <ac:chgData name="White, Alex" userId="eff6cc8c-37d8-483b-9c6c-6b27e9afa9bc" providerId="ADAL" clId="{BF04C754-5BF4-4E83-9615-DB14FA25AF8A}" dt="2023-10-12T11:38:20.867" v="298"/>
          <ac:spMkLst>
            <pc:docMk/>
            <pc:sldMk cId="2376958513" sldId="260"/>
            <ac:spMk id="9615" creationId="{BE654AAF-B296-2FF6-F2A0-D099E3018AF2}"/>
          </ac:spMkLst>
        </pc:spChg>
        <pc:spChg chg="mod">
          <ac:chgData name="White, Alex" userId="eff6cc8c-37d8-483b-9c6c-6b27e9afa9bc" providerId="ADAL" clId="{BF04C754-5BF4-4E83-9615-DB14FA25AF8A}" dt="2023-10-12T11:38:20.867" v="298"/>
          <ac:spMkLst>
            <pc:docMk/>
            <pc:sldMk cId="2376958513" sldId="260"/>
            <ac:spMk id="9616" creationId="{F9999802-5C76-232B-559A-298F2B7B50A8}"/>
          </ac:spMkLst>
        </pc:spChg>
        <pc:spChg chg="mod">
          <ac:chgData name="White, Alex" userId="eff6cc8c-37d8-483b-9c6c-6b27e9afa9bc" providerId="ADAL" clId="{BF04C754-5BF4-4E83-9615-DB14FA25AF8A}" dt="2023-10-12T11:38:20.867" v="298"/>
          <ac:spMkLst>
            <pc:docMk/>
            <pc:sldMk cId="2376958513" sldId="260"/>
            <ac:spMk id="9617" creationId="{9F81AFA2-BD4F-1785-B968-F69C1BD2BB3F}"/>
          </ac:spMkLst>
        </pc:spChg>
        <pc:spChg chg="mod">
          <ac:chgData name="White, Alex" userId="eff6cc8c-37d8-483b-9c6c-6b27e9afa9bc" providerId="ADAL" clId="{BF04C754-5BF4-4E83-9615-DB14FA25AF8A}" dt="2023-10-12T11:38:20.867" v="298"/>
          <ac:spMkLst>
            <pc:docMk/>
            <pc:sldMk cId="2376958513" sldId="260"/>
            <ac:spMk id="9618" creationId="{A22B0AF7-1818-1A6A-BC94-132AAC98DC80}"/>
          </ac:spMkLst>
        </pc:spChg>
        <pc:spChg chg="mod">
          <ac:chgData name="White, Alex" userId="eff6cc8c-37d8-483b-9c6c-6b27e9afa9bc" providerId="ADAL" clId="{BF04C754-5BF4-4E83-9615-DB14FA25AF8A}" dt="2023-10-12T11:38:20.867" v="298"/>
          <ac:spMkLst>
            <pc:docMk/>
            <pc:sldMk cId="2376958513" sldId="260"/>
            <ac:spMk id="9619" creationId="{8FEA9224-8243-51AA-27DE-E716957A34C0}"/>
          </ac:spMkLst>
        </pc:spChg>
        <pc:spChg chg="mod">
          <ac:chgData name="White, Alex" userId="eff6cc8c-37d8-483b-9c6c-6b27e9afa9bc" providerId="ADAL" clId="{BF04C754-5BF4-4E83-9615-DB14FA25AF8A}" dt="2023-10-12T11:38:20.867" v="298"/>
          <ac:spMkLst>
            <pc:docMk/>
            <pc:sldMk cId="2376958513" sldId="260"/>
            <ac:spMk id="9620" creationId="{521CD333-D30B-D133-0963-4122E36918F1}"/>
          </ac:spMkLst>
        </pc:spChg>
        <pc:spChg chg="mod">
          <ac:chgData name="White, Alex" userId="eff6cc8c-37d8-483b-9c6c-6b27e9afa9bc" providerId="ADAL" clId="{BF04C754-5BF4-4E83-9615-DB14FA25AF8A}" dt="2023-10-12T11:38:20.867" v="298"/>
          <ac:spMkLst>
            <pc:docMk/>
            <pc:sldMk cId="2376958513" sldId="260"/>
            <ac:spMk id="9621" creationId="{AD951083-8A2C-6C7F-39C2-B44DB315A761}"/>
          </ac:spMkLst>
        </pc:spChg>
        <pc:spChg chg="mod">
          <ac:chgData name="White, Alex" userId="eff6cc8c-37d8-483b-9c6c-6b27e9afa9bc" providerId="ADAL" clId="{BF04C754-5BF4-4E83-9615-DB14FA25AF8A}" dt="2023-10-12T11:38:20.867" v="298"/>
          <ac:spMkLst>
            <pc:docMk/>
            <pc:sldMk cId="2376958513" sldId="260"/>
            <ac:spMk id="9622" creationId="{E75FAB33-AB20-5BD4-A194-27F934ACF18C}"/>
          </ac:spMkLst>
        </pc:spChg>
        <pc:spChg chg="mod">
          <ac:chgData name="White, Alex" userId="eff6cc8c-37d8-483b-9c6c-6b27e9afa9bc" providerId="ADAL" clId="{BF04C754-5BF4-4E83-9615-DB14FA25AF8A}" dt="2023-10-12T11:38:20.867" v="298"/>
          <ac:spMkLst>
            <pc:docMk/>
            <pc:sldMk cId="2376958513" sldId="260"/>
            <ac:spMk id="9623" creationId="{1D7C2B7E-0D48-4A31-2C2C-164C5E436007}"/>
          </ac:spMkLst>
        </pc:spChg>
        <pc:spChg chg="mod">
          <ac:chgData name="White, Alex" userId="eff6cc8c-37d8-483b-9c6c-6b27e9afa9bc" providerId="ADAL" clId="{BF04C754-5BF4-4E83-9615-DB14FA25AF8A}" dt="2023-10-12T11:38:20.867" v="298"/>
          <ac:spMkLst>
            <pc:docMk/>
            <pc:sldMk cId="2376958513" sldId="260"/>
            <ac:spMk id="9624" creationId="{90802511-49FC-EBC9-9DF2-85B397F6D67B}"/>
          </ac:spMkLst>
        </pc:spChg>
        <pc:spChg chg="mod">
          <ac:chgData name="White, Alex" userId="eff6cc8c-37d8-483b-9c6c-6b27e9afa9bc" providerId="ADAL" clId="{BF04C754-5BF4-4E83-9615-DB14FA25AF8A}" dt="2023-10-12T11:38:20.867" v="298"/>
          <ac:spMkLst>
            <pc:docMk/>
            <pc:sldMk cId="2376958513" sldId="260"/>
            <ac:spMk id="9625" creationId="{FBDCC20F-81A6-DFB6-1242-B3B8D8AADB32}"/>
          </ac:spMkLst>
        </pc:spChg>
        <pc:spChg chg="mod">
          <ac:chgData name="White, Alex" userId="eff6cc8c-37d8-483b-9c6c-6b27e9afa9bc" providerId="ADAL" clId="{BF04C754-5BF4-4E83-9615-DB14FA25AF8A}" dt="2023-10-12T11:38:20.867" v="298"/>
          <ac:spMkLst>
            <pc:docMk/>
            <pc:sldMk cId="2376958513" sldId="260"/>
            <ac:spMk id="9626" creationId="{C112DDB2-14FE-876F-1246-3C622056C7D9}"/>
          </ac:spMkLst>
        </pc:spChg>
        <pc:spChg chg="mod">
          <ac:chgData name="White, Alex" userId="eff6cc8c-37d8-483b-9c6c-6b27e9afa9bc" providerId="ADAL" clId="{BF04C754-5BF4-4E83-9615-DB14FA25AF8A}" dt="2023-10-12T11:38:20.867" v="298"/>
          <ac:spMkLst>
            <pc:docMk/>
            <pc:sldMk cId="2376958513" sldId="260"/>
            <ac:spMk id="9627" creationId="{9F0BD3DA-D547-8EC2-2E13-0D920B583791}"/>
          </ac:spMkLst>
        </pc:spChg>
        <pc:spChg chg="mod">
          <ac:chgData name="White, Alex" userId="eff6cc8c-37d8-483b-9c6c-6b27e9afa9bc" providerId="ADAL" clId="{BF04C754-5BF4-4E83-9615-DB14FA25AF8A}" dt="2023-10-12T11:38:20.867" v="298"/>
          <ac:spMkLst>
            <pc:docMk/>
            <pc:sldMk cId="2376958513" sldId="260"/>
            <ac:spMk id="9628" creationId="{0A564D02-3C0B-1E65-56A0-36AE5C6EEB03}"/>
          </ac:spMkLst>
        </pc:spChg>
        <pc:spChg chg="mod">
          <ac:chgData name="White, Alex" userId="eff6cc8c-37d8-483b-9c6c-6b27e9afa9bc" providerId="ADAL" clId="{BF04C754-5BF4-4E83-9615-DB14FA25AF8A}" dt="2023-10-12T11:38:20.867" v="298"/>
          <ac:spMkLst>
            <pc:docMk/>
            <pc:sldMk cId="2376958513" sldId="260"/>
            <ac:spMk id="9629" creationId="{7D74A038-FD81-A617-6CDC-AA1DDEF68C60}"/>
          </ac:spMkLst>
        </pc:spChg>
        <pc:spChg chg="mod">
          <ac:chgData name="White, Alex" userId="eff6cc8c-37d8-483b-9c6c-6b27e9afa9bc" providerId="ADAL" clId="{BF04C754-5BF4-4E83-9615-DB14FA25AF8A}" dt="2023-10-12T11:38:20.867" v="298"/>
          <ac:spMkLst>
            <pc:docMk/>
            <pc:sldMk cId="2376958513" sldId="260"/>
            <ac:spMk id="9630" creationId="{8E3BF845-53FE-BABA-714C-782B1C484EB6}"/>
          </ac:spMkLst>
        </pc:spChg>
        <pc:spChg chg="mod">
          <ac:chgData name="White, Alex" userId="eff6cc8c-37d8-483b-9c6c-6b27e9afa9bc" providerId="ADAL" clId="{BF04C754-5BF4-4E83-9615-DB14FA25AF8A}" dt="2023-10-12T11:38:20.867" v="298"/>
          <ac:spMkLst>
            <pc:docMk/>
            <pc:sldMk cId="2376958513" sldId="260"/>
            <ac:spMk id="9631" creationId="{6000987F-D7D2-751C-51A0-C04857180430}"/>
          </ac:spMkLst>
        </pc:spChg>
        <pc:spChg chg="mod">
          <ac:chgData name="White, Alex" userId="eff6cc8c-37d8-483b-9c6c-6b27e9afa9bc" providerId="ADAL" clId="{BF04C754-5BF4-4E83-9615-DB14FA25AF8A}" dt="2023-10-12T11:38:20.867" v="298"/>
          <ac:spMkLst>
            <pc:docMk/>
            <pc:sldMk cId="2376958513" sldId="260"/>
            <ac:spMk id="9632" creationId="{FED59FDD-33D2-D755-B1CC-C85AAD8A4483}"/>
          </ac:spMkLst>
        </pc:spChg>
        <pc:spChg chg="mod">
          <ac:chgData name="White, Alex" userId="eff6cc8c-37d8-483b-9c6c-6b27e9afa9bc" providerId="ADAL" clId="{BF04C754-5BF4-4E83-9615-DB14FA25AF8A}" dt="2023-10-12T11:38:20.867" v="298"/>
          <ac:spMkLst>
            <pc:docMk/>
            <pc:sldMk cId="2376958513" sldId="260"/>
            <ac:spMk id="9633" creationId="{8EC8A88B-9C40-08D4-024A-001520A92DC3}"/>
          </ac:spMkLst>
        </pc:spChg>
        <pc:spChg chg="mod">
          <ac:chgData name="White, Alex" userId="eff6cc8c-37d8-483b-9c6c-6b27e9afa9bc" providerId="ADAL" clId="{BF04C754-5BF4-4E83-9615-DB14FA25AF8A}" dt="2023-10-12T11:38:20.867" v="298"/>
          <ac:spMkLst>
            <pc:docMk/>
            <pc:sldMk cId="2376958513" sldId="260"/>
            <ac:spMk id="9634" creationId="{3498DAE7-14CA-2B60-90EC-5E50DF191CDB}"/>
          </ac:spMkLst>
        </pc:spChg>
        <pc:spChg chg="mod">
          <ac:chgData name="White, Alex" userId="eff6cc8c-37d8-483b-9c6c-6b27e9afa9bc" providerId="ADAL" clId="{BF04C754-5BF4-4E83-9615-DB14FA25AF8A}" dt="2023-10-12T11:38:20.867" v="298"/>
          <ac:spMkLst>
            <pc:docMk/>
            <pc:sldMk cId="2376958513" sldId="260"/>
            <ac:spMk id="9635" creationId="{2114D98B-C36A-E546-8AE4-D4C3238835C6}"/>
          </ac:spMkLst>
        </pc:spChg>
        <pc:spChg chg="mod">
          <ac:chgData name="White, Alex" userId="eff6cc8c-37d8-483b-9c6c-6b27e9afa9bc" providerId="ADAL" clId="{BF04C754-5BF4-4E83-9615-DB14FA25AF8A}" dt="2023-10-12T11:38:20.867" v="298"/>
          <ac:spMkLst>
            <pc:docMk/>
            <pc:sldMk cId="2376958513" sldId="260"/>
            <ac:spMk id="9636" creationId="{A5F2FFFD-E304-5139-C7DF-CD5278300C6C}"/>
          </ac:spMkLst>
        </pc:spChg>
        <pc:spChg chg="mod">
          <ac:chgData name="White, Alex" userId="eff6cc8c-37d8-483b-9c6c-6b27e9afa9bc" providerId="ADAL" clId="{BF04C754-5BF4-4E83-9615-DB14FA25AF8A}" dt="2023-10-12T11:38:20.867" v="298"/>
          <ac:spMkLst>
            <pc:docMk/>
            <pc:sldMk cId="2376958513" sldId="260"/>
            <ac:spMk id="9637" creationId="{5F82F768-5E66-60E7-2D06-199F4DD99F9C}"/>
          </ac:spMkLst>
        </pc:spChg>
        <pc:spChg chg="mod">
          <ac:chgData name="White, Alex" userId="eff6cc8c-37d8-483b-9c6c-6b27e9afa9bc" providerId="ADAL" clId="{BF04C754-5BF4-4E83-9615-DB14FA25AF8A}" dt="2023-10-12T11:38:20.867" v="298"/>
          <ac:spMkLst>
            <pc:docMk/>
            <pc:sldMk cId="2376958513" sldId="260"/>
            <ac:spMk id="9638" creationId="{E25A8677-7510-4D4D-E80C-B03CF31FF5B4}"/>
          </ac:spMkLst>
        </pc:spChg>
        <pc:spChg chg="mod">
          <ac:chgData name="White, Alex" userId="eff6cc8c-37d8-483b-9c6c-6b27e9afa9bc" providerId="ADAL" clId="{BF04C754-5BF4-4E83-9615-DB14FA25AF8A}" dt="2023-10-12T11:38:20.867" v="298"/>
          <ac:spMkLst>
            <pc:docMk/>
            <pc:sldMk cId="2376958513" sldId="260"/>
            <ac:spMk id="9639" creationId="{C35FF454-47EA-C729-952E-2554AF6133B9}"/>
          </ac:spMkLst>
        </pc:spChg>
        <pc:spChg chg="mod">
          <ac:chgData name="White, Alex" userId="eff6cc8c-37d8-483b-9c6c-6b27e9afa9bc" providerId="ADAL" clId="{BF04C754-5BF4-4E83-9615-DB14FA25AF8A}" dt="2023-10-12T11:38:20.867" v="298"/>
          <ac:spMkLst>
            <pc:docMk/>
            <pc:sldMk cId="2376958513" sldId="260"/>
            <ac:spMk id="9640" creationId="{2B0D844B-89D9-7CD9-B0A6-B033FDBFF03D}"/>
          </ac:spMkLst>
        </pc:spChg>
        <pc:spChg chg="mod">
          <ac:chgData name="White, Alex" userId="eff6cc8c-37d8-483b-9c6c-6b27e9afa9bc" providerId="ADAL" clId="{BF04C754-5BF4-4E83-9615-DB14FA25AF8A}" dt="2023-10-12T11:38:20.867" v="298"/>
          <ac:spMkLst>
            <pc:docMk/>
            <pc:sldMk cId="2376958513" sldId="260"/>
            <ac:spMk id="9641" creationId="{54E3F4BB-B4CA-1761-C966-72251E876156}"/>
          </ac:spMkLst>
        </pc:spChg>
        <pc:spChg chg="mod">
          <ac:chgData name="White, Alex" userId="eff6cc8c-37d8-483b-9c6c-6b27e9afa9bc" providerId="ADAL" clId="{BF04C754-5BF4-4E83-9615-DB14FA25AF8A}" dt="2023-10-12T11:38:20.867" v="298"/>
          <ac:spMkLst>
            <pc:docMk/>
            <pc:sldMk cId="2376958513" sldId="260"/>
            <ac:spMk id="9642" creationId="{73738686-4EF4-3DEB-4D64-BC967D723167}"/>
          </ac:spMkLst>
        </pc:spChg>
        <pc:spChg chg="mod">
          <ac:chgData name="White, Alex" userId="eff6cc8c-37d8-483b-9c6c-6b27e9afa9bc" providerId="ADAL" clId="{BF04C754-5BF4-4E83-9615-DB14FA25AF8A}" dt="2023-10-12T11:38:20.867" v="298"/>
          <ac:spMkLst>
            <pc:docMk/>
            <pc:sldMk cId="2376958513" sldId="260"/>
            <ac:spMk id="9643" creationId="{060C95CD-618C-19D8-D1DB-1292F76519AE}"/>
          </ac:spMkLst>
        </pc:spChg>
        <pc:spChg chg="mod">
          <ac:chgData name="White, Alex" userId="eff6cc8c-37d8-483b-9c6c-6b27e9afa9bc" providerId="ADAL" clId="{BF04C754-5BF4-4E83-9615-DB14FA25AF8A}" dt="2023-10-12T11:38:20.867" v="298"/>
          <ac:spMkLst>
            <pc:docMk/>
            <pc:sldMk cId="2376958513" sldId="260"/>
            <ac:spMk id="9644" creationId="{CB1A0CC9-FA6E-ABBF-F7CA-043870261162}"/>
          </ac:spMkLst>
        </pc:spChg>
        <pc:spChg chg="mod">
          <ac:chgData name="White, Alex" userId="eff6cc8c-37d8-483b-9c6c-6b27e9afa9bc" providerId="ADAL" clId="{BF04C754-5BF4-4E83-9615-DB14FA25AF8A}" dt="2023-10-12T11:38:20.867" v="298"/>
          <ac:spMkLst>
            <pc:docMk/>
            <pc:sldMk cId="2376958513" sldId="260"/>
            <ac:spMk id="9645" creationId="{40A67A06-4AE2-97B2-4FCB-08D09FD53469}"/>
          </ac:spMkLst>
        </pc:spChg>
        <pc:spChg chg="mod">
          <ac:chgData name="White, Alex" userId="eff6cc8c-37d8-483b-9c6c-6b27e9afa9bc" providerId="ADAL" clId="{BF04C754-5BF4-4E83-9615-DB14FA25AF8A}" dt="2023-10-12T11:38:20.867" v="298"/>
          <ac:spMkLst>
            <pc:docMk/>
            <pc:sldMk cId="2376958513" sldId="260"/>
            <ac:spMk id="9646" creationId="{170CE7B4-B1B6-1A36-CD65-933588A5BC9D}"/>
          </ac:spMkLst>
        </pc:spChg>
        <pc:spChg chg="mod">
          <ac:chgData name="White, Alex" userId="eff6cc8c-37d8-483b-9c6c-6b27e9afa9bc" providerId="ADAL" clId="{BF04C754-5BF4-4E83-9615-DB14FA25AF8A}" dt="2023-10-12T11:38:20.867" v="298"/>
          <ac:spMkLst>
            <pc:docMk/>
            <pc:sldMk cId="2376958513" sldId="260"/>
            <ac:spMk id="9647" creationId="{BA968C62-A79A-0B3D-9A77-1278F7EF9190}"/>
          </ac:spMkLst>
        </pc:spChg>
        <pc:spChg chg="mod">
          <ac:chgData name="White, Alex" userId="eff6cc8c-37d8-483b-9c6c-6b27e9afa9bc" providerId="ADAL" clId="{BF04C754-5BF4-4E83-9615-DB14FA25AF8A}" dt="2023-10-12T11:38:20.867" v="298"/>
          <ac:spMkLst>
            <pc:docMk/>
            <pc:sldMk cId="2376958513" sldId="260"/>
            <ac:spMk id="9648" creationId="{7C882234-6F1C-05F1-CD7D-7B5AD686AE8F}"/>
          </ac:spMkLst>
        </pc:spChg>
        <pc:spChg chg="mod">
          <ac:chgData name="White, Alex" userId="eff6cc8c-37d8-483b-9c6c-6b27e9afa9bc" providerId="ADAL" clId="{BF04C754-5BF4-4E83-9615-DB14FA25AF8A}" dt="2023-10-12T11:38:20.867" v="298"/>
          <ac:spMkLst>
            <pc:docMk/>
            <pc:sldMk cId="2376958513" sldId="260"/>
            <ac:spMk id="9649" creationId="{FEA6DA7A-465C-EC62-36F5-B0353D785EF1}"/>
          </ac:spMkLst>
        </pc:spChg>
        <pc:spChg chg="mod">
          <ac:chgData name="White, Alex" userId="eff6cc8c-37d8-483b-9c6c-6b27e9afa9bc" providerId="ADAL" clId="{BF04C754-5BF4-4E83-9615-DB14FA25AF8A}" dt="2023-10-12T11:38:20.867" v="298"/>
          <ac:spMkLst>
            <pc:docMk/>
            <pc:sldMk cId="2376958513" sldId="260"/>
            <ac:spMk id="9650" creationId="{00798961-2B99-F68F-D39D-276CF132A7B1}"/>
          </ac:spMkLst>
        </pc:spChg>
        <pc:spChg chg="mod">
          <ac:chgData name="White, Alex" userId="eff6cc8c-37d8-483b-9c6c-6b27e9afa9bc" providerId="ADAL" clId="{BF04C754-5BF4-4E83-9615-DB14FA25AF8A}" dt="2023-10-12T11:38:20.867" v="298"/>
          <ac:spMkLst>
            <pc:docMk/>
            <pc:sldMk cId="2376958513" sldId="260"/>
            <ac:spMk id="9651" creationId="{7DBC63C5-2455-D3F3-EC94-285611D8173A}"/>
          </ac:spMkLst>
        </pc:spChg>
        <pc:spChg chg="mod">
          <ac:chgData name="White, Alex" userId="eff6cc8c-37d8-483b-9c6c-6b27e9afa9bc" providerId="ADAL" clId="{BF04C754-5BF4-4E83-9615-DB14FA25AF8A}" dt="2023-10-12T11:38:20.867" v="298"/>
          <ac:spMkLst>
            <pc:docMk/>
            <pc:sldMk cId="2376958513" sldId="260"/>
            <ac:spMk id="9652" creationId="{F13751C9-DB52-E578-D1C6-0D476C207518}"/>
          </ac:spMkLst>
        </pc:spChg>
        <pc:spChg chg="mod">
          <ac:chgData name="White, Alex" userId="eff6cc8c-37d8-483b-9c6c-6b27e9afa9bc" providerId="ADAL" clId="{BF04C754-5BF4-4E83-9615-DB14FA25AF8A}" dt="2023-10-12T11:38:20.867" v="298"/>
          <ac:spMkLst>
            <pc:docMk/>
            <pc:sldMk cId="2376958513" sldId="260"/>
            <ac:spMk id="9653" creationId="{73CC4EE1-685F-0D33-379D-B0B4671C9A3D}"/>
          </ac:spMkLst>
        </pc:spChg>
        <pc:spChg chg="mod">
          <ac:chgData name="White, Alex" userId="eff6cc8c-37d8-483b-9c6c-6b27e9afa9bc" providerId="ADAL" clId="{BF04C754-5BF4-4E83-9615-DB14FA25AF8A}" dt="2023-10-12T11:38:20.867" v="298"/>
          <ac:spMkLst>
            <pc:docMk/>
            <pc:sldMk cId="2376958513" sldId="260"/>
            <ac:spMk id="9654" creationId="{46862200-91B9-8B67-B157-1F7E51B93D24}"/>
          </ac:spMkLst>
        </pc:spChg>
        <pc:spChg chg="mod">
          <ac:chgData name="White, Alex" userId="eff6cc8c-37d8-483b-9c6c-6b27e9afa9bc" providerId="ADAL" clId="{BF04C754-5BF4-4E83-9615-DB14FA25AF8A}" dt="2023-10-12T11:38:20.867" v="298"/>
          <ac:spMkLst>
            <pc:docMk/>
            <pc:sldMk cId="2376958513" sldId="260"/>
            <ac:spMk id="9655" creationId="{32C54E50-5362-D0CD-D045-1A53A5B9F024}"/>
          </ac:spMkLst>
        </pc:spChg>
        <pc:spChg chg="mod">
          <ac:chgData name="White, Alex" userId="eff6cc8c-37d8-483b-9c6c-6b27e9afa9bc" providerId="ADAL" clId="{BF04C754-5BF4-4E83-9615-DB14FA25AF8A}" dt="2023-10-12T11:38:20.867" v="298"/>
          <ac:spMkLst>
            <pc:docMk/>
            <pc:sldMk cId="2376958513" sldId="260"/>
            <ac:spMk id="9656" creationId="{EDFC11AB-5275-0CA3-00CB-4A526B119B88}"/>
          </ac:spMkLst>
        </pc:spChg>
        <pc:spChg chg="mod">
          <ac:chgData name="White, Alex" userId="eff6cc8c-37d8-483b-9c6c-6b27e9afa9bc" providerId="ADAL" clId="{BF04C754-5BF4-4E83-9615-DB14FA25AF8A}" dt="2023-10-12T11:38:20.867" v="298"/>
          <ac:spMkLst>
            <pc:docMk/>
            <pc:sldMk cId="2376958513" sldId="260"/>
            <ac:spMk id="9657" creationId="{6F6CE95E-49E3-F2F2-5AC6-1B4C2BE56EC7}"/>
          </ac:spMkLst>
        </pc:spChg>
        <pc:spChg chg="mod">
          <ac:chgData name="White, Alex" userId="eff6cc8c-37d8-483b-9c6c-6b27e9afa9bc" providerId="ADAL" clId="{BF04C754-5BF4-4E83-9615-DB14FA25AF8A}" dt="2023-10-12T11:38:20.867" v="298"/>
          <ac:spMkLst>
            <pc:docMk/>
            <pc:sldMk cId="2376958513" sldId="260"/>
            <ac:spMk id="9658" creationId="{6742A989-8FBE-1897-0BCC-17F348495466}"/>
          </ac:spMkLst>
        </pc:spChg>
        <pc:spChg chg="mod">
          <ac:chgData name="White, Alex" userId="eff6cc8c-37d8-483b-9c6c-6b27e9afa9bc" providerId="ADAL" clId="{BF04C754-5BF4-4E83-9615-DB14FA25AF8A}" dt="2023-10-12T11:38:20.867" v="298"/>
          <ac:spMkLst>
            <pc:docMk/>
            <pc:sldMk cId="2376958513" sldId="260"/>
            <ac:spMk id="9659" creationId="{2C16D53D-E497-A6A8-15E6-9DFB6C8BED18}"/>
          </ac:spMkLst>
        </pc:spChg>
        <pc:spChg chg="mod">
          <ac:chgData name="White, Alex" userId="eff6cc8c-37d8-483b-9c6c-6b27e9afa9bc" providerId="ADAL" clId="{BF04C754-5BF4-4E83-9615-DB14FA25AF8A}" dt="2023-10-12T11:38:20.867" v="298"/>
          <ac:spMkLst>
            <pc:docMk/>
            <pc:sldMk cId="2376958513" sldId="260"/>
            <ac:spMk id="9660" creationId="{63F4A3A5-6E5A-1AFC-30BE-4205A8615440}"/>
          </ac:spMkLst>
        </pc:spChg>
        <pc:spChg chg="mod">
          <ac:chgData name="White, Alex" userId="eff6cc8c-37d8-483b-9c6c-6b27e9afa9bc" providerId="ADAL" clId="{BF04C754-5BF4-4E83-9615-DB14FA25AF8A}" dt="2023-10-12T11:38:20.867" v="298"/>
          <ac:spMkLst>
            <pc:docMk/>
            <pc:sldMk cId="2376958513" sldId="260"/>
            <ac:spMk id="9661" creationId="{57046C78-514F-F2AE-8266-ACF605977EBD}"/>
          </ac:spMkLst>
        </pc:spChg>
        <pc:spChg chg="mod">
          <ac:chgData name="White, Alex" userId="eff6cc8c-37d8-483b-9c6c-6b27e9afa9bc" providerId="ADAL" clId="{BF04C754-5BF4-4E83-9615-DB14FA25AF8A}" dt="2023-10-12T11:38:20.867" v="298"/>
          <ac:spMkLst>
            <pc:docMk/>
            <pc:sldMk cId="2376958513" sldId="260"/>
            <ac:spMk id="9662" creationId="{7B04EDC8-022C-FA9D-25D8-88347573577D}"/>
          </ac:spMkLst>
        </pc:spChg>
        <pc:spChg chg="mod">
          <ac:chgData name="White, Alex" userId="eff6cc8c-37d8-483b-9c6c-6b27e9afa9bc" providerId="ADAL" clId="{BF04C754-5BF4-4E83-9615-DB14FA25AF8A}" dt="2023-10-12T11:38:20.867" v="298"/>
          <ac:spMkLst>
            <pc:docMk/>
            <pc:sldMk cId="2376958513" sldId="260"/>
            <ac:spMk id="9663" creationId="{5C73C9DD-BBE0-C1F6-8E22-278C11F2B453}"/>
          </ac:spMkLst>
        </pc:spChg>
        <pc:spChg chg="mod">
          <ac:chgData name="White, Alex" userId="eff6cc8c-37d8-483b-9c6c-6b27e9afa9bc" providerId="ADAL" clId="{BF04C754-5BF4-4E83-9615-DB14FA25AF8A}" dt="2023-10-12T11:38:20.867" v="298"/>
          <ac:spMkLst>
            <pc:docMk/>
            <pc:sldMk cId="2376958513" sldId="260"/>
            <ac:spMk id="9664" creationId="{324B6E56-C170-C6F9-3892-8171FF2CBF5B}"/>
          </ac:spMkLst>
        </pc:spChg>
        <pc:spChg chg="mod">
          <ac:chgData name="White, Alex" userId="eff6cc8c-37d8-483b-9c6c-6b27e9afa9bc" providerId="ADAL" clId="{BF04C754-5BF4-4E83-9615-DB14FA25AF8A}" dt="2023-10-12T11:38:20.867" v="298"/>
          <ac:spMkLst>
            <pc:docMk/>
            <pc:sldMk cId="2376958513" sldId="260"/>
            <ac:spMk id="9665" creationId="{E7DA7788-7FF7-B077-1C75-0AB140E0A200}"/>
          </ac:spMkLst>
        </pc:spChg>
        <pc:spChg chg="mod">
          <ac:chgData name="White, Alex" userId="eff6cc8c-37d8-483b-9c6c-6b27e9afa9bc" providerId="ADAL" clId="{BF04C754-5BF4-4E83-9615-DB14FA25AF8A}" dt="2023-10-12T11:38:20.867" v="298"/>
          <ac:spMkLst>
            <pc:docMk/>
            <pc:sldMk cId="2376958513" sldId="260"/>
            <ac:spMk id="9677" creationId="{9712CC9D-C553-DA71-1A40-3AAA171E521B}"/>
          </ac:spMkLst>
        </pc:spChg>
        <pc:spChg chg="mod">
          <ac:chgData name="White, Alex" userId="eff6cc8c-37d8-483b-9c6c-6b27e9afa9bc" providerId="ADAL" clId="{BF04C754-5BF4-4E83-9615-DB14FA25AF8A}" dt="2023-10-12T11:38:20.867" v="298"/>
          <ac:spMkLst>
            <pc:docMk/>
            <pc:sldMk cId="2376958513" sldId="260"/>
            <ac:spMk id="9678" creationId="{AD9FFB43-FEE7-85F9-4BC3-A2DC016EF410}"/>
          </ac:spMkLst>
        </pc:spChg>
        <pc:spChg chg="mod">
          <ac:chgData name="White, Alex" userId="eff6cc8c-37d8-483b-9c6c-6b27e9afa9bc" providerId="ADAL" clId="{BF04C754-5BF4-4E83-9615-DB14FA25AF8A}" dt="2023-10-12T11:38:20.867" v="298"/>
          <ac:spMkLst>
            <pc:docMk/>
            <pc:sldMk cId="2376958513" sldId="260"/>
            <ac:spMk id="9679" creationId="{5A2532E7-3528-73DC-42D9-3BA0B9D858BE}"/>
          </ac:spMkLst>
        </pc:spChg>
        <pc:spChg chg="mod">
          <ac:chgData name="White, Alex" userId="eff6cc8c-37d8-483b-9c6c-6b27e9afa9bc" providerId="ADAL" clId="{BF04C754-5BF4-4E83-9615-DB14FA25AF8A}" dt="2023-10-12T11:38:20.867" v="298"/>
          <ac:spMkLst>
            <pc:docMk/>
            <pc:sldMk cId="2376958513" sldId="260"/>
            <ac:spMk id="9680" creationId="{B2ECC992-138D-18C3-754C-48C1455DE280}"/>
          </ac:spMkLst>
        </pc:spChg>
        <pc:spChg chg="mod">
          <ac:chgData name="White, Alex" userId="eff6cc8c-37d8-483b-9c6c-6b27e9afa9bc" providerId="ADAL" clId="{BF04C754-5BF4-4E83-9615-DB14FA25AF8A}" dt="2023-10-12T11:38:20.867" v="298"/>
          <ac:spMkLst>
            <pc:docMk/>
            <pc:sldMk cId="2376958513" sldId="260"/>
            <ac:spMk id="9681" creationId="{BE5C6B73-4888-A65E-DF62-856198FA3F8F}"/>
          </ac:spMkLst>
        </pc:spChg>
        <pc:spChg chg="mod">
          <ac:chgData name="White, Alex" userId="eff6cc8c-37d8-483b-9c6c-6b27e9afa9bc" providerId="ADAL" clId="{BF04C754-5BF4-4E83-9615-DB14FA25AF8A}" dt="2023-10-12T11:38:20.867" v="298"/>
          <ac:spMkLst>
            <pc:docMk/>
            <pc:sldMk cId="2376958513" sldId="260"/>
            <ac:spMk id="9682" creationId="{F8BF025C-7CFB-2995-A0A3-9E4C3809A1BD}"/>
          </ac:spMkLst>
        </pc:spChg>
        <pc:spChg chg="mod">
          <ac:chgData name="White, Alex" userId="eff6cc8c-37d8-483b-9c6c-6b27e9afa9bc" providerId="ADAL" clId="{BF04C754-5BF4-4E83-9615-DB14FA25AF8A}" dt="2023-10-12T11:38:20.867" v="298"/>
          <ac:spMkLst>
            <pc:docMk/>
            <pc:sldMk cId="2376958513" sldId="260"/>
            <ac:spMk id="9683" creationId="{475621BB-D09B-2E81-D821-EA140031084B}"/>
          </ac:spMkLst>
        </pc:spChg>
        <pc:spChg chg="mod">
          <ac:chgData name="White, Alex" userId="eff6cc8c-37d8-483b-9c6c-6b27e9afa9bc" providerId="ADAL" clId="{BF04C754-5BF4-4E83-9615-DB14FA25AF8A}" dt="2023-10-12T11:38:20.867" v="298"/>
          <ac:spMkLst>
            <pc:docMk/>
            <pc:sldMk cId="2376958513" sldId="260"/>
            <ac:spMk id="9684" creationId="{03CE9A04-CB8B-BB34-373E-316AA950F7AD}"/>
          </ac:spMkLst>
        </pc:spChg>
        <pc:spChg chg="mod">
          <ac:chgData name="White, Alex" userId="eff6cc8c-37d8-483b-9c6c-6b27e9afa9bc" providerId="ADAL" clId="{BF04C754-5BF4-4E83-9615-DB14FA25AF8A}" dt="2023-10-12T11:38:20.867" v="298"/>
          <ac:spMkLst>
            <pc:docMk/>
            <pc:sldMk cId="2376958513" sldId="260"/>
            <ac:spMk id="9685" creationId="{3B697EE4-7A60-3C27-C049-ECA0AF9F0F67}"/>
          </ac:spMkLst>
        </pc:spChg>
        <pc:spChg chg="mod">
          <ac:chgData name="White, Alex" userId="eff6cc8c-37d8-483b-9c6c-6b27e9afa9bc" providerId="ADAL" clId="{BF04C754-5BF4-4E83-9615-DB14FA25AF8A}" dt="2023-10-12T11:38:20.867" v="298"/>
          <ac:spMkLst>
            <pc:docMk/>
            <pc:sldMk cId="2376958513" sldId="260"/>
            <ac:spMk id="9686" creationId="{C44DACDD-E60F-F078-3439-19BC7C581A50}"/>
          </ac:spMkLst>
        </pc:spChg>
        <pc:spChg chg="mod">
          <ac:chgData name="White, Alex" userId="eff6cc8c-37d8-483b-9c6c-6b27e9afa9bc" providerId="ADAL" clId="{BF04C754-5BF4-4E83-9615-DB14FA25AF8A}" dt="2023-10-12T11:38:20.867" v="298"/>
          <ac:spMkLst>
            <pc:docMk/>
            <pc:sldMk cId="2376958513" sldId="260"/>
            <ac:spMk id="9687" creationId="{5173CE2E-4541-677E-C54C-34E99F95298C}"/>
          </ac:spMkLst>
        </pc:spChg>
        <pc:spChg chg="mod">
          <ac:chgData name="White, Alex" userId="eff6cc8c-37d8-483b-9c6c-6b27e9afa9bc" providerId="ADAL" clId="{BF04C754-5BF4-4E83-9615-DB14FA25AF8A}" dt="2023-10-12T11:38:20.867" v="298"/>
          <ac:spMkLst>
            <pc:docMk/>
            <pc:sldMk cId="2376958513" sldId="260"/>
            <ac:spMk id="9688" creationId="{B4E35F43-A681-B357-FDBD-EBC8486A546F}"/>
          </ac:spMkLst>
        </pc:spChg>
        <pc:spChg chg="mod">
          <ac:chgData name="White, Alex" userId="eff6cc8c-37d8-483b-9c6c-6b27e9afa9bc" providerId="ADAL" clId="{BF04C754-5BF4-4E83-9615-DB14FA25AF8A}" dt="2023-10-12T11:38:20.867" v="298"/>
          <ac:spMkLst>
            <pc:docMk/>
            <pc:sldMk cId="2376958513" sldId="260"/>
            <ac:spMk id="9689" creationId="{BDF3F5A4-D5F2-A993-D7A2-DE803EF297B3}"/>
          </ac:spMkLst>
        </pc:spChg>
        <pc:spChg chg="mod">
          <ac:chgData name="White, Alex" userId="eff6cc8c-37d8-483b-9c6c-6b27e9afa9bc" providerId="ADAL" clId="{BF04C754-5BF4-4E83-9615-DB14FA25AF8A}" dt="2023-10-12T11:38:20.867" v="298"/>
          <ac:spMkLst>
            <pc:docMk/>
            <pc:sldMk cId="2376958513" sldId="260"/>
            <ac:spMk id="9690" creationId="{B3E613D2-7F90-921C-EA14-8CC6324B09C8}"/>
          </ac:spMkLst>
        </pc:spChg>
        <pc:spChg chg="mod">
          <ac:chgData name="White, Alex" userId="eff6cc8c-37d8-483b-9c6c-6b27e9afa9bc" providerId="ADAL" clId="{BF04C754-5BF4-4E83-9615-DB14FA25AF8A}" dt="2023-10-12T11:38:20.867" v="298"/>
          <ac:spMkLst>
            <pc:docMk/>
            <pc:sldMk cId="2376958513" sldId="260"/>
            <ac:spMk id="9691" creationId="{9AA2C8E4-B39C-378D-ECE1-ADFD6035C8A7}"/>
          </ac:spMkLst>
        </pc:spChg>
        <pc:spChg chg="mod">
          <ac:chgData name="White, Alex" userId="eff6cc8c-37d8-483b-9c6c-6b27e9afa9bc" providerId="ADAL" clId="{BF04C754-5BF4-4E83-9615-DB14FA25AF8A}" dt="2023-10-12T11:38:20.867" v="298"/>
          <ac:spMkLst>
            <pc:docMk/>
            <pc:sldMk cId="2376958513" sldId="260"/>
            <ac:spMk id="9692" creationId="{215ABF05-8B81-5449-5145-D2F883D565FC}"/>
          </ac:spMkLst>
        </pc:spChg>
        <pc:spChg chg="mod">
          <ac:chgData name="White, Alex" userId="eff6cc8c-37d8-483b-9c6c-6b27e9afa9bc" providerId="ADAL" clId="{BF04C754-5BF4-4E83-9615-DB14FA25AF8A}" dt="2023-10-12T11:38:20.867" v="298"/>
          <ac:spMkLst>
            <pc:docMk/>
            <pc:sldMk cId="2376958513" sldId="260"/>
            <ac:spMk id="9693" creationId="{715CD4C4-F3F1-7631-3B30-1E0AF3B69579}"/>
          </ac:spMkLst>
        </pc:spChg>
        <pc:spChg chg="mod">
          <ac:chgData name="White, Alex" userId="eff6cc8c-37d8-483b-9c6c-6b27e9afa9bc" providerId="ADAL" clId="{BF04C754-5BF4-4E83-9615-DB14FA25AF8A}" dt="2023-10-12T11:38:20.867" v="298"/>
          <ac:spMkLst>
            <pc:docMk/>
            <pc:sldMk cId="2376958513" sldId="260"/>
            <ac:spMk id="9694" creationId="{E2A18C41-EDEC-9443-D0AD-4B8B62A4D664}"/>
          </ac:spMkLst>
        </pc:spChg>
        <pc:spChg chg="mod">
          <ac:chgData name="White, Alex" userId="eff6cc8c-37d8-483b-9c6c-6b27e9afa9bc" providerId="ADAL" clId="{BF04C754-5BF4-4E83-9615-DB14FA25AF8A}" dt="2023-10-12T11:38:20.867" v="298"/>
          <ac:spMkLst>
            <pc:docMk/>
            <pc:sldMk cId="2376958513" sldId="260"/>
            <ac:spMk id="9695" creationId="{CE290FB2-B60D-3DFC-99AA-AC2E117BC3DE}"/>
          </ac:spMkLst>
        </pc:spChg>
        <pc:spChg chg="mod">
          <ac:chgData name="White, Alex" userId="eff6cc8c-37d8-483b-9c6c-6b27e9afa9bc" providerId="ADAL" clId="{BF04C754-5BF4-4E83-9615-DB14FA25AF8A}" dt="2023-10-12T11:38:20.867" v="298"/>
          <ac:spMkLst>
            <pc:docMk/>
            <pc:sldMk cId="2376958513" sldId="260"/>
            <ac:spMk id="9696" creationId="{2AD8798B-D657-324D-1631-947733C0BB96}"/>
          </ac:spMkLst>
        </pc:spChg>
        <pc:spChg chg="mod">
          <ac:chgData name="White, Alex" userId="eff6cc8c-37d8-483b-9c6c-6b27e9afa9bc" providerId="ADAL" clId="{BF04C754-5BF4-4E83-9615-DB14FA25AF8A}" dt="2023-10-12T11:38:20.867" v="298"/>
          <ac:spMkLst>
            <pc:docMk/>
            <pc:sldMk cId="2376958513" sldId="260"/>
            <ac:spMk id="9697" creationId="{6AEE4E2F-9603-B1F6-41B4-0A61AD8880AE}"/>
          </ac:spMkLst>
        </pc:spChg>
        <pc:spChg chg="mod">
          <ac:chgData name="White, Alex" userId="eff6cc8c-37d8-483b-9c6c-6b27e9afa9bc" providerId="ADAL" clId="{BF04C754-5BF4-4E83-9615-DB14FA25AF8A}" dt="2023-10-12T11:38:20.867" v="298"/>
          <ac:spMkLst>
            <pc:docMk/>
            <pc:sldMk cId="2376958513" sldId="260"/>
            <ac:spMk id="9698" creationId="{F897EF76-E0CF-9E8C-662C-C4B7211A0DDC}"/>
          </ac:spMkLst>
        </pc:spChg>
        <pc:spChg chg="mod">
          <ac:chgData name="White, Alex" userId="eff6cc8c-37d8-483b-9c6c-6b27e9afa9bc" providerId="ADAL" clId="{BF04C754-5BF4-4E83-9615-DB14FA25AF8A}" dt="2023-10-12T11:38:20.867" v="298"/>
          <ac:spMkLst>
            <pc:docMk/>
            <pc:sldMk cId="2376958513" sldId="260"/>
            <ac:spMk id="9699" creationId="{D06E8408-66E6-EDCC-90E6-CFCD4DD1DF36}"/>
          </ac:spMkLst>
        </pc:spChg>
        <pc:spChg chg="mod">
          <ac:chgData name="White, Alex" userId="eff6cc8c-37d8-483b-9c6c-6b27e9afa9bc" providerId="ADAL" clId="{BF04C754-5BF4-4E83-9615-DB14FA25AF8A}" dt="2023-10-12T11:38:20.867" v="298"/>
          <ac:spMkLst>
            <pc:docMk/>
            <pc:sldMk cId="2376958513" sldId="260"/>
            <ac:spMk id="9700" creationId="{21273665-A502-FD6A-8640-5F7E785C53C6}"/>
          </ac:spMkLst>
        </pc:spChg>
        <pc:spChg chg="mod">
          <ac:chgData name="White, Alex" userId="eff6cc8c-37d8-483b-9c6c-6b27e9afa9bc" providerId="ADAL" clId="{BF04C754-5BF4-4E83-9615-DB14FA25AF8A}" dt="2023-10-12T11:38:20.867" v="298"/>
          <ac:spMkLst>
            <pc:docMk/>
            <pc:sldMk cId="2376958513" sldId="260"/>
            <ac:spMk id="9701" creationId="{1355B83A-5959-9BFA-9E40-62B74D67ED9D}"/>
          </ac:spMkLst>
        </pc:spChg>
        <pc:spChg chg="mod">
          <ac:chgData name="White, Alex" userId="eff6cc8c-37d8-483b-9c6c-6b27e9afa9bc" providerId="ADAL" clId="{BF04C754-5BF4-4E83-9615-DB14FA25AF8A}" dt="2023-10-12T11:38:20.867" v="298"/>
          <ac:spMkLst>
            <pc:docMk/>
            <pc:sldMk cId="2376958513" sldId="260"/>
            <ac:spMk id="9702" creationId="{5C572DA6-5DAD-A509-EDD6-C496E1011A6C}"/>
          </ac:spMkLst>
        </pc:spChg>
        <pc:spChg chg="mod">
          <ac:chgData name="White, Alex" userId="eff6cc8c-37d8-483b-9c6c-6b27e9afa9bc" providerId="ADAL" clId="{BF04C754-5BF4-4E83-9615-DB14FA25AF8A}" dt="2023-10-12T11:38:20.867" v="298"/>
          <ac:spMkLst>
            <pc:docMk/>
            <pc:sldMk cId="2376958513" sldId="260"/>
            <ac:spMk id="9703" creationId="{02B6AB62-6FDB-7C5F-44A2-94E71126A486}"/>
          </ac:spMkLst>
        </pc:spChg>
        <pc:spChg chg="mod">
          <ac:chgData name="White, Alex" userId="eff6cc8c-37d8-483b-9c6c-6b27e9afa9bc" providerId="ADAL" clId="{BF04C754-5BF4-4E83-9615-DB14FA25AF8A}" dt="2023-10-12T11:38:20.867" v="298"/>
          <ac:spMkLst>
            <pc:docMk/>
            <pc:sldMk cId="2376958513" sldId="260"/>
            <ac:spMk id="9704" creationId="{3B26578F-9C5A-1B7C-D371-EDEAA0E118DA}"/>
          </ac:spMkLst>
        </pc:spChg>
        <pc:spChg chg="mod">
          <ac:chgData name="White, Alex" userId="eff6cc8c-37d8-483b-9c6c-6b27e9afa9bc" providerId="ADAL" clId="{BF04C754-5BF4-4E83-9615-DB14FA25AF8A}" dt="2023-10-12T11:38:20.867" v="298"/>
          <ac:spMkLst>
            <pc:docMk/>
            <pc:sldMk cId="2376958513" sldId="260"/>
            <ac:spMk id="9705" creationId="{A9DC1AED-456D-36C6-0522-9CB4F8D3E20F}"/>
          </ac:spMkLst>
        </pc:spChg>
        <pc:spChg chg="mod">
          <ac:chgData name="White, Alex" userId="eff6cc8c-37d8-483b-9c6c-6b27e9afa9bc" providerId="ADAL" clId="{BF04C754-5BF4-4E83-9615-DB14FA25AF8A}" dt="2023-10-12T11:38:20.867" v="298"/>
          <ac:spMkLst>
            <pc:docMk/>
            <pc:sldMk cId="2376958513" sldId="260"/>
            <ac:spMk id="9706" creationId="{2BF6C14B-09DB-DF1A-1F7A-5E405E9B9DAD}"/>
          </ac:spMkLst>
        </pc:spChg>
        <pc:spChg chg="mod">
          <ac:chgData name="White, Alex" userId="eff6cc8c-37d8-483b-9c6c-6b27e9afa9bc" providerId="ADAL" clId="{BF04C754-5BF4-4E83-9615-DB14FA25AF8A}" dt="2023-10-12T11:38:20.867" v="298"/>
          <ac:spMkLst>
            <pc:docMk/>
            <pc:sldMk cId="2376958513" sldId="260"/>
            <ac:spMk id="9707" creationId="{CAB4F083-515F-E3EF-6AB4-7B50771B123E}"/>
          </ac:spMkLst>
        </pc:spChg>
        <pc:spChg chg="mod">
          <ac:chgData name="White, Alex" userId="eff6cc8c-37d8-483b-9c6c-6b27e9afa9bc" providerId="ADAL" clId="{BF04C754-5BF4-4E83-9615-DB14FA25AF8A}" dt="2023-10-12T11:38:20.867" v="298"/>
          <ac:spMkLst>
            <pc:docMk/>
            <pc:sldMk cId="2376958513" sldId="260"/>
            <ac:spMk id="9708" creationId="{C75926E2-200B-FE65-2255-29D128ED527E}"/>
          </ac:spMkLst>
        </pc:spChg>
        <pc:spChg chg="mod">
          <ac:chgData name="White, Alex" userId="eff6cc8c-37d8-483b-9c6c-6b27e9afa9bc" providerId="ADAL" clId="{BF04C754-5BF4-4E83-9615-DB14FA25AF8A}" dt="2023-10-12T11:38:20.867" v="298"/>
          <ac:spMkLst>
            <pc:docMk/>
            <pc:sldMk cId="2376958513" sldId="260"/>
            <ac:spMk id="9709" creationId="{8CA2BEF7-ABA3-BCB0-4D0B-C24106F74222}"/>
          </ac:spMkLst>
        </pc:spChg>
        <pc:spChg chg="mod">
          <ac:chgData name="White, Alex" userId="eff6cc8c-37d8-483b-9c6c-6b27e9afa9bc" providerId="ADAL" clId="{BF04C754-5BF4-4E83-9615-DB14FA25AF8A}" dt="2023-10-12T11:38:20.867" v="298"/>
          <ac:spMkLst>
            <pc:docMk/>
            <pc:sldMk cId="2376958513" sldId="260"/>
            <ac:spMk id="9710" creationId="{0756EDF3-C468-B7AC-25D0-ADF193F57874}"/>
          </ac:spMkLst>
        </pc:spChg>
        <pc:spChg chg="mod">
          <ac:chgData name="White, Alex" userId="eff6cc8c-37d8-483b-9c6c-6b27e9afa9bc" providerId="ADAL" clId="{BF04C754-5BF4-4E83-9615-DB14FA25AF8A}" dt="2023-10-12T11:38:20.867" v="298"/>
          <ac:spMkLst>
            <pc:docMk/>
            <pc:sldMk cId="2376958513" sldId="260"/>
            <ac:spMk id="9711" creationId="{2EEE40F8-2997-0803-6091-B377B92F61BB}"/>
          </ac:spMkLst>
        </pc:spChg>
        <pc:spChg chg="mod">
          <ac:chgData name="White, Alex" userId="eff6cc8c-37d8-483b-9c6c-6b27e9afa9bc" providerId="ADAL" clId="{BF04C754-5BF4-4E83-9615-DB14FA25AF8A}" dt="2023-10-12T11:38:20.867" v="298"/>
          <ac:spMkLst>
            <pc:docMk/>
            <pc:sldMk cId="2376958513" sldId="260"/>
            <ac:spMk id="9712" creationId="{1211ACDB-F415-06CF-2C6C-EFD7F1BE1A46}"/>
          </ac:spMkLst>
        </pc:spChg>
        <pc:spChg chg="mod">
          <ac:chgData name="White, Alex" userId="eff6cc8c-37d8-483b-9c6c-6b27e9afa9bc" providerId="ADAL" clId="{BF04C754-5BF4-4E83-9615-DB14FA25AF8A}" dt="2023-10-12T11:38:20.867" v="298"/>
          <ac:spMkLst>
            <pc:docMk/>
            <pc:sldMk cId="2376958513" sldId="260"/>
            <ac:spMk id="9713" creationId="{02DE7C47-2AFF-6F1C-28C9-C91F999CD10A}"/>
          </ac:spMkLst>
        </pc:spChg>
        <pc:spChg chg="mod">
          <ac:chgData name="White, Alex" userId="eff6cc8c-37d8-483b-9c6c-6b27e9afa9bc" providerId="ADAL" clId="{BF04C754-5BF4-4E83-9615-DB14FA25AF8A}" dt="2023-10-12T11:38:20.867" v="298"/>
          <ac:spMkLst>
            <pc:docMk/>
            <pc:sldMk cId="2376958513" sldId="260"/>
            <ac:spMk id="9714" creationId="{EC758F67-0BBC-9613-FEF6-8CC02C9D2DC0}"/>
          </ac:spMkLst>
        </pc:spChg>
        <pc:spChg chg="mod">
          <ac:chgData name="White, Alex" userId="eff6cc8c-37d8-483b-9c6c-6b27e9afa9bc" providerId="ADAL" clId="{BF04C754-5BF4-4E83-9615-DB14FA25AF8A}" dt="2023-10-12T11:38:20.867" v="298"/>
          <ac:spMkLst>
            <pc:docMk/>
            <pc:sldMk cId="2376958513" sldId="260"/>
            <ac:spMk id="9715" creationId="{E9631CB7-425F-8CCE-5395-4363961019C0}"/>
          </ac:spMkLst>
        </pc:spChg>
        <pc:spChg chg="mod">
          <ac:chgData name="White, Alex" userId="eff6cc8c-37d8-483b-9c6c-6b27e9afa9bc" providerId="ADAL" clId="{BF04C754-5BF4-4E83-9615-DB14FA25AF8A}" dt="2023-10-12T11:38:20.867" v="298"/>
          <ac:spMkLst>
            <pc:docMk/>
            <pc:sldMk cId="2376958513" sldId="260"/>
            <ac:spMk id="9716" creationId="{BB188C2B-909C-9090-CE15-E85CB197AAB3}"/>
          </ac:spMkLst>
        </pc:spChg>
        <pc:spChg chg="mod">
          <ac:chgData name="White, Alex" userId="eff6cc8c-37d8-483b-9c6c-6b27e9afa9bc" providerId="ADAL" clId="{BF04C754-5BF4-4E83-9615-DB14FA25AF8A}" dt="2023-10-12T11:38:20.867" v="298"/>
          <ac:spMkLst>
            <pc:docMk/>
            <pc:sldMk cId="2376958513" sldId="260"/>
            <ac:spMk id="9717" creationId="{1C64D614-275F-7EBE-6AAC-983B76F9823F}"/>
          </ac:spMkLst>
        </pc:spChg>
        <pc:spChg chg="mod">
          <ac:chgData name="White, Alex" userId="eff6cc8c-37d8-483b-9c6c-6b27e9afa9bc" providerId="ADAL" clId="{BF04C754-5BF4-4E83-9615-DB14FA25AF8A}" dt="2023-10-12T11:38:20.867" v="298"/>
          <ac:spMkLst>
            <pc:docMk/>
            <pc:sldMk cId="2376958513" sldId="260"/>
            <ac:spMk id="9718" creationId="{0C6069B9-09E5-B7DA-1F12-17F04B1E58DE}"/>
          </ac:spMkLst>
        </pc:spChg>
        <pc:spChg chg="mod">
          <ac:chgData name="White, Alex" userId="eff6cc8c-37d8-483b-9c6c-6b27e9afa9bc" providerId="ADAL" clId="{BF04C754-5BF4-4E83-9615-DB14FA25AF8A}" dt="2023-10-12T11:38:20.867" v="298"/>
          <ac:spMkLst>
            <pc:docMk/>
            <pc:sldMk cId="2376958513" sldId="260"/>
            <ac:spMk id="9719" creationId="{99F8E6D6-355A-414D-757C-72954261CD45}"/>
          </ac:spMkLst>
        </pc:spChg>
        <pc:spChg chg="mod">
          <ac:chgData name="White, Alex" userId="eff6cc8c-37d8-483b-9c6c-6b27e9afa9bc" providerId="ADAL" clId="{BF04C754-5BF4-4E83-9615-DB14FA25AF8A}" dt="2023-10-12T11:38:20.867" v="298"/>
          <ac:spMkLst>
            <pc:docMk/>
            <pc:sldMk cId="2376958513" sldId="260"/>
            <ac:spMk id="9720" creationId="{3494F054-1A38-DBE2-4C04-CBEE889793D5}"/>
          </ac:spMkLst>
        </pc:spChg>
        <pc:spChg chg="mod">
          <ac:chgData name="White, Alex" userId="eff6cc8c-37d8-483b-9c6c-6b27e9afa9bc" providerId="ADAL" clId="{BF04C754-5BF4-4E83-9615-DB14FA25AF8A}" dt="2023-10-12T11:38:20.867" v="298"/>
          <ac:spMkLst>
            <pc:docMk/>
            <pc:sldMk cId="2376958513" sldId="260"/>
            <ac:spMk id="9721" creationId="{3327CA7F-046F-AE8A-F5D7-3D613BDB88C9}"/>
          </ac:spMkLst>
        </pc:spChg>
        <pc:spChg chg="mod">
          <ac:chgData name="White, Alex" userId="eff6cc8c-37d8-483b-9c6c-6b27e9afa9bc" providerId="ADAL" clId="{BF04C754-5BF4-4E83-9615-DB14FA25AF8A}" dt="2023-10-12T11:38:20.867" v="298"/>
          <ac:spMkLst>
            <pc:docMk/>
            <pc:sldMk cId="2376958513" sldId="260"/>
            <ac:spMk id="9722" creationId="{3271DE11-C36C-E70C-5907-46C33B036DB6}"/>
          </ac:spMkLst>
        </pc:spChg>
        <pc:spChg chg="mod">
          <ac:chgData name="White, Alex" userId="eff6cc8c-37d8-483b-9c6c-6b27e9afa9bc" providerId="ADAL" clId="{BF04C754-5BF4-4E83-9615-DB14FA25AF8A}" dt="2023-10-12T11:38:20.867" v="298"/>
          <ac:spMkLst>
            <pc:docMk/>
            <pc:sldMk cId="2376958513" sldId="260"/>
            <ac:spMk id="9723" creationId="{DDC4CC9E-3EE2-71D0-D53D-7E10409931C2}"/>
          </ac:spMkLst>
        </pc:spChg>
        <pc:spChg chg="mod">
          <ac:chgData name="White, Alex" userId="eff6cc8c-37d8-483b-9c6c-6b27e9afa9bc" providerId="ADAL" clId="{BF04C754-5BF4-4E83-9615-DB14FA25AF8A}" dt="2023-10-12T11:38:20.867" v="298"/>
          <ac:spMkLst>
            <pc:docMk/>
            <pc:sldMk cId="2376958513" sldId="260"/>
            <ac:spMk id="9724" creationId="{55EFD9E7-A2A6-4322-148F-B5C22B90AA74}"/>
          </ac:spMkLst>
        </pc:spChg>
        <pc:spChg chg="mod">
          <ac:chgData name="White, Alex" userId="eff6cc8c-37d8-483b-9c6c-6b27e9afa9bc" providerId="ADAL" clId="{BF04C754-5BF4-4E83-9615-DB14FA25AF8A}" dt="2023-10-12T11:38:20.867" v="298"/>
          <ac:spMkLst>
            <pc:docMk/>
            <pc:sldMk cId="2376958513" sldId="260"/>
            <ac:spMk id="9725" creationId="{C24BC19D-9A2B-F4C9-8399-1C676C90BED0}"/>
          </ac:spMkLst>
        </pc:spChg>
        <pc:spChg chg="mod">
          <ac:chgData name="White, Alex" userId="eff6cc8c-37d8-483b-9c6c-6b27e9afa9bc" providerId="ADAL" clId="{BF04C754-5BF4-4E83-9615-DB14FA25AF8A}" dt="2023-10-12T11:38:20.867" v="298"/>
          <ac:spMkLst>
            <pc:docMk/>
            <pc:sldMk cId="2376958513" sldId="260"/>
            <ac:spMk id="9726" creationId="{1CECF09D-A8CA-8FA2-AE37-66F15A51B2F6}"/>
          </ac:spMkLst>
        </pc:spChg>
        <pc:spChg chg="mod">
          <ac:chgData name="White, Alex" userId="eff6cc8c-37d8-483b-9c6c-6b27e9afa9bc" providerId="ADAL" clId="{BF04C754-5BF4-4E83-9615-DB14FA25AF8A}" dt="2023-10-12T11:38:20.867" v="298"/>
          <ac:spMkLst>
            <pc:docMk/>
            <pc:sldMk cId="2376958513" sldId="260"/>
            <ac:spMk id="9727" creationId="{DE8547E9-E1BE-15AA-0513-F21B9F4F1DC6}"/>
          </ac:spMkLst>
        </pc:spChg>
        <pc:spChg chg="mod">
          <ac:chgData name="White, Alex" userId="eff6cc8c-37d8-483b-9c6c-6b27e9afa9bc" providerId="ADAL" clId="{BF04C754-5BF4-4E83-9615-DB14FA25AF8A}" dt="2023-10-12T11:38:20.867" v="298"/>
          <ac:spMkLst>
            <pc:docMk/>
            <pc:sldMk cId="2376958513" sldId="260"/>
            <ac:spMk id="9728" creationId="{EA4D742A-95DD-C078-7CD8-F1749020994A}"/>
          </ac:spMkLst>
        </pc:spChg>
        <pc:spChg chg="mod">
          <ac:chgData name="White, Alex" userId="eff6cc8c-37d8-483b-9c6c-6b27e9afa9bc" providerId="ADAL" clId="{BF04C754-5BF4-4E83-9615-DB14FA25AF8A}" dt="2023-10-12T11:38:20.867" v="298"/>
          <ac:spMkLst>
            <pc:docMk/>
            <pc:sldMk cId="2376958513" sldId="260"/>
            <ac:spMk id="9729" creationId="{4D7CEBA4-FD4E-CB0D-8B7B-0B99AF78C067}"/>
          </ac:spMkLst>
        </pc:spChg>
        <pc:spChg chg="mod">
          <ac:chgData name="White, Alex" userId="eff6cc8c-37d8-483b-9c6c-6b27e9afa9bc" providerId="ADAL" clId="{BF04C754-5BF4-4E83-9615-DB14FA25AF8A}" dt="2023-10-12T11:38:20.867" v="298"/>
          <ac:spMkLst>
            <pc:docMk/>
            <pc:sldMk cId="2376958513" sldId="260"/>
            <ac:spMk id="9730" creationId="{345FBA6F-13C4-6228-4BC6-E67DD77F2DA8}"/>
          </ac:spMkLst>
        </pc:spChg>
        <pc:spChg chg="mod">
          <ac:chgData name="White, Alex" userId="eff6cc8c-37d8-483b-9c6c-6b27e9afa9bc" providerId="ADAL" clId="{BF04C754-5BF4-4E83-9615-DB14FA25AF8A}" dt="2023-10-12T11:38:20.867" v="298"/>
          <ac:spMkLst>
            <pc:docMk/>
            <pc:sldMk cId="2376958513" sldId="260"/>
            <ac:spMk id="9731" creationId="{4C8DDFD0-63CE-6557-2030-65CA7EA61DB1}"/>
          </ac:spMkLst>
        </pc:spChg>
        <pc:spChg chg="mod">
          <ac:chgData name="White, Alex" userId="eff6cc8c-37d8-483b-9c6c-6b27e9afa9bc" providerId="ADAL" clId="{BF04C754-5BF4-4E83-9615-DB14FA25AF8A}" dt="2023-10-12T11:38:20.867" v="298"/>
          <ac:spMkLst>
            <pc:docMk/>
            <pc:sldMk cId="2376958513" sldId="260"/>
            <ac:spMk id="9732" creationId="{765B6AC6-0AC7-0D1B-0BB1-096A11072F48}"/>
          </ac:spMkLst>
        </pc:spChg>
        <pc:spChg chg="mod">
          <ac:chgData name="White, Alex" userId="eff6cc8c-37d8-483b-9c6c-6b27e9afa9bc" providerId="ADAL" clId="{BF04C754-5BF4-4E83-9615-DB14FA25AF8A}" dt="2023-10-12T11:38:20.867" v="298"/>
          <ac:spMkLst>
            <pc:docMk/>
            <pc:sldMk cId="2376958513" sldId="260"/>
            <ac:spMk id="9733" creationId="{B9BCF932-B11B-9F0E-D9D0-9C6595BAD3E8}"/>
          </ac:spMkLst>
        </pc:spChg>
        <pc:spChg chg="mod">
          <ac:chgData name="White, Alex" userId="eff6cc8c-37d8-483b-9c6c-6b27e9afa9bc" providerId="ADAL" clId="{BF04C754-5BF4-4E83-9615-DB14FA25AF8A}" dt="2023-10-12T11:38:20.867" v="298"/>
          <ac:spMkLst>
            <pc:docMk/>
            <pc:sldMk cId="2376958513" sldId="260"/>
            <ac:spMk id="9734" creationId="{A7C1715C-13A7-0B12-0F29-BB40D285AB27}"/>
          </ac:spMkLst>
        </pc:spChg>
        <pc:spChg chg="mod">
          <ac:chgData name="White, Alex" userId="eff6cc8c-37d8-483b-9c6c-6b27e9afa9bc" providerId="ADAL" clId="{BF04C754-5BF4-4E83-9615-DB14FA25AF8A}" dt="2023-10-12T11:38:20.867" v="298"/>
          <ac:spMkLst>
            <pc:docMk/>
            <pc:sldMk cId="2376958513" sldId="260"/>
            <ac:spMk id="9735" creationId="{A9461DE4-E0C6-76ED-27C2-F3120B732072}"/>
          </ac:spMkLst>
        </pc:spChg>
        <pc:spChg chg="mod">
          <ac:chgData name="White, Alex" userId="eff6cc8c-37d8-483b-9c6c-6b27e9afa9bc" providerId="ADAL" clId="{BF04C754-5BF4-4E83-9615-DB14FA25AF8A}" dt="2023-10-12T11:38:20.867" v="298"/>
          <ac:spMkLst>
            <pc:docMk/>
            <pc:sldMk cId="2376958513" sldId="260"/>
            <ac:spMk id="9736" creationId="{8C3E80E3-02B2-C3ED-845A-71F07936F278}"/>
          </ac:spMkLst>
        </pc:spChg>
        <pc:spChg chg="mod">
          <ac:chgData name="White, Alex" userId="eff6cc8c-37d8-483b-9c6c-6b27e9afa9bc" providerId="ADAL" clId="{BF04C754-5BF4-4E83-9615-DB14FA25AF8A}" dt="2023-10-12T11:38:20.867" v="298"/>
          <ac:spMkLst>
            <pc:docMk/>
            <pc:sldMk cId="2376958513" sldId="260"/>
            <ac:spMk id="9737" creationId="{C250EA81-67D1-8E73-8B71-4E22E347CE55}"/>
          </ac:spMkLst>
        </pc:spChg>
        <pc:spChg chg="mod">
          <ac:chgData name="White, Alex" userId="eff6cc8c-37d8-483b-9c6c-6b27e9afa9bc" providerId="ADAL" clId="{BF04C754-5BF4-4E83-9615-DB14FA25AF8A}" dt="2023-10-12T11:38:20.867" v="298"/>
          <ac:spMkLst>
            <pc:docMk/>
            <pc:sldMk cId="2376958513" sldId="260"/>
            <ac:spMk id="9738" creationId="{0A9E1969-0898-6DD0-5D58-D56A6A2B900A}"/>
          </ac:spMkLst>
        </pc:spChg>
        <pc:spChg chg="mod">
          <ac:chgData name="White, Alex" userId="eff6cc8c-37d8-483b-9c6c-6b27e9afa9bc" providerId="ADAL" clId="{BF04C754-5BF4-4E83-9615-DB14FA25AF8A}" dt="2023-10-12T11:38:20.867" v="298"/>
          <ac:spMkLst>
            <pc:docMk/>
            <pc:sldMk cId="2376958513" sldId="260"/>
            <ac:spMk id="9739" creationId="{40C91ECB-3F0F-140C-631C-740A5A1DCD00}"/>
          </ac:spMkLst>
        </pc:spChg>
        <pc:spChg chg="mod">
          <ac:chgData name="White, Alex" userId="eff6cc8c-37d8-483b-9c6c-6b27e9afa9bc" providerId="ADAL" clId="{BF04C754-5BF4-4E83-9615-DB14FA25AF8A}" dt="2023-10-12T11:38:20.867" v="298"/>
          <ac:spMkLst>
            <pc:docMk/>
            <pc:sldMk cId="2376958513" sldId="260"/>
            <ac:spMk id="9740" creationId="{3639E810-F959-5A66-AF5E-1606C48EC8D0}"/>
          </ac:spMkLst>
        </pc:spChg>
        <pc:spChg chg="mod">
          <ac:chgData name="White, Alex" userId="eff6cc8c-37d8-483b-9c6c-6b27e9afa9bc" providerId="ADAL" clId="{BF04C754-5BF4-4E83-9615-DB14FA25AF8A}" dt="2023-10-12T11:38:20.867" v="298"/>
          <ac:spMkLst>
            <pc:docMk/>
            <pc:sldMk cId="2376958513" sldId="260"/>
            <ac:spMk id="9741" creationId="{9B1065C4-C519-692D-14D4-6036600F73CC}"/>
          </ac:spMkLst>
        </pc:spChg>
        <pc:spChg chg="mod">
          <ac:chgData name="White, Alex" userId="eff6cc8c-37d8-483b-9c6c-6b27e9afa9bc" providerId="ADAL" clId="{BF04C754-5BF4-4E83-9615-DB14FA25AF8A}" dt="2023-10-12T11:38:20.867" v="298"/>
          <ac:spMkLst>
            <pc:docMk/>
            <pc:sldMk cId="2376958513" sldId="260"/>
            <ac:spMk id="9742" creationId="{2C512FAD-3F97-26D9-2119-2F462E01B401}"/>
          </ac:spMkLst>
        </pc:spChg>
        <pc:spChg chg="mod">
          <ac:chgData name="White, Alex" userId="eff6cc8c-37d8-483b-9c6c-6b27e9afa9bc" providerId="ADAL" clId="{BF04C754-5BF4-4E83-9615-DB14FA25AF8A}" dt="2023-10-12T11:38:20.867" v="298"/>
          <ac:spMkLst>
            <pc:docMk/>
            <pc:sldMk cId="2376958513" sldId="260"/>
            <ac:spMk id="9743" creationId="{CA15EA85-0426-090A-252E-C7141FEDB4E7}"/>
          </ac:spMkLst>
        </pc:spChg>
        <pc:spChg chg="mod">
          <ac:chgData name="White, Alex" userId="eff6cc8c-37d8-483b-9c6c-6b27e9afa9bc" providerId="ADAL" clId="{BF04C754-5BF4-4E83-9615-DB14FA25AF8A}" dt="2023-10-12T11:38:20.867" v="298"/>
          <ac:spMkLst>
            <pc:docMk/>
            <pc:sldMk cId="2376958513" sldId="260"/>
            <ac:spMk id="9744" creationId="{50751526-A7BD-03B6-5EDA-B132B239CA5E}"/>
          </ac:spMkLst>
        </pc:spChg>
        <pc:spChg chg="mod">
          <ac:chgData name="White, Alex" userId="eff6cc8c-37d8-483b-9c6c-6b27e9afa9bc" providerId="ADAL" clId="{BF04C754-5BF4-4E83-9615-DB14FA25AF8A}" dt="2023-10-12T11:38:20.867" v="298"/>
          <ac:spMkLst>
            <pc:docMk/>
            <pc:sldMk cId="2376958513" sldId="260"/>
            <ac:spMk id="9745" creationId="{9E5F9DF2-0BA7-44B7-139F-4103B22C3DAA}"/>
          </ac:spMkLst>
        </pc:spChg>
        <pc:spChg chg="mod">
          <ac:chgData name="White, Alex" userId="eff6cc8c-37d8-483b-9c6c-6b27e9afa9bc" providerId="ADAL" clId="{BF04C754-5BF4-4E83-9615-DB14FA25AF8A}" dt="2023-10-12T11:38:20.867" v="298"/>
          <ac:spMkLst>
            <pc:docMk/>
            <pc:sldMk cId="2376958513" sldId="260"/>
            <ac:spMk id="9746" creationId="{013A4450-F07A-2CF5-A50F-17AE8E527802}"/>
          </ac:spMkLst>
        </pc:spChg>
        <pc:spChg chg="mod">
          <ac:chgData name="White, Alex" userId="eff6cc8c-37d8-483b-9c6c-6b27e9afa9bc" providerId="ADAL" clId="{BF04C754-5BF4-4E83-9615-DB14FA25AF8A}" dt="2023-10-12T11:38:20.867" v="298"/>
          <ac:spMkLst>
            <pc:docMk/>
            <pc:sldMk cId="2376958513" sldId="260"/>
            <ac:spMk id="9747" creationId="{ED339A56-8934-953B-36B1-F5E47658CB60}"/>
          </ac:spMkLst>
        </pc:spChg>
        <pc:spChg chg="mod">
          <ac:chgData name="White, Alex" userId="eff6cc8c-37d8-483b-9c6c-6b27e9afa9bc" providerId="ADAL" clId="{BF04C754-5BF4-4E83-9615-DB14FA25AF8A}" dt="2023-10-12T11:38:20.867" v="298"/>
          <ac:spMkLst>
            <pc:docMk/>
            <pc:sldMk cId="2376958513" sldId="260"/>
            <ac:spMk id="9748" creationId="{0EBA9A76-2AFD-09C6-7371-E02D9FC14CFC}"/>
          </ac:spMkLst>
        </pc:spChg>
        <pc:spChg chg="mod">
          <ac:chgData name="White, Alex" userId="eff6cc8c-37d8-483b-9c6c-6b27e9afa9bc" providerId="ADAL" clId="{BF04C754-5BF4-4E83-9615-DB14FA25AF8A}" dt="2023-10-12T11:38:20.867" v="298"/>
          <ac:spMkLst>
            <pc:docMk/>
            <pc:sldMk cId="2376958513" sldId="260"/>
            <ac:spMk id="9749" creationId="{70CB91A6-62C7-5805-0FB2-D9D3C6495CE0}"/>
          </ac:spMkLst>
        </pc:spChg>
        <pc:spChg chg="mod">
          <ac:chgData name="White, Alex" userId="eff6cc8c-37d8-483b-9c6c-6b27e9afa9bc" providerId="ADAL" clId="{BF04C754-5BF4-4E83-9615-DB14FA25AF8A}" dt="2023-10-12T11:38:20.867" v="298"/>
          <ac:spMkLst>
            <pc:docMk/>
            <pc:sldMk cId="2376958513" sldId="260"/>
            <ac:spMk id="9750" creationId="{CFD406E9-E7BB-3E23-FE0C-65BB5202DEA4}"/>
          </ac:spMkLst>
        </pc:spChg>
        <pc:spChg chg="mod">
          <ac:chgData name="White, Alex" userId="eff6cc8c-37d8-483b-9c6c-6b27e9afa9bc" providerId="ADAL" clId="{BF04C754-5BF4-4E83-9615-DB14FA25AF8A}" dt="2023-10-12T11:38:20.867" v="298"/>
          <ac:spMkLst>
            <pc:docMk/>
            <pc:sldMk cId="2376958513" sldId="260"/>
            <ac:spMk id="9751" creationId="{7006FD99-CF50-C5DD-D681-D9EBA13ACFA7}"/>
          </ac:spMkLst>
        </pc:spChg>
        <pc:spChg chg="mod">
          <ac:chgData name="White, Alex" userId="eff6cc8c-37d8-483b-9c6c-6b27e9afa9bc" providerId="ADAL" clId="{BF04C754-5BF4-4E83-9615-DB14FA25AF8A}" dt="2023-10-12T11:38:20.867" v="298"/>
          <ac:spMkLst>
            <pc:docMk/>
            <pc:sldMk cId="2376958513" sldId="260"/>
            <ac:spMk id="9752" creationId="{F3F734C7-4BB4-1863-D09D-B5CE46E3B217}"/>
          </ac:spMkLst>
        </pc:spChg>
        <pc:spChg chg="mod">
          <ac:chgData name="White, Alex" userId="eff6cc8c-37d8-483b-9c6c-6b27e9afa9bc" providerId="ADAL" clId="{BF04C754-5BF4-4E83-9615-DB14FA25AF8A}" dt="2023-10-12T11:38:20.867" v="298"/>
          <ac:spMkLst>
            <pc:docMk/>
            <pc:sldMk cId="2376958513" sldId="260"/>
            <ac:spMk id="9753" creationId="{727DB2F0-8A61-679B-F9CB-4279936402CE}"/>
          </ac:spMkLst>
        </pc:spChg>
        <pc:spChg chg="mod">
          <ac:chgData name="White, Alex" userId="eff6cc8c-37d8-483b-9c6c-6b27e9afa9bc" providerId="ADAL" clId="{BF04C754-5BF4-4E83-9615-DB14FA25AF8A}" dt="2023-10-12T11:38:20.867" v="298"/>
          <ac:spMkLst>
            <pc:docMk/>
            <pc:sldMk cId="2376958513" sldId="260"/>
            <ac:spMk id="9754" creationId="{1F467D2F-C714-C2A7-5D72-9AD563B389DB}"/>
          </ac:spMkLst>
        </pc:spChg>
        <pc:spChg chg="mod">
          <ac:chgData name="White, Alex" userId="eff6cc8c-37d8-483b-9c6c-6b27e9afa9bc" providerId="ADAL" clId="{BF04C754-5BF4-4E83-9615-DB14FA25AF8A}" dt="2023-10-12T11:38:20.867" v="298"/>
          <ac:spMkLst>
            <pc:docMk/>
            <pc:sldMk cId="2376958513" sldId="260"/>
            <ac:spMk id="9755" creationId="{898A8A0E-368D-7582-272E-C2D5929C3A46}"/>
          </ac:spMkLst>
        </pc:spChg>
        <pc:spChg chg="mod">
          <ac:chgData name="White, Alex" userId="eff6cc8c-37d8-483b-9c6c-6b27e9afa9bc" providerId="ADAL" clId="{BF04C754-5BF4-4E83-9615-DB14FA25AF8A}" dt="2023-10-12T11:38:20.867" v="298"/>
          <ac:spMkLst>
            <pc:docMk/>
            <pc:sldMk cId="2376958513" sldId="260"/>
            <ac:spMk id="9756" creationId="{C0E379E7-FD60-2CBC-36D2-B1A23A0051CE}"/>
          </ac:spMkLst>
        </pc:spChg>
        <pc:spChg chg="mod">
          <ac:chgData name="White, Alex" userId="eff6cc8c-37d8-483b-9c6c-6b27e9afa9bc" providerId="ADAL" clId="{BF04C754-5BF4-4E83-9615-DB14FA25AF8A}" dt="2023-10-12T11:38:20.867" v="298"/>
          <ac:spMkLst>
            <pc:docMk/>
            <pc:sldMk cId="2376958513" sldId="260"/>
            <ac:spMk id="9757" creationId="{0B0245AB-E1B7-C3AA-3EC6-B6874C533DDF}"/>
          </ac:spMkLst>
        </pc:spChg>
        <pc:spChg chg="mod">
          <ac:chgData name="White, Alex" userId="eff6cc8c-37d8-483b-9c6c-6b27e9afa9bc" providerId="ADAL" clId="{BF04C754-5BF4-4E83-9615-DB14FA25AF8A}" dt="2023-10-12T11:38:20.867" v="298"/>
          <ac:spMkLst>
            <pc:docMk/>
            <pc:sldMk cId="2376958513" sldId="260"/>
            <ac:spMk id="9758" creationId="{469BA1FA-5430-8281-3C31-7EA0CBD07914}"/>
          </ac:spMkLst>
        </pc:spChg>
        <pc:spChg chg="mod">
          <ac:chgData name="White, Alex" userId="eff6cc8c-37d8-483b-9c6c-6b27e9afa9bc" providerId="ADAL" clId="{BF04C754-5BF4-4E83-9615-DB14FA25AF8A}" dt="2023-10-12T11:38:20.867" v="298"/>
          <ac:spMkLst>
            <pc:docMk/>
            <pc:sldMk cId="2376958513" sldId="260"/>
            <ac:spMk id="9759" creationId="{F46519EE-4B8C-4D8A-8A37-6D123F036821}"/>
          </ac:spMkLst>
        </pc:spChg>
        <pc:spChg chg="mod">
          <ac:chgData name="White, Alex" userId="eff6cc8c-37d8-483b-9c6c-6b27e9afa9bc" providerId="ADAL" clId="{BF04C754-5BF4-4E83-9615-DB14FA25AF8A}" dt="2023-10-12T11:38:20.867" v="298"/>
          <ac:spMkLst>
            <pc:docMk/>
            <pc:sldMk cId="2376958513" sldId="260"/>
            <ac:spMk id="9760" creationId="{2A382F68-3E46-302C-1C11-F95491317057}"/>
          </ac:spMkLst>
        </pc:spChg>
        <pc:spChg chg="mod">
          <ac:chgData name="White, Alex" userId="eff6cc8c-37d8-483b-9c6c-6b27e9afa9bc" providerId="ADAL" clId="{BF04C754-5BF4-4E83-9615-DB14FA25AF8A}" dt="2023-10-12T11:38:20.867" v="298"/>
          <ac:spMkLst>
            <pc:docMk/>
            <pc:sldMk cId="2376958513" sldId="260"/>
            <ac:spMk id="9761" creationId="{EA473CDF-6BFD-1CE7-AAAD-6A50334CFF99}"/>
          </ac:spMkLst>
        </pc:spChg>
        <pc:spChg chg="mod">
          <ac:chgData name="White, Alex" userId="eff6cc8c-37d8-483b-9c6c-6b27e9afa9bc" providerId="ADAL" clId="{BF04C754-5BF4-4E83-9615-DB14FA25AF8A}" dt="2023-10-12T11:38:20.867" v="298"/>
          <ac:spMkLst>
            <pc:docMk/>
            <pc:sldMk cId="2376958513" sldId="260"/>
            <ac:spMk id="9762" creationId="{857A966F-39D0-CCF4-6F64-D833FF79C0FA}"/>
          </ac:spMkLst>
        </pc:spChg>
        <pc:spChg chg="mod">
          <ac:chgData name="White, Alex" userId="eff6cc8c-37d8-483b-9c6c-6b27e9afa9bc" providerId="ADAL" clId="{BF04C754-5BF4-4E83-9615-DB14FA25AF8A}" dt="2023-10-12T11:38:20.867" v="298"/>
          <ac:spMkLst>
            <pc:docMk/>
            <pc:sldMk cId="2376958513" sldId="260"/>
            <ac:spMk id="9763" creationId="{D760D47C-86B1-9FE5-72A0-9A191CFCD93A}"/>
          </ac:spMkLst>
        </pc:spChg>
        <pc:spChg chg="mod">
          <ac:chgData name="White, Alex" userId="eff6cc8c-37d8-483b-9c6c-6b27e9afa9bc" providerId="ADAL" clId="{BF04C754-5BF4-4E83-9615-DB14FA25AF8A}" dt="2023-10-12T11:38:20.867" v="298"/>
          <ac:spMkLst>
            <pc:docMk/>
            <pc:sldMk cId="2376958513" sldId="260"/>
            <ac:spMk id="9764" creationId="{58147681-7019-506B-5A20-6ACC93F91243}"/>
          </ac:spMkLst>
        </pc:spChg>
        <pc:spChg chg="mod">
          <ac:chgData name="White, Alex" userId="eff6cc8c-37d8-483b-9c6c-6b27e9afa9bc" providerId="ADAL" clId="{BF04C754-5BF4-4E83-9615-DB14FA25AF8A}" dt="2023-10-12T11:38:20.867" v="298"/>
          <ac:spMkLst>
            <pc:docMk/>
            <pc:sldMk cId="2376958513" sldId="260"/>
            <ac:spMk id="9765" creationId="{0FA60C12-2542-EDEF-2F60-56C8AC86E8A2}"/>
          </ac:spMkLst>
        </pc:spChg>
        <pc:spChg chg="mod">
          <ac:chgData name="White, Alex" userId="eff6cc8c-37d8-483b-9c6c-6b27e9afa9bc" providerId="ADAL" clId="{BF04C754-5BF4-4E83-9615-DB14FA25AF8A}" dt="2023-10-12T11:38:20.867" v="298"/>
          <ac:spMkLst>
            <pc:docMk/>
            <pc:sldMk cId="2376958513" sldId="260"/>
            <ac:spMk id="9766" creationId="{3585F4C2-547D-7F9C-C409-1D7098263724}"/>
          </ac:spMkLst>
        </pc:spChg>
        <pc:spChg chg="mod">
          <ac:chgData name="White, Alex" userId="eff6cc8c-37d8-483b-9c6c-6b27e9afa9bc" providerId="ADAL" clId="{BF04C754-5BF4-4E83-9615-DB14FA25AF8A}" dt="2023-10-12T11:38:20.867" v="298"/>
          <ac:spMkLst>
            <pc:docMk/>
            <pc:sldMk cId="2376958513" sldId="260"/>
            <ac:spMk id="9767" creationId="{AB991B96-D914-6EC5-0C1F-507F97CF79CF}"/>
          </ac:spMkLst>
        </pc:spChg>
        <pc:spChg chg="mod">
          <ac:chgData name="White, Alex" userId="eff6cc8c-37d8-483b-9c6c-6b27e9afa9bc" providerId="ADAL" clId="{BF04C754-5BF4-4E83-9615-DB14FA25AF8A}" dt="2023-10-12T11:38:20.867" v="298"/>
          <ac:spMkLst>
            <pc:docMk/>
            <pc:sldMk cId="2376958513" sldId="260"/>
            <ac:spMk id="9768" creationId="{F9025359-6D94-0CF9-106E-C7C0DC502F05}"/>
          </ac:spMkLst>
        </pc:spChg>
        <pc:spChg chg="mod">
          <ac:chgData name="White, Alex" userId="eff6cc8c-37d8-483b-9c6c-6b27e9afa9bc" providerId="ADAL" clId="{BF04C754-5BF4-4E83-9615-DB14FA25AF8A}" dt="2023-10-12T11:38:20.867" v="298"/>
          <ac:spMkLst>
            <pc:docMk/>
            <pc:sldMk cId="2376958513" sldId="260"/>
            <ac:spMk id="9769" creationId="{32C5EB60-7030-4737-3D92-9008CD3CC044}"/>
          </ac:spMkLst>
        </pc:spChg>
        <pc:spChg chg="mod">
          <ac:chgData name="White, Alex" userId="eff6cc8c-37d8-483b-9c6c-6b27e9afa9bc" providerId="ADAL" clId="{BF04C754-5BF4-4E83-9615-DB14FA25AF8A}" dt="2023-10-12T11:38:20.867" v="298"/>
          <ac:spMkLst>
            <pc:docMk/>
            <pc:sldMk cId="2376958513" sldId="260"/>
            <ac:spMk id="9770" creationId="{A876E680-5927-ABBC-1896-6DFF87CFF6B8}"/>
          </ac:spMkLst>
        </pc:spChg>
        <pc:spChg chg="mod">
          <ac:chgData name="White, Alex" userId="eff6cc8c-37d8-483b-9c6c-6b27e9afa9bc" providerId="ADAL" clId="{BF04C754-5BF4-4E83-9615-DB14FA25AF8A}" dt="2023-10-12T11:38:20.867" v="298"/>
          <ac:spMkLst>
            <pc:docMk/>
            <pc:sldMk cId="2376958513" sldId="260"/>
            <ac:spMk id="9771" creationId="{8A17A882-24A9-B934-4C86-AADB89723198}"/>
          </ac:spMkLst>
        </pc:spChg>
        <pc:spChg chg="mod">
          <ac:chgData name="White, Alex" userId="eff6cc8c-37d8-483b-9c6c-6b27e9afa9bc" providerId="ADAL" clId="{BF04C754-5BF4-4E83-9615-DB14FA25AF8A}" dt="2023-10-12T11:38:20.867" v="298"/>
          <ac:spMkLst>
            <pc:docMk/>
            <pc:sldMk cId="2376958513" sldId="260"/>
            <ac:spMk id="9772" creationId="{8DC3AD8C-744C-1951-2B6E-42F926FFD095}"/>
          </ac:spMkLst>
        </pc:spChg>
        <pc:spChg chg="mod">
          <ac:chgData name="White, Alex" userId="eff6cc8c-37d8-483b-9c6c-6b27e9afa9bc" providerId="ADAL" clId="{BF04C754-5BF4-4E83-9615-DB14FA25AF8A}" dt="2023-10-12T11:38:20.867" v="298"/>
          <ac:spMkLst>
            <pc:docMk/>
            <pc:sldMk cId="2376958513" sldId="260"/>
            <ac:spMk id="9773" creationId="{55EDF205-1A8A-4686-B3A4-2541E9887EEE}"/>
          </ac:spMkLst>
        </pc:spChg>
        <pc:spChg chg="mod">
          <ac:chgData name="White, Alex" userId="eff6cc8c-37d8-483b-9c6c-6b27e9afa9bc" providerId="ADAL" clId="{BF04C754-5BF4-4E83-9615-DB14FA25AF8A}" dt="2023-10-12T11:38:20.867" v="298"/>
          <ac:spMkLst>
            <pc:docMk/>
            <pc:sldMk cId="2376958513" sldId="260"/>
            <ac:spMk id="9774" creationId="{803EE1E5-389C-D9D6-1F96-807D47DA0D3F}"/>
          </ac:spMkLst>
        </pc:spChg>
        <pc:spChg chg="mod">
          <ac:chgData name="White, Alex" userId="eff6cc8c-37d8-483b-9c6c-6b27e9afa9bc" providerId="ADAL" clId="{BF04C754-5BF4-4E83-9615-DB14FA25AF8A}" dt="2023-10-12T11:38:20.867" v="298"/>
          <ac:spMkLst>
            <pc:docMk/>
            <pc:sldMk cId="2376958513" sldId="260"/>
            <ac:spMk id="9775" creationId="{8A78C29B-34AA-4BA8-D25D-362C98FB423A}"/>
          </ac:spMkLst>
        </pc:spChg>
        <pc:spChg chg="mod">
          <ac:chgData name="White, Alex" userId="eff6cc8c-37d8-483b-9c6c-6b27e9afa9bc" providerId="ADAL" clId="{BF04C754-5BF4-4E83-9615-DB14FA25AF8A}" dt="2023-10-12T11:38:20.867" v="298"/>
          <ac:spMkLst>
            <pc:docMk/>
            <pc:sldMk cId="2376958513" sldId="260"/>
            <ac:spMk id="9776" creationId="{C3E6D05B-59A7-3D84-0161-E7C0CFA88859}"/>
          </ac:spMkLst>
        </pc:spChg>
        <pc:spChg chg="mod">
          <ac:chgData name="White, Alex" userId="eff6cc8c-37d8-483b-9c6c-6b27e9afa9bc" providerId="ADAL" clId="{BF04C754-5BF4-4E83-9615-DB14FA25AF8A}" dt="2023-10-12T11:38:20.867" v="298"/>
          <ac:spMkLst>
            <pc:docMk/>
            <pc:sldMk cId="2376958513" sldId="260"/>
            <ac:spMk id="9777" creationId="{30C71E62-26B5-6F23-1440-793673FB3FA8}"/>
          </ac:spMkLst>
        </pc:spChg>
        <pc:spChg chg="mod">
          <ac:chgData name="White, Alex" userId="eff6cc8c-37d8-483b-9c6c-6b27e9afa9bc" providerId="ADAL" clId="{BF04C754-5BF4-4E83-9615-DB14FA25AF8A}" dt="2023-10-12T11:38:20.867" v="298"/>
          <ac:spMkLst>
            <pc:docMk/>
            <pc:sldMk cId="2376958513" sldId="260"/>
            <ac:spMk id="9778" creationId="{7A154A54-7D7A-9813-365C-36B72E0056FB}"/>
          </ac:spMkLst>
        </pc:spChg>
        <pc:spChg chg="mod">
          <ac:chgData name="White, Alex" userId="eff6cc8c-37d8-483b-9c6c-6b27e9afa9bc" providerId="ADAL" clId="{BF04C754-5BF4-4E83-9615-DB14FA25AF8A}" dt="2023-10-12T11:38:20.867" v="298"/>
          <ac:spMkLst>
            <pc:docMk/>
            <pc:sldMk cId="2376958513" sldId="260"/>
            <ac:spMk id="9779" creationId="{FEE96B26-58F2-7757-82DD-638DA32AAE10}"/>
          </ac:spMkLst>
        </pc:spChg>
        <pc:spChg chg="mod">
          <ac:chgData name="White, Alex" userId="eff6cc8c-37d8-483b-9c6c-6b27e9afa9bc" providerId="ADAL" clId="{BF04C754-5BF4-4E83-9615-DB14FA25AF8A}" dt="2023-10-12T11:38:20.867" v="298"/>
          <ac:spMkLst>
            <pc:docMk/>
            <pc:sldMk cId="2376958513" sldId="260"/>
            <ac:spMk id="9780" creationId="{6BFDD72A-D286-CE48-447C-02559186BEFA}"/>
          </ac:spMkLst>
        </pc:spChg>
        <pc:spChg chg="mod">
          <ac:chgData name="White, Alex" userId="eff6cc8c-37d8-483b-9c6c-6b27e9afa9bc" providerId="ADAL" clId="{BF04C754-5BF4-4E83-9615-DB14FA25AF8A}" dt="2023-10-12T11:38:20.867" v="298"/>
          <ac:spMkLst>
            <pc:docMk/>
            <pc:sldMk cId="2376958513" sldId="260"/>
            <ac:spMk id="9781" creationId="{43CE72D8-0169-7FB5-2B6C-982BF52DD137}"/>
          </ac:spMkLst>
        </pc:spChg>
        <pc:spChg chg="mod">
          <ac:chgData name="White, Alex" userId="eff6cc8c-37d8-483b-9c6c-6b27e9afa9bc" providerId="ADAL" clId="{BF04C754-5BF4-4E83-9615-DB14FA25AF8A}" dt="2023-10-12T11:38:20.867" v="298"/>
          <ac:spMkLst>
            <pc:docMk/>
            <pc:sldMk cId="2376958513" sldId="260"/>
            <ac:spMk id="9782" creationId="{55FF4C6F-B70F-93A6-7162-0A499BC4F3D4}"/>
          </ac:spMkLst>
        </pc:spChg>
        <pc:spChg chg="mod">
          <ac:chgData name="White, Alex" userId="eff6cc8c-37d8-483b-9c6c-6b27e9afa9bc" providerId="ADAL" clId="{BF04C754-5BF4-4E83-9615-DB14FA25AF8A}" dt="2023-10-12T11:38:20.867" v="298"/>
          <ac:spMkLst>
            <pc:docMk/>
            <pc:sldMk cId="2376958513" sldId="260"/>
            <ac:spMk id="9783" creationId="{DCEBFB1C-0726-878C-F7C4-1FEBE1AD2A87}"/>
          </ac:spMkLst>
        </pc:spChg>
        <pc:spChg chg="mod">
          <ac:chgData name="White, Alex" userId="eff6cc8c-37d8-483b-9c6c-6b27e9afa9bc" providerId="ADAL" clId="{BF04C754-5BF4-4E83-9615-DB14FA25AF8A}" dt="2023-10-12T11:38:20.867" v="298"/>
          <ac:spMkLst>
            <pc:docMk/>
            <pc:sldMk cId="2376958513" sldId="260"/>
            <ac:spMk id="9784" creationId="{F21D4109-9315-D923-F96C-BF75FF4037E8}"/>
          </ac:spMkLst>
        </pc:spChg>
        <pc:spChg chg="mod">
          <ac:chgData name="White, Alex" userId="eff6cc8c-37d8-483b-9c6c-6b27e9afa9bc" providerId="ADAL" clId="{BF04C754-5BF4-4E83-9615-DB14FA25AF8A}" dt="2023-10-12T11:38:20.867" v="298"/>
          <ac:spMkLst>
            <pc:docMk/>
            <pc:sldMk cId="2376958513" sldId="260"/>
            <ac:spMk id="9785" creationId="{B908EF1F-6732-1B6E-2B71-530B6614F064}"/>
          </ac:spMkLst>
        </pc:spChg>
        <pc:spChg chg="mod">
          <ac:chgData name="White, Alex" userId="eff6cc8c-37d8-483b-9c6c-6b27e9afa9bc" providerId="ADAL" clId="{BF04C754-5BF4-4E83-9615-DB14FA25AF8A}" dt="2023-10-12T11:38:20.867" v="298"/>
          <ac:spMkLst>
            <pc:docMk/>
            <pc:sldMk cId="2376958513" sldId="260"/>
            <ac:spMk id="9786" creationId="{D5CEB700-B319-60A7-404D-81A566E3F594}"/>
          </ac:spMkLst>
        </pc:spChg>
        <pc:spChg chg="mod">
          <ac:chgData name="White, Alex" userId="eff6cc8c-37d8-483b-9c6c-6b27e9afa9bc" providerId="ADAL" clId="{BF04C754-5BF4-4E83-9615-DB14FA25AF8A}" dt="2023-10-12T11:38:20.867" v="298"/>
          <ac:spMkLst>
            <pc:docMk/>
            <pc:sldMk cId="2376958513" sldId="260"/>
            <ac:spMk id="9787" creationId="{36E8E9B8-D37E-278F-FC56-4C97B6370687}"/>
          </ac:spMkLst>
        </pc:spChg>
        <pc:spChg chg="mod">
          <ac:chgData name="White, Alex" userId="eff6cc8c-37d8-483b-9c6c-6b27e9afa9bc" providerId="ADAL" clId="{BF04C754-5BF4-4E83-9615-DB14FA25AF8A}" dt="2023-10-12T11:38:20.867" v="298"/>
          <ac:spMkLst>
            <pc:docMk/>
            <pc:sldMk cId="2376958513" sldId="260"/>
            <ac:spMk id="9788" creationId="{33642F89-3AE6-678C-6A61-3816396E6D57}"/>
          </ac:spMkLst>
        </pc:spChg>
        <pc:spChg chg="mod">
          <ac:chgData name="White, Alex" userId="eff6cc8c-37d8-483b-9c6c-6b27e9afa9bc" providerId="ADAL" clId="{BF04C754-5BF4-4E83-9615-DB14FA25AF8A}" dt="2023-10-12T11:38:20.867" v="298"/>
          <ac:spMkLst>
            <pc:docMk/>
            <pc:sldMk cId="2376958513" sldId="260"/>
            <ac:spMk id="9789" creationId="{CC45A3BC-AFDA-EC64-4755-724EF9BD69A3}"/>
          </ac:spMkLst>
        </pc:spChg>
        <pc:spChg chg="mod">
          <ac:chgData name="White, Alex" userId="eff6cc8c-37d8-483b-9c6c-6b27e9afa9bc" providerId="ADAL" clId="{BF04C754-5BF4-4E83-9615-DB14FA25AF8A}" dt="2023-10-12T11:38:20.867" v="298"/>
          <ac:spMkLst>
            <pc:docMk/>
            <pc:sldMk cId="2376958513" sldId="260"/>
            <ac:spMk id="9790" creationId="{EBB47E1B-5CAD-1728-73A6-D010D4EBE796}"/>
          </ac:spMkLst>
        </pc:spChg>
        <pc:spChg chg="mod">
          <ac:chgData name="White, Alex" userId="eff6cc8c-37d8-483b-9c6c-6b27e9afa9bc" providerId="ADAL" clId="{BF04C754-5BF4-4E83-9615-DB14FA25AF8A}" dt="2023-10-12T11:38:20.867" v="298"/>
          <ac:spMkLst>
            <pc:docMk/>
            <pc:sldMk cId="2376958513" sldId="260"/>
            <ac:spMk id="9791" creationId="{DCDDF03F-BE2A-3F3E-603E-566CDDFBEFB1}"/>
          </ac:spMkLst>
        </pc:spChg>
        <pc:spChg chg="mod">
          <ac:chgData name="White, Alex" userId="eff6cc8c-37d8-483b-9c6c-6b27e9afa9bc" providerId="ADAL" clId="{BF04C754-5BF4-4E83-9615-DB14FA25AF8A}" dt="2023-10-12T11:38:20.867" v="298"/>
          <ac:spMkLst>
            <pc:docMk/>
            <pc:sldMk cId="2376958513" sldId="260"/>
            <ac:spMk id="9792" creationId="{6F4CAE75-FA7C-340E-50B2-F23EAE0DC68F}"/>
          </ac:spMkLst>
        </pc:spChg>
        <pc:spChg chg="mod">
          <ac:chgData name="White, Alex" userId="eff6cc8c-37d8-483b-9c6c-6b27e9afa9bc" providerId="ADAL" clId="{BF04C754-5BF4-4E83-9615-DB14FA25AF8A}" dt="2023-10-12T11:38:20.867" v="298"/>
          <ac:spMkLst>
            <pc:docMk/>
            <pc:sldMk cId="2376958513" sldId="260"/>
            <ac:spMk id="9793" creationId="{923FB9B7-7D4D-D465-8CE4-440757FE5075}"/>
          </ac:spMkLst>
        </pc:spChg>
        <pc:spChg chg="mod">
          <ac:chgData name="White, Alex" userId="eff6cc8c-37d8-483b-9c6c-6b27e9afa9bc" providerId="ADAL" clId="{BF04C754-5BF4-4E83-9615-DB14FA25AF8A}" dt="2023-10-12T11:38:20.867" v="298"/>
          <ac:spMkLst>
            <pc:docMk/>
            <pc:sldMk cId="2376958513" sldId="260"/>
            <ac:spMk id="9794" creationId="{1462049B-5B95-1785-1EEE-1D92FC19D297}"/>
          </ac:spMkLst>
        </pc:spChg>
        <pc:spChg chg="mod">
          <ac:chgData name="White, Alex" userId="eff6cc8c-37d8-483b-9c6c-6b27e9afa9bc" providerId="ADAL" clId="{BF04C754-5BF4-4E83-9615-DB14FA25AF8A}" dt="2023-10-12T11:38:20.867" v="298"/>
          <ac:spMkLst>
            <pc:docMk/>
            <pc:sldMk cId="2376958513" sldId="260"/>
            <ac:spMk id="9795" creationId="{8A6CEDD5-9B68-B3EB-28DF-45F2DCAFA4E3}"/>
          </ac:spMkLst>
        </pc:spChg>
        <pc:spChg chg="mod">
          <ac:chgData name="White, Alex" userId="eff6cc8c-37d8-483b-9c6c-6b27e9afa9bc" providerId="ADAL" clId="{BF04C754-5BF4-4E83-9615-DB14FA25AF8A}" dt="2023-10-12T11:38:20.867" v="298"/>
          <ac:spMkLst>
            <pc:docMk/>
            <pc:sldMk cId="2376958513" sldId="260"/>
            <ac:spMk id="9796" creationId="{C88901B8-E118-F71B-30DD-AFFA1FE07821}"/>
          </ac:spMkLst>
        </pc:spChg>
        <pc:spChg chg="mod">
          <ac:chgData name="White, Alex" userId="eff6cc8c-37d8-483b-9c6c-6b27e9afa9bc" providerId="ADAL" clId="{BF04C754-5BF4-4E83-9615-DB14FA25AF8A}" dt="2023-10-12T11:38:20.867" v="298"/>
          <ac:spMkLst>
            <pc:docMk/>
            <pc:sldMk cId="2376958513" sldId="260"/>
            <ac:spMk id="9797" creationId="{DEA7482E-CE31-1464-5D16-D5F116060491}"/>
          </ac:spMkLst>
        </pc:spChg>
        <pc:spChg chg="mod">
          <ac:chgData name="White, Alex" userId="eff6cc8c-37d8-483b-9c6c-6b27e9afa9bc" providerId="ADAL" clId="{BF04C754-5BF4-4E83-9615-DB14FA25AF8A}" dt="2023-10-12T11:38:20.867" v="298"/>
          <ac:spMkLst>
            <pc:docMk/>
            <pc:sldMk cId="2376958513" sldId="260"/>
            <ac:spMk id="9798" creationId="{3882CCB3-4E21-053E-8F5D-A0BDA3D14AFD}"/>
          </ac:spMkLst>
        </pc:spChg>
        <pc:spChg chg="mod">
          <ac:chgData name="White, Alex" userId="eff6cc8c-37d8-483b-9c6c-6b27e9afa9bc" providerId="ADAL" clId="{BF04C754-5BF4-4E83-9615-DB14FA25AF8A}" dt="2023-10-12T11:38:20.867" v="298"/>
          <ac:spMkLst>
            <pc:docMk/>
            <pc:sldMk cId="2376958513" sldId="260"/>
            <ac:spMk id="9799" creationId="{FC091D9E-A70B-CE4F-C17B-8AE3B0E288C6}"/>
          </ac:spMkLst>
        </pc:spChg>
        <pc:spChg chg="mod">
          <ac:chgData name="White, Alex" userId="eff6cc8c-37d8-483b-9c6c-6b27e9afa9bc" providerId="ADAL" clId="{BF04C754-5BF4-4E83-9615-DB14FA25AF8A}" dt="2023-10-12T11:38:20.867" v="298"/>
          <ac:spMkLst>
            <pc:docMk/>
            <pc:sldMk cId="2376958513" sldId="260"/>
            <ac:spMk id="9800" creationId="{35B88BED-2DA8-3FE3-8963-E5F1B80FEE9C}"/>
          </ac:spMkLst>
        </pc:spChg>
        <pc:spChg chg="mod">
          <ac:chgData name="White, Alex" userId="eff6cc8c-37d8-483b-9c6c-6b27e9afa9bc" providerId="ADAL" clId="{BF04C754-5BF4-4E83-9615-DB14FA25AF8A}" dt="2023-10-12T11:38:20.867" v="298"/>
          <ac:spMkLst>
            <pc:docMk/>
            <pc:sldMk cId="2376958513" sldId="260"/>
            <ac:spMk id="9801" creationId="{D514B0B8-DBAF-B3F0-26B3-C375347D4F03}"/>
          </ac:spMkLst>
        </pc:spChg>
        <pc:spChg chg="mod">
          <ac:chgData name="White, Alex" userId="eff6cc8c-37d8-483b-9c6c-6b27e9afa9bc" providerId="ADAL" clId="{BF04C754-5BF4-4E83-9615-DB14FA25AF8A}" dt="2023-10-12T11:38:20.867" v="298"/>
          <ac:spMkLst>
            <pc:docMk/>
            <pc:sldMk cId="2376958513" sldId="260"/>
            <ac:spMk id="9802" creationId="{3F96CBAE-7EB3-29A6-9FF7-F3D675CF0180}"/>
          </ac:spMkLst>
        </pc:spChg>
        <pc:spChg chg="mod">
          <ac:chgData name="White, Alex" userId="eff6cc8c-37d8-483b-9c6c-6b27e9afa9bc" providerId="ADAL" clId="{BF04C754-5BF4-4E83-9615-DB14FA25AF8A}" dt="2023-10-12T11:38:20.867" v="298"/>
          <ac:spMkLst>
            <pc:docMk/>
            <pc:sldMk cId="2376958513" sldId="260"/>
            <ac:spMk id="9803" creationId="{B231B843-E30C-99C3-A6CD-132E7EBA212F}"/>
          </ac:spMkLst>
        </pc:spChg>
        <pc:spChg chg="mod">
          <ac:chgData name="White, Alex" userId="eff6cc8c-37d8-483b-9c6c-6b27e9afa9bc" providerId="ADAL" clId="{BF04C754-5BF4-4E83-9615-DB14FA25AF8A}" dt="2023-10-12T11:38:20.867" v="298"/>
          <ac:spMkLst>
            <pc:docMk/>
            <pc:sldMk cId="2376958513" sldId="260"/>
            <ac:spMk id="9804" creationId="{2B413379-5800-5468-1EE1-CD937FAEA9A9}"/>
          </ac:spMkLst>
        </pc:spChg>
        <pc:spChg chg="mod">
          <ac:chgData name="White, Alex" userId="eff6cc8c-37d8-483b-9c6c-6b27e9afa9bc" providerId="ADAL" clId="{BF04C754-5BF4-4E83-9615-DB14FA25AF8A}" dt="2023-10-12T11:38:20.867" v="298"/>
          <ac:spMkLst>
            <pc:docMk/>
            <pc:sldMk cId="2376958513" sldId="260"/>
            <ac:spMk id="9805" creationId="{4C99F09E-2047-DFEB-5A87-BC1AC308A34A}"/>
          </ac:spMkLst>
        </pc:spChg>
        <pc:spChg chg="mod">
          <ac:chgData name="White, Alex" userId="eff6cc8c-37d8-483b-9c6c-6b27e9afa9bc" providerId="ADAL" clId="{BF04C754-5BF4-4E83-9615-DB14FA25AF8A}" dt="2023-10-12T11:38:20.867" v="298"/>
          <ac:spMkLst>
            <pc:docMk/>
            <pc:sldMk cId="2376958513" sldId="260"/>
            <ac:spMk id="9806" creationId="{6C4C9675-58A8-13E4-23F4-1293D2B6A748}"/>
          </ac:spMkLst>
        </pc:spChg>
        <pc:spChg chg="mod">
          <ac:chgData name="White, Alex" userId="eff6cc8c-37d8-483b-9c6c-6b27e9afa9bc" providerId="ADAL" clId="{BF04C754-5BF4-4E83-9615-DB14FA25AF8A}" dt="2023-10-12T11:38:20.867" v="298"/>
          <ac:spMkLst>
            <pc:docMk/>
            <pc:sldMk cId="2376958513" sldId="260"/>
            <ac:spMk id="9807" creationId="{3CCE556B-7516-433A-FA1E-78366DE87A29}"/>
          </ac:spMkLst>
        </pc:spChg>
        <pc:spChg chg="mod">
          <ac:chgData name="White, Alex" userId="eff6cc8c-37d8-483b-9c6c-6b27e9afa9bc" providerId="ADAL" clId="{BF04C754-5BF4-4E83-9615-DB14FA25AF8A}" dt="2023-10-12T11:38:20.867" v="298"/>
          <ac:spMkLst>
            <pc:docMk/>
            <pc:sldMk cId="2376958513" sldId="260"/>
            <ac:spMk id="9808" creationId="{CB0A65BF-FFF0-9D22-9B1E-74A8C4E9FE4A}"/>
          </ac:spMkLst>
        </pc:spChg>
        <pc:spChg chg="mod">
          <ac:chgData name="White, Alex" userId="eff6cc8c-37d8-483b-9c6c-6b27e9afa9bc" providerId="ADAL" clId="{BF04C754-5BF4-4E83-9615-DB14FA25AF8A}" dt="2023-10-12T11:38:20.867" v="298"/>
          <ac:spMkLst>
            <pc:docMk/>
            <pc:sldMk cId="2376958513" sldId="260"/>
            <ac:spMk id="9809" creationId="{661B920A-31D6-A9BE-1A10-1865D53E6F8E}"/>
          </ac:spMkLst>
        </pc:spChg>
        <pc:spChg chg="mod">
          <ac:chgData name="White, Alex" userId="eff6cc8c-37d8-483b-9c6c-6b27e9afa9bc" providerId="ADAL" clId="{BF04C754-5BF4-4E83-9615-DB14FA25AF8A}" dt="2023-10-12T11:38:20.867" v="298"/>
          <ac:spMkLst>
            <pc:docMk/>
            <pc:sldMk cId="2376958513" sldId="260"/>
            <ac:spMk id="9810" creationId="{2CB40179-F1BE-763A-3BAE-C2A6E93E2967}"/>
          </ac:spMkLst>
        </pc:spChg>
        <pc:spChg chg="mod">
          <ac:chgData name="White, Alex" userId="eff6cc8c-37d8-483b-9c6c-6b27e9afa9bc" providerId="ADAL" clId="{BF04C754-5BF4-4E83-9615-DB14FA25AF8A}" dt="2023-10-12T11:38:20.867" v="298"/>
          <ac:spMkLst>
            <pc:docMk/>
            <pc:sldMk cId="2376958513" sldId="260"/>
            <ac:spMk id="9811" creationId="{09732747-7513-4CD3-8FB3-19FB37FB2F99}"/>
          </ac:spMkLst>
        </pc:spChg>
        <pc:spChg chg="mod">
          <ac:chgData name="White, Alex" userId="eff6cc8c-37d8-483b-9c6c-6b27e9afa9bc" providerId="ADAL" clId="{BF04C754-5BF4-4E83-9615-DB14FA25AF8A}" dt="2023-10-12T11:38:20.867" v="298"/>
          <ac:spMkLst>
            <pc:docMk/>
            <pc:sldMk cId="2376958513" sldId="260"/>
            <ac:spMk id="9812" creationId="{2FA81252-0A8D-9E8F-0CF4-8D2E60C97E38}"/>
          </ac:spMkLst>
        </pc:spChg>
        <pc:spChg chg="mod">
          <ac:chgData name="White, Alex" userId="eff6cc8c-37d8-483b-9c6c-6b27e9afa9bc" providerId="ADAL" clId="{BF04C754-5BF4-4E83-9615-DB14FA25AF8A}" dt="2023-10-12T11:38:20.867" v="298"/>
          <ac:spMkLst>
            <pc:docMk/>
            <pc:sldMk cId="2376958513" sldId="260"/>
            <ac:spMk id="9813" creationId="{113E1233-B57C-A7ED-8677-4A0E4DA97BE8}"/>
          </ac:spMkLst>
        </pc:spChg>
        <pc:spChg chg="mod">
          <ac:chgData name="White, Alex" userId="eff6cc8c-37d8-483b-9c6c-6b27e9afa9bc" providerId="ADAL" clId="{BF04C754-5BF4-4E83-9615-DB14FA25AF8A}" dt="2023-10-12T11:38:20.867" v="298"/>
          <ac:spMkLst>
            <pc:docMk/>
            <pc:sldMk cId="2376958513" sldId="260"/>
            <ac:spMk id="9814" creationId="{D1D7E451-9ECD-BF81-2B7B-E295CF315DFC}"/>
          </ac:spMkLst>
        </pc:spChg>
        <pc:spChg chg="mod">
          <ac:chgData name="White, Alex" userId="eff6cc8c-37d8-483b-9c6c-6b27e9afa9bc" providerId="ADAL" clId="{BF04C754-5BF4-4E83-9615-DB14FA25AF8A}" dt="2023-10-12T11:38:20.867" v="298"/>
          <ac:spMkLst>
            <pc:docMk/>
            <pc:sldMk cId="2376958513" sldId="260"/>
            <ac:spMk id="9815" creationId="{86C7F02B-7AA0-9E51-C58F-11AF6B8D291A}"/>
          </ac:spMkLst>
        </pc:spChg>
        <pc:spChg chg="mod">
          <ac:chgData name="White, Alex" userId="eff6cc8c-37d8-483b-9c6c-6b27e9afa9bc" providerId="ADAL" clId="{BF04C754-5BF4-4E83-9615-DB14FA25AF8A}" dt="2023-10-12T11:38:20.867" v="298"/>
          <ac:spMkLst>
            <pc:docMk/>
            <pc:sldMk cId="2376958513" sldId="260"/>
            <ac:spMk id="9816" creationId="{E75757C6-7FAB-A417-73F5-C18278774895}"/>
          </ac:spMkLst>
        </pc:spChg>
        <pc:spChg chg="mod">
          <ac:chgData name="White, Alex" userId="eff6cc8c-37d8-483b-9c6c-6b27e9afa9bc" providerId="ADAL" clId="{BF04C754-5BF4-4E83-9615-DB14FA25AF8A}" dt="2023-10-12T11:38:20.867" v="298"/>
          <ac:spMkLst>
            <pc:docMk/>
            <pc:sldMk cId="2376958513" sldId="260"/>
            <ac:spMk id="9817" creationId="{550EC757-5C10-A9BC-C893-080E7D51552A}"/>
          </ac:spMkLst>
        </pc:spChg>
        <pc:spChg chg="mod">
          <ac:chgData name="White, Alex" userId="eff6cc8c-37d8-483b-9c6c-6b27e9afa9bc" providerId="ADAL" clId="{BF04C754-5BF4-4E83-9615-DB14FA25AF8A}" dt="2023-10-12T11:38:20.867" v="298"/>
          <ac:spMkLst>
            <pc:docMk/>
            <pc:sldMk cId="2376958513" sldId="260"/>
            <ac:spMk id="9818" creationId="{E54D26F6-BA06-13BE-2D3D-BFD8DB698CD7}"/>
          </ac:spMkLst>
        </pc:spChg>
        <pc:spChg chg="mod">
          <ac:chgData name="White, Alex" userId="eff6cc8c-37d8-483b-9c6c-6b27e9afa9bc" providerId="ADAL" clId="{BF04C754-5BF4-4E83-9615-DB14FA25AF8A}" dt="2023-10-12T11:38:20.867" v="298"/>
          <ac:spMkLst>
            <pc:docMk/>
            <pc:sldMk cId="2376958513" sldId="260"/>
            <ac:spMk id="9819" creationId="{7E8BE49C-A076-3139-75DD-256A3E587A3C}"/>
          </ac:spMkLst>
        </pc:spChg>
        <pc:spChg chg="mod">
          <ac:chgData name="White, Alex" userId="eff6cc8c-37d8-483b-9c6c-6b27e9afa9bc" providerId="ADAL" clId="{BF04C754-5BF4-4E83-9615-DB14FA25AF8A}" dt="2023-10-12T11:38:20.867" v="298"/>
          <ac:spMkLst>
            <pc:docMk/>
            <pc:sldMk cId="2376958513" sldId="260"/>
            <ac:spMk id="9820" creationId="{510D546B-FECD-CBA7-D71D-1AC000612272}"/>
          </ac:spMkLst>
        </pc:spChg>
        <pc:spChg chg="mod">
          <ac:chgData name="White, Alex" userId="eff6cc8c-37d8-483b-9c6c-6b27e9afa9bc" providerId="ADAL" clId="{BF04C754-5BF4-4E83-9615-DB14FA25AF8A}" dt="2023-10-12T11:38:20.867" v="298"/>
          <ac:spMkLst>
            <pc:docMk/>
            <pc:sldMk cId="2376958513" sldId="260"/>
            <ac:spMk id="9821" creationId="{17F4681B-27DB-961A-24E3-EEDF062CBE97}"/>
          </ac:spMkLst>
        </pc:spChg>
        <pc:spChg chg="mod">
          <ac:chgData name="White, Alex" userId="eff6cc8c-37d8-483b-9c6c-6b27e9afa9bc" providerId="ADAL" clId="{BF04C754-5BF4-4E83-9615-DB14FA25AF8A}" dt="2023-10-12T11:38:20.867" v="298"/>
          <ac:spMkLst>
            <pc:docMk/>
            <pc:sldMk cId="2376958513" sldId="260"/>
            <ac:spMk id="9822" creationId="{8E29BDEF-79F1-85F0-96FC-B12840E9C892}"/>
          </ac:spMkLst>
        </pc:spChg>
        <pc:spChg chg="mod">
          <ac:chgData name="White, Alex" userId="eff6cc8c-37d8-483b-9c6c-6b27e9afa9bc" providerId="ADAL" clId="{BF04C754-5BF4-4E83-9615-DB14FA25AF8A}" dt="2023-10-12T11:38:20.867" v="298"/>
          <ac:spMkLst>
            <pc:docMk/>
            <pc:sldMk cId="2376958513" sldId="260"/>
            <ac:spMk id="9823" creationId="{DCD2828D-D50F-20D6-BD86-1B234CCE64B0}"/>
          </ac:spMkLst>
        </pc:spChg>
        <pc:spChg chg="mod">
          <ac:chgData name="White, Alex" userId="eff6cc8c-37d8-483b-9c6c-6b27e9afa9bc" providerId="ADAL" clId="{BF04C754-5BF4-4E83-9615-DB14FA25AF8A}" dt="2023-10-12T11:38:20.867" v="298"/>
          <ac:spMkLst>
            <pc:docMk/>
            <pc:sldMk cId="2376958513" sldId="260"/>
            <ac:spMk id="9824" creationId="{5AE3ED51-82DC-EF27-82C9-D4EFA8438052}"/>
          </ac:spMkLst>
        </pc:spChg>
        <pc:spChg chg="mod">
          <ac:chgData name="White, Alex" userId="eff6cc8c-37d8-483b-9c6c-6b27e9afa9bc" providerId="ADAL" clId="{BF04C754-5BF4-4E83-9615-DB14FA25AF8A}" dt="2023-10-12T11:38:20.867" v="298"/>
          <ac:spMkLst>
            <pc:docMk/>
            <pc:sldMk cId="2376958513" sldId="260"/>
            <ac:spMk id="9825" creationId="{420E9766-E730-2704-841D-313ABC51E4FF}"/>
          </ac:spMkLst>
        </pc:spChg>
        <pc:spChg chg="mod">
          <ac:chgData name="White, Alex" userId="eff6cc8c-37d8-483b-9c6c-6b27e9afa9bc" providerId="ADAL" clId="{BF04C754-5BF4-4E83-9615-DB14FA25AF8A}" dt="2023-10-12T11:38:20.867" v="298"/>
          <ac:spMkLst>
            <pc:docMk/>
            <pc:sldMk cId="2376958513" sldId="260"/>
            <ac:spMk id="9826" creationId="{6D825A9B-E979-87D0-919B-4DE6EB75FD7B}"/>
          </ac:spMkLst>
        </pc:spChg>
        <pc:spChg chg="mod">
          <ac:chgData name="White, Alex" userId="eff6cc8c-37d8-483b-9c6c-6b27e9afa9bc" providerId="ADAL" clId="{BF04C754-5BF4-4E83-9615-DB14FA25AF8A}" dt="2023-10-12T11:38:20.867" v="298"/>
          <ac:spMkLst>
            <pc:docMk/>
            <pc:sldMk cId="2376958513" sldId="260"/>
            <ac:spMk id="9827" creationId="{3108A388-E5D1-97DA-F50A-FCCECBCD2074}"/>
          </ac:spMkLst>
        </pc:spChg>
        <pc:spChg chg="mod">
          <ac:chgData name="White, Alex" userId="eff6cc8c-37d8-483b-9c6c-6b27e9afa9bc" providerId="ADAL" clId="{BF04C754-5BF4-4E83-9615-DB14FA25AF8A}" dt="2023-10-12T11:38:20.867" v="298"/>
          <ac:spMkLst>
            <pc:docMk/>
            <pc:sldMk cId="2376958513" sldId="260"/>
            <ac:spMk id="9828" creationId="{5E9163E3-46C4-C512-02A6-50D7E0A8853A}"/>
          </ac:spMkLst>
        </pc:spChg>
        <pc:spChg chg="mod">
          <ac:chgData name="White, Alex" userId="eff6cc8c-37d8-483b-9c6c-6b27e9afa9bc" providerId="ADAL" clId="{BF04C754-5BF4-4E83-9615-DB14FA25AF8A}" dt="2023-10-12T11:38:20.867" v="298"/>
          <ac:spMkLst>
            <pc:docMk/>
            <pc:sldMk cId="2376958513" sldId="260"/>
            <ac:spMk id="9829" creationId="{C6A88AEC-FF1F-D10F-87A3-D010E45DB37F}"/>
          </ac:spMkLst>
        </pc:spChg>
        <pc:spChg chg="mod">
          <ac:chgData name="White, Alex" userId="eff6cc8c-37d8-483b-9c6c-6b27e9afa9bc" providerId="ADAL" clId="{BF04C754-5BF4-4E83-9615-DB14FA25AF8A}" dt="2023-10-12T11:38:20.867" v="298"/>
          <ac:spMkLst>
            <pc:docMk/>
            <pc:sldMk cId="2376958513" sldId="260"/>
            <ac:spMk id="9830" creationId="{8429EC78-4A74-A0B1-9388-965123A83055}"/>
          </ac:spMkLst>
        </pc:spChg>
        <pc:spChg chg="mod">
          <ac:chgData name="White, Alex" userId="eff6cc8c-37d8-483b-9c6c-6b27e9afa9bc" providerId="ADAL" clId="{BF04C754-5BF4-4E83-9615-DB14FA25AF8A}" dt="2023-10-12T11:38:20.867" v="298"/>
          <ac:spMkLst>
            <pc:docMk/>
            <pc:sldMk cId="2376958513" sldId="260"/>
            <ac:spMk id="9831" creationId="{A19496F2-32AC-D983-0F8F-677872158FB9}"/>
          </ac:spMkLst>
        </pc:spChg>
        <pc:spChg chg="mod">
          <ac:chgData name="White, Alex" userId="eff6cc8c-37d8-483b-9c6c-6b27e9afa9bc" providerId="ADAL" clId="{BF04C754-5BF4-4E83-9615-DB14FA25AF8A}" dt="2023-10-12T11:38:20.867" v="298"/>
          <ac:spMkLst>
            <pc:docMk/>
            <pc:sldMk cId="2376958513" sldId="260"/>
            <ac:spMk id="9832" creationId="{7ABEE58A-4C04-57B7-0403-6ABB337C4BE9}"/>
          </ac:spMkLst>
        </pc:spChg>
        <pc:spChg chg="mod">
          <ac:chgData name="White, Alex" userId="eff6cc8c-37d8-483b-9c6c-6b27e9afa9bc" providerId="ADAL" clId="{BF04C754-5BF4-4E83-9615-DB14FA25AF8A}" dt="2023-10-12T11:38:20.867" v="298"/>
          <ac:spMkLst>
            <pc:docMk/>
            <pc:sldMk cId="2376958513" sldId="260"/>
            <ac:spMk id="9833" creationId="{0E9E5C5E-1823-6A94-9D92-F958C1DDDF6D}"/>
          </ac:spMkLst>
        </pc:spChg>
        <pc:spChg chg="mod">
          <ac:chgData name="White, Alex" userId="eff6cc8c-37d8-483b-9c6c-6b27e9afa9bc" providerId="ADAL" clId="{BF04C754-5BF4-4E83-9615-DB14FA25AF8A}" dt="2023-10-12T11:38:20.867" v="298"/>
          <ac:spMkLst>
            <pc:docMk/>
            <pc:sldMk cId="2376958513" sldId="260"/>
            <ac:spMk id="9834" creationId="{82D446E1-299F-59BA-BA80-3FC4159D1822}"/>
          </ac:spMkLst>
        </pc:spChg>
        <pc:spChg chg="mod">
          <ac:chgData name="White, Alex" userId="eff6cc8c-37d8-483b-9c6c-6b27e9afa9bc" providerId="ADAL" clId="{BF04C754-5BF4-4E83-9615-DB14FA25AF8A}" dt="2023-10-12T11:38:20.867" v="298"/>
          <ac:spMkLst>
            <pc:docMk/>
            <pc:sldMk cId="2376958513" sldId="260"/>
            <ac:spMk id="9835" creationId="{DB01AF2F-FDA8-6B4B-6572-E572FD2A627A}"/>
          </ac:spMkLst>
        </pc:spChg>
        <pc:spChg chg="mod">
          <ac:chgData name="White, Alex" userId="eff6cc8c-37d8-483b-9c6c-6b27e9afa9bc" providerId="ADAL" clId="{BF04C754-5BF4-4E83-9615-DB14FA25AF8A}" dt="2023-10-12T11:38:20.867" v="298"/>
          <ac:spMkLst>
            <pc:docMk/>
            <pc:sldMk cId="2376958513" sldId="260"/>
            <ac:spMk id="9836" creationId="{73A2965A-C59B-4C95-B689-11637DF226D1}"/>
          </ac:spMkLst>
        </pc:spChg>
        <pc:spChg chg="mod">
          <ac:chgData name="White, Alex" userId="eff6cc8c-37d8-483b-9c6c-6b27e9afa9bc" providerId="ADAL" clId="{BF04C754-5BF4-4E83-9615-DB14FA25AF8A}" dt="2023-10-12T11:38:20.867" v="298"/>
          <ac:spMkLst>
            <pc:docMk/>
            <pc:sldMk cId="2376958513" sldId="260"/>
            <ac:spMk id="9837" creationId="{7E0E35DC-0F1A-965E-6CBE-03740D61A36A}"/>
          </ac:spMkLst>
        </pc:spChg>
        <pc:spChg chg="mod">
          <ac:chgData name="White, Alex" userId="eff6cc8c-37d8-483b-9c6c-6b27e9afa9bc" providerId="ADAL" clId="{BF04C754-5BF4-4E83-9615-DB14FA25AF8A}" dt="2023-10-12T11:38:20.867" v="298"/>
          <ac:spMkLst>
            <pc:docMk/>
            <pc:sldMk cId="2376958513" sldId="260"/>
            <ac:spMk id="9838" creationId="{57DB2D3B-119E-9F9E-ED2A-BC0297063A51}"/>
          </ac:spMkLst>
        </pc:spChg>
        <pc:spChg chg="mod">
          <ac:chgData name="White, Alex" userId="eff6cc8c-37d8-483b-9c6c-6b27e9afa9bc" providerId="ADAL" clId="{BF04C754-5BF4-4E83-9615-DB14FA25AF8A}" dt="2023-10-12T11:38:20.867" v="298"/>
          <ac:spMkLst>
            <pc:docMk/>
            <pc:sldMk cId="2376958513" sldId="260"/>
            <ac:spMk id="9839" creationId="{85DB39E1-E717-1EB2-D873-DDE37FBA3DA4}"/>
          </ac:spMkLst>
        </pc:spChg>
        <pc:spChg chg="mod">
          <ac:chgData name="White, Alex" userId="eff6cc8c-37d8-483b-9c6c-6b27e9afa9bc" providerId="ADAL" clId="{BF04C754-5BF4-4E83-9615-DB14FA25AF8A}" dt="2023-10-12T11:38:20.867" v="298"/>
          <ac:spMkLst>
            <pc:docMk/>
            <pc:sldMk cId="2376958513" sldId="260"/>
            <ac:spMk id="9840" creationId="{4EC1C700-D6B8-6CFA-7E5C-63E02B5C250D}"/>
          </ac:spMkLst>
        </pc:spChg>
        <pc:spChg chg="mod">
          <ac:chgData name="White, Alex" userId="eff6cc8c-37d8-483b-9c6c-6b27e9afa9bc" providerId="ADAL" clId="{BF04C754-5BF4-4E83-9615-DB14FA25AF8A}" dt="2023-10-12T11:38:20.867" v="298"/>
          <ac:spMkLst>
            <pc:docMk/>
            <pc:sldMk cId="2376958513" sldId="260"/>
            <ac:spMk id="9841" creationId="{6FED3F9A-3BBB-035A-E914-B3CDFA76A5AB}"/>
          </ac:spMkLst>
        </pc:spChg>
        <pc:spChg chg="mod">
          <ac:chgData name="White, Alex" userId="eff6cc8c-37d8-483b-9c6c-6b27e9afa9bc" providerId="ADAL" clId="{BF04C754-5BF4-4E83-9615-DB14FA25AF8A}" dt="2023-10-12T11:38:20.867" v="298"/>
          <ac:spMkLst>
            <pc:docMk/>
            <pc:sldMk cId="2376958513" sldId="260"/>
            <ac:spMk id="9842" creationId="{B8F922E0-9557-F987-5584-3286A9ED7AAC}"/>
          </ac:spMkLst>
        </pc:spChg>
        <pc:spChg chg="mod">
          <ac:chgData name="White, Alex" userId="eff6cc8c-37d8-483b-9c6c-6b27e9afa9bc" providerId="ADAL" clId="{BF04C754-5BF4-4E83-9615-DB14FA25AF8A}" dt="2023-10-12T11:38:20.867" v="298"/>
          <ac:spMkLst>
            <pc:docMk/>
            <pc:sldMk cId="2376958513" sldId="260"/>
            <ac:spMk id="9843" creationId="{0CAC45C7-74AE-F70C-05EE-BC065C9CA393}"/>
          </ac:spMkLst>
        </pc:spChg>
        <pc:spChg chg="mod">
          <ac:chgData name="White, Alex" userId="eff6cc8c-37d8-483b-9c6c-6b27e9afa9bc" providerId="ADAL" clId="{BF04C754-5BF4-4E83-9615-DB14FA25AF8A}" dt="2023-10-12T11:38:20.867" v="298"/>
          <ac:spMkLst>
            <pc:docMk/>
            <pc:sldMk cId="2376958513" sldId="260"/>
            <ac:spMk id="9844" creationId="{DC30930E-2D85-FC82-31C6-6B9C1194BE3F}"/>
          </ac:spMkLst>
        </pc:spChg>
        <pc:spChg chg="mod">
          <ac:chgData name="White, Alex" userId="eff6cc8c-37d8-483b-9c6c-6b27e9afa9bc" providerId="ADAL" clId="{BF04C754-5BF4-4E83-9615-DB14FA25AF8A}" dt="2023-10-12T11:38:20.867" v="298"/>
          <ac:spMkLst>
            <pc:docMk/>
            <pc:sldMk cId="2376958513" sldId="260"/>
            <ac:spMk id="9845" creationId="{EF28B69C-CA4D-BB71-146F-B5C093D216F8}"/>
          </ac:spMkLst>
        </pc:spChg>
        <pc:spChg chg="mod">
          <ac:chgData name="White, Alex" userId="eff6cc8c-37d8-483b-9c6c-6b27e9afa9bc" providerId="ADAL" clId="{BF04C754-5BF4-4E83-9615-DB14FA25AF8A}" dt="2023-10-12T11:38:20.867" v="298"/>
          <ac:spMkLst>
            <pc:docMk/>
            <pc:sldMk cId="2376958513" sldId="260"/>
            <ac:spMk id="9846" creationId="{C368F7E0-962E-1114-19B5-F6E67AED5F8E}"/>
          </ac:spMkLst>
        </pc:spChg>
        <pc:spChg chg="mod">
          <ac:chgData name="White, Alex" userId="eff6cc8c-37d8-483b-9c6c-6b27e9afa9bc" providerId="ADAL" clId="{BF04C754-5BF4-4E83-9615-DB14FA25AF8A}" dt="2023-10-12T11:38:20.867" v="298"/>
          <ac:spMkLst>
            <pc:docMk/>
            <pc:sldMk cId="2376958513" sldId="260"/>
            <ac:spMk id="9847" creationId="{5A735E77-11F8-E598-EE17-2D237F8CF438}"/>
          </ac:spMkLst>
        </pc:spChg>
        <pc:spChg chg="mod">
          <ac:chgData name="White, Alex" userId="eff6cc8c-37d8-483b-9c6c-6b27e9afa9bc" providerId="ADAL" clId="{BF04C754-5BF4-4E83-9615-DB14FA25AF8A}" dt="2023-10-12T11:38:20.867" v="298"/>
          <ac:spMkLst>
            <pc:docMk/>
            <pc:sldMk cId="2376958513" sldId="260"/>
            <ac:spMk id="9848" creationId="{E61A4A6E-3833-62FE-6F43-8F88579CF459}"/>
          </ac:spMkLst>
        </pc:spChg>
        <pc:spChg chg="mod">
          <ac:chgData name="White, Alex" userId="eff6cc8c-37d8-483b-9c6c-6b27e9afa9bc" providerId="ADAL" clId="{BF04C754-5BF4-4E83-9615-DB14FA25AF8A}" dt="2023-10-12T11:38:20.867" v="298"/>
          <ac:spMkLst>
            <pc:docMk/>
            <pc:sldMk cId="2376958513" sldId="260"/>
            <ac:spMk id="9849" creationId="{27BC35C1-4E60-CF03-B84B-592618206600}"/>
          </ac:spMkLst>
        </pc:spChg>
        <pc:spChg chg="mod">
          <ac:chgData name="White, Alex" userId="eff6cc8c-37d8-483b-9c6c-6b27e9afa9bc" providerId="ADAL" clId="{BF04C754-5BF4-4E83-9615-DB14FA25AF8A}" dt="2023-10-12T11:38:20.867" v="298"/>
          <ac:spMkLst>
            <pc:docMk/>
            <pc:sldMk cId="2376958513" sldId="260"/>
            <ac:spMk id="9850" creationId="{49B7AA4B-CFFE-D3C1-DC0C-396DC57E99C8}"/>
          </ac:spMkLst>
        </pc:spChg>
        <pc:spChg chg="mod">
          <ac:chgData name="White, Alex" userId="eff6cc8c-37d8-483b-9c6c-6b27e9afa9bc" providerId="ADAL" clId="{BF04C754-5BF4-4E83-9615-DB14FA25AF8A}" dt="2023-10-12T11:38:20.867" v="298"/>
          <ac:spMkLst>
            <pc:docMk/>
            <pc:sldMk cId="2376958513" sldId="260"/>
            <ac:spMk id="9851" creationId="{DED0C03D-3AAD-5CBD-0F15-0EC1D24857E4}"/>
          </ac:spMkLst>
        </pc:spChg>
        <pc:spChg chg="mod">
          <ac:chgData name="White, Alex" userId="eff6cc8c-37d8-483b-9c6c-6b27e9afa9bc" providerId="ADAL" clId="{BF04C754-5BF4-4E83-9615-DB14FA25AF8A}" dt="2023-10-12T11:38:20.867" v="298"/>
          <ac:spMkLst>
            <pc:docMk/>
            <pc:sldMk cId="2376958513" sldId="260"/>
            <ac:spMk id="9852" creationId="{8A282EB6-F0B5-AE6B-1888-2D4076F7C6D3}"/>
          </ac:spMkLst>
        </pc:spChg>
        <pc:spChg chg="mod">
          <ac:chgData name="White, Alex" userId="eff6cc8c-37d8-483b-9c6c-6b27e9afa9bc" providerId="ADAL" clId="{BF04C754-5BF4-4E83-9615-DB14FA25AF8A}" dt="2023-10-12T11:38:20.867" v="298"/>
          <ac:spMkLst>
            <pc:docMk/>
            <pc:sldMk cId="2376958513" sldId="260"/>
            <ac:spMk id="9853" creationId="{75C6022E-2BD2-F58D-4762-DFB763465060}"/>
          </ac:spMkLst>
        </pc:spChg>
        <pc:spChg chg="mod">
          <ac:chgData name="White, Alex" userId="eff6cc8c-37d8-483b-9c6c-6b27e9afa9bc" providerId="ADAL" clId="{BF04C754-5BF4-4E83-9615-DB14FA25AF8A}" dt="2023-10-12T11:38:20.867" v="298"/>
          <ac:spMkLst>
            <pc:docMk/>
            <pc:sldMk cId="2376958513" sldId="260"/>
            <ac:spMk id="9854" creationId="{3F4B881C-C853-D6D2-3C16-D29F98832425}"/>
          </ac:spMkLst>
        </pc:spChg>
        <pc:spChg chg="mod">
          <ac:chgData name="White, Alex" userId="eff6cc8c-37d8-483b-9c6c-6b27e9afa9bc" providerId="ADAL" clId="{BF04C754-5BF4-4E83-9615-DB14FA25AF8A}" dt="2023-10-12T11:38:20.867" v="298"/>
          <ac:spMkLst>
            <pc:docMk/>
            <pc:sldMk cId="2376958513" sldId="260"/>
            <ac:spMk id="9855" creationId="{CBECC57A-A48B-33D0-7575-4292A87B2A12}"/>
          </ac:spMkLst>
        </pc:spChg>
        <pc:spChg chg="mod">
          <ac:chgData name="White, Alex" userId="eff6cc8c-37d8-483b-9c6c-6b27e9afa9bc" providerId="ADAL" clId="{BF04C754-5BF4-4E83-9615-DB14FA25AF8A}" dt="2023-10-12T11:38:20.867" v="298"/>
          <ac:spMkLst>
            <pc:docMk/>
            <pc:sldMk cId="2376958513" sldId="260"/>
            <ac:spMk id="9856" creationId="{CBFACFFF-9BA7-F7DD-6AF8-F4213CB19A69}"/>
          </ac:spMkLst>
        </pc:spChg>
        <pc:spChg chg="mod">
          <ac:chgData name="White, Alex" userId="eff6cc8c-37d8-483b-9c6c-6b27e9afa9bc" providerId="ADAL" clId="{BF04C754-5BF4-4E83-9615-DB14FA25AF8A}" dt="2023-10-12T11:38:20.867" v="298"/>
          <ac:spMkLst>
            <pc:docMk/>
            <pc:sldMk cId="2376958513" sldId="260"/>
            <ac:spMk id="9857" creationId="{3BD9A287-08CF-80CF-5A19-0CE36194E603}"/>
          </ac:spMkLst>
        </pc:spChg>
        <pc:spChg chg="mod">
          <ac:chgData name="White, Alex" userId="eff6cc8c-37d8-483b-9c6c-6b27e9afa9bc" providerId="ADAL" clId="{BF04C754-5BF4-4E83-9615-DB14FA25AF8A}" dt="2023-10-12T11:38:20.867" v="298"/>
          <ac:spMkLst>
            <pc:docMk/>
            <pc:sldMk cId="2376958513" sldId="260"/>
            <ac:spMk id="9858" creationId="{3313CA29-078B-3FCD-6DA9-C0D7E7091B85}"/>
          </ac:spMkLst>
        </pc:spChg>
        <pc:spChg chg="mod">
          <ac:chgData name="White, Alex" userId="eff6cc8c-37d8-483b-9c6c-6b27e9afa9bc" providerId="ADAL" clId="{BF04C754-5BF4-4E83-9615-DB14FA25AF8A}" dt="2023-10-12T11:38:20.867" v="298"/>
          <ac:spMkLst>
            <pc:docMk/>
            <pc:sldMk cId="2376958513" sldId="260"/>
            <ac:spMk id="9859" creationId="{98174F4B-08A6-626B-3427-C722B7898057}"/>
          </ac:spMkLst>
        </pc:spChg>
        <pc:spChg chg="mod">
          <ac:chgData name="White, Alex" userId="eff6cc8c-37d8-483b-9c6c-6b27e9afa9bc" providerId="ADAL" clId="{BF04C754-5BF4-4E83-9615-DB14FA25AF8A}" dt="2023-10-12T11:38:20.867" v="298"/>
          <ac:spMkLst>
            <pc:docMk/>
            <pc:sldMk cId="2376958513" sldId="260"/>
            <ac:spMk id="9860" creationId="{12ADC32A-5FA3-56A3-134A-E6C181A4078F}"/>
          </ac:spMkLst>
        </pc:spChg>
        <pc:spChg chg="mod">
          <ac:chgData name="White, Alex" userId="eff6cc8c-37d8-483b-9c6c-6b27e9afa9bc" providerId="ADAL" clId="{BF04C754-5BF4-4E83-9615-DB14FA25AF8A}" dt="2023-10-12T11:38:20.867" v="298"/>
          <ac:spMkLst>
            <pc:docMk/>
            <pc:sldMk cId="2376958513" sldId="260"/>
            <ac:spMk id="9861" creationId="{BC5F9426-06D1-77E6-D604-CFD2F18D5D2B}"/>
          </ac:spMkLst>
        </pc:spChg>
        <pc:spChg chg="mod">
          <ac:chgData name="White, Alex" userId="eff6cc8c-37d8-483b-9c6c-6b27e9afa9bc" providerId="ADAL" clId="{BF04C754-5BF4-4E83-9615-DB14FA25AF8A}" dt="2023-10-12T11:38:20.867" v="298"/>
          <ac:spMkLst>
            <pc:docMk/>
            <pc:sldMk cId="2376958513" sldId="260"/>
            <ac:spMk id="9862" creationId="{65CD1C73-361C-FB07-74BB-CE74CE8425C2}"/>
          </ac:spMkLst>
        </pc:spChg>
        <pc:spChg chg="mod">
          <ac:chgData name="White, Alex" userId="eff6cc8c-37d8-483b-9c6c-6b27e9afa9bc" providerId="ADAL" clId="{BF04C754-5BF4-4E83-9615-DB14FA25AF8A}" dt="2023-10-12T11:38:20.867" v="298"/>
          <ac:spMkLst>
            <pc:docMk/>
            <pc:sldMk cId="2376958513" sldId="260"/>
            <ac:spMk id="9863" creationId="{D0A5BA75-06A1-0661-E427-9CD33BA68650}"/>
          </ac:spMkLst>
        </pc:spChg>
        <pc:spChg chg="mod">
          <ac:chgData name="White, Alex" userId="eff6cc8c-37d8-483b-9c6c-6b27e9afa9bc" providerId="ADAL" clId="{BF04C754-5BF4-4E83-9615-DB14FA25AF8A}" dt="2023-10-12T11:38:20.867" v="298"/>
          <ac:spMkLst>
            <pc:docMk/>
            <pc:sldMk cId="2376958513" sldId="260"/>
            <ac:spMk id="9864" creationId="{C2BCFEC4-730F-AD89-F809-0FF71CCC8C4D}"/>
          </ac:spMkLst>
        </pc:spChg>
        <pc:spChg chg="mod">
          <ac:chgData name="White, Alex" userId="eff6cc8c-37d8-483b-9c6c-6b27e9afa9bc" providerId="ADAL" clId="{BF04C754-5BF4-4E83-9615-DB14FA25AF8A}" dt="2023-10-12T11:38:20.867" v="298"/>
          <ac:spMkLst>
            <pc:docMk/>
            <pc:sldMk cId="2376958513" sldId="260"/>
            <ac:spMk id="9865" creationId="{F477A073-EEA4-4BE9-0583-A0224D9C8857}"/>
          </ac:spMkLst>
        </pc:spChg>
        <pc:spChg chg="mod">
          <ac:chgData name="White, Alex" userId="eff6cc8c-37d8-483b-9c6c-6b27e9afa9bc" providerId="ADAL" clId="{BF04C754-5BF4-4E83-9615-DB14FA25AF8A}" dt="2023-10-12T11:38:20.867" v="298"/>
          <ac:spMkLst>
            <pc:docMk/>
            <pc:sldMk cId="2376958513" sldId="260"/>
            <ac:spMk id="9866" creationId="{4FDEBB84-3529-31A5-C14A-3C9A5F374568}"/>
          </ac:spMkLst>
        </pc:spChg>
        <pc:spChg chg="mod">
          <ac:chgData name="White, Alex" userId="eff6cc8c-37d8-483b-9c6c-6b27e9afa9bc" providerId="ADAL" clId="{BF04C754-5BF4-4E83-9615-DB14FA25AF8A}" dt="2023-10-12T11:38:20.867" v="298"/>
          <ac:spMkLst>
            <pc:docMk/>
            <pc:sldMk cId="2376958513" sldId="260"/>
            <ac:spMk id="9867" creationId="{356D5890-A787-77B5-BAC1-1E3367D169D5}"/>
          </ac:spMkLst>
        </pc:spChg>
        <pc:spChg chg="mod">
          <ac:chgData name="White, Alex" userId="eff6cc8c-37d8-483b-9c6c-6b27e9afa9bc" providerId="ADAL" clId="{BF04C754-5BF4-4E83-9615-DB14FA25AF8A}" dt="2023-10-12T11:38:20.867" v="298"/>
          <ac:spMkLst>
            <pc:docMk/>
            <pc:sldMk cId="2376958513" sldId="260"/>
            <ac:spMk id="9868" creationId="{0C87F5DA-860C-CC07-95D6-F7AA77582AB5}"/>
          </ac:spMkLst>
        </pc:spChg>
        <pc:spChg chg="mod">
          <ac:chgData name="White, Alex" userId="eff6cc8c-37d8-483b-9c6c-6b27e9afa9bc" providerId="ADAL" clId="{BF04C754-5BF4-4E83-9615-DB14FA25AF8A}" dt="2023-10-12T11:38:20.867" v="298"/>
          <ac:spMkLst>
            <pc:docMk/>
            <pc:sldMk cId="2376958513" sldId="260"/>
            <ac:spMk id="9869" creationId="{9AF58BE4-7BCA-A42E-D3ED-116635079435}"/>
          </ac:spMkLst>
        </pc:spChg>
        <pc:spChg chg="mod">
          <ac:chgData name="White, Alex" userId="eff6cc8c-37d8-483b-9c6c-6b27e9afa9bc" providerId="ADAL" clId="{BF04C754-5BF4-4E83-9615-DB14FA25AF8A}" dt="2023-10-12T11:38:20.867" v="298"/>
          <ac:spMkLst>
            <pc:docMk/>
            <pc:sldMk cId="2376958513" sldId="260"/>
            <ac:spMk id="9870" creationId="{FAC09C4C-FB44-F043-CC7F-175A405FC395}"/>
          </ac:spMkLst>
        </pc:spChg>
        <pc:spChg chg="mod">
          <ac:chgData name="White, Alex" userId="eff6cc8c-37d8-483b-9c6c-6b27e9afa9bc" providerId="ADAL" clId="{BF04C754-5BF4-4E83-9615-DB14FA25AF8A}" dt="2023-10-12T11:38:20.867" v="298"/>
          <ac:spMkLst>
            <pc:docMk/>
            <pc:sldMk cId="2376958513" sldId="260"/>
            <ac:spMk id="9871" creationId="{DBC46B49-09EB-624F-763C-49F46F0AFAD6}"/>
          </ac:spMkLst>
        </pc:spChg>
        <pc:spChg chg="mod">
          <ac:chgData name="White, Alex" userId="eff6cc8c-37d8-483b-9c6c-6b27e9afa9bc" providerId="ADAL" clId="{BF04C754-5BF4-4E83-9615-DB14FA25AF8A}" dt="2023-10-12T11:38:20.867" v="298"/>
          <ac:spMkLst>
            <pc:docMk/>
            <pc:sldMk cId="2376958513" sldId="260"/>
            <ac:spMk id="9872" creationId="{595A31ED-5713-DC65-67D6-8FF89B086468}"/>
          </ac:spMkLst>
        </pc:spChg>
        <pc:spChg chg="mod">
          <ac:chgData name="White, Alex" userId="eff6cc8c-37d8-483b-9c6c-6b27e9afa9bc" providerId="ADAL" clId="{BF04C754-5BF4-4E83-9615-DB14FA25AF8A}" dt="2023-10-12T11:38:20.867" v="298"/>
          <ac:spMkLst>
            <pc:docMk/>
            <pc:sldMk cId="2376958513" sldId="260"/>
            <ac:spMk id="9873" creationId="{6D5174B4-2D24-200A-FF5D-ED6BBC1245B0}"/>
          </ac:spMkLst>
        </pc:spChg>
        <pc:spChg chg="mod">
          <ac:chgData name="White, Alex" userId="eff6cc8c-37d8-483b-9c6c-6b27e9afa9bc" providerId="ADAL" clId="{BF04C754-5BF4-4E83-9615-DB14FA25AF8A}" dt="2023-10-12T11:38:20.867" v="298"/>
          <ac:spMkLst>
            <pc:docMk/>
            <pc:sldMk cId="2376958513" sldId="260"/>
            <ac:spMk id="9874" creationId="{F0F3DF4D-0232-0CBF-7D9C-D745CFD22EC8}"/>
          </ac:spMkLst>
        </pc:spChg>
        <pc:spChg chg="mod">
          <ac:chgData name="White, Alex" userId="eff6cc8c-37d8-483b-9c6c-6b27e9afa9bc" providerId="ADAL" clId="{BF04C754-5BF4-4E83-9615-DB14FA25AF8A}" dt="2023-10-12T11:38:20.867" v="298"/>
          <ac:spMkLst>
            <pc:docMk/>
            <pc:sldMk cId="2376958513" sldId="260"/>
            <ac:spMk id="9875" creationId="{F470139F-B95C-8BEB-A19A-5BBDFA062303}"/>
          </ac:spMkLst>
        </pc:spChg>
        <pc:spChg chg="mod">
          <ac:chgData name="White, Alex" userId="eff6cc8c-37d8-483b-9c6c-6b27e9afa9bc" providerId="ADAL" clId="{BF04C754-5BF4-4E83-9615-DB14FA25AF8A}" dt="2023-10-12T11:38:20.867" v="298"/>
          <ac:spMkLst>
            <pc:docMk/>
            <pc:sldMk cId="2376958513" sldId="260"/>
            <ac:spMk id="9876" creationId="{D0AF4259-9B6A-948A-BB1C-DC90C9817765}"/>
          </ac:spMkLst>
        </pc:spChg>
        <pc:spChg chg="mod">
          <ac:chgData name="White, Alex" userId="eff6cc8c-37d8-483b-9c6c-6b27e9afa9bc" providerId="ADAL" clId="{BF04C754-5BF4-4E83-9615-DB14FA25AF8A}" dt="2023-10-12T11:38:20.867" v="298"/>
          <ac:spMkLst>
            <pc:docMk/>
            <pc:sldMk cId="2376958513" sldId="260"/>
            <ac:spMk id="9877" creationId="{85C99976-7ADD-A15A-8AB6-4224677F708F}"/>
          </ac:spMkLst>
        </pc:spChg>
        <pc:spChg chg="mod">
          <ac:chgData name="White, Alex" userId="eff6cc8c-37d8-483b-9c6c-6b27e9afa9bc" providerId="ADAL" clId="{BF04C754-5BF4-4E83-9615-DB14FA25AF8A}" dt="2023-10-12T11:38:20.867" v="298"/>
          <ac:spMkLst>
            <pc:docMk/>
            <pc:sldMk cId="2376958513" sldId="260"/>
            <ac:spMk id="9878" creationId="{48CA7569-DB3F-9E58-841B-45D4DBF6FB35}"/>
          </ac:spMkLst>
        </pc:spChg>
        <pc:spChg chg="mod">
          <ac:chgData name="White, Alex" userId="eff6cc8c-37d8-483b-9c6c-6b27e9afa9bc" providerId="ADAL" clId="{BF04C754-5BF4-4E83-9615-DB14FA25AF8A}" dt="2023-10-12T11:38:20.867" v="298"/>
          <ac:spMkLst>
            <pc:docMk/>
            <pc:sldMk cId="2376958513" sldId="260"/>
            <ac:spMk id="9879" creationId="{D26E6F20-A734-C706-7A53-ED518AB01C70}"/>
          </ac:spMkLst>
        </pc:spChg>
        <pc:spChg chg="mod">
          <ac:chgData name="White, Alex" userId="eff6cc8c-37d8-483b-9c6c-6b27e9afa9bc" providerId="ADAL" clId="{BF04C754-5BF4-4E83-9615-DB14FA25AF8A}" dt="2023-10-12T11:38:20.867" v="298"/>
          <ac:spMkLst>
            <pc:docMk/>
            <pc:sldMk cId="2376958513" sldId="260"/>
            <ac:spMk id="9880" creationId="{A4E71DEA-5DF4-B935-98C4-8512427468E2}"/>
          </ac:spMkLst>
        </pc:spChg>
        <pc:spChg chg="mod">
          <ac:chgData name="White, Alex" userId="eff6cc8c-37d8-483b-9c6c-6b27e9afa9bc" providerId="ADAL" clId="{BF04C754-5BF4-4E83-9615-DB14FA25AF8A}" dt="2023-10-12T11:38:20.867" v="298"/>
          <ac:spMkLst>
            <pc:docMk/>
            <pc:sldMk cId="2376958513" sldId="260"/>
            <ac:spMk id="9881" creationId="{CE54DDC3-3BC3-D0F9-A9A6-D86A678F13C3}"/>
          </ac:spMkLst>
        </pc:spChg>
        <pc:spChg chg="mod">
          <ac:chgData name="White, Alex" userId="eff6cc8c-37d8-483b-9c6c-6b27e9afa9bc" providerId="ADAL" clId="{BF04C754-5BF4-4E83-9615-DB14FA25AF8A}" dt="2023-10-12T11:38:20.867" v="298"/>
          <ac:spMkLst>
            <pc:docMk/>
            <pc:sldMk cId="2376958513" sldId="260"/>
            <ac:spMk id="9882" creationId="{FA1727B8-C294-D497-76DB-79C8F07629BA}"/>
          </ac:spMkLst>
        </pc:spChg>
        <pc:spChg chg="mod">
          <ac:chgData name="White, Alex" userId="eff6cc8c-37d8-483b-9c6c-6b27e9afa9bc" providerId="ADAL" clId="{BF04C754-5BF4-4E83-9615-DB14FA25AF8A}" dt="2023-10-12T11:38:20.867" v="298"/>
          <ac:spMkLst>
            <pc:docMk/>
            <pc:sldMk cId="2376958513" sldId="260"/>
            <ac:spMk id="9883" creationId="{13D54BB2-88A2-1DE6-6923-4D480A11301D}"/>
          </ac:spMkLst>
        </pc:spChg>
        <pc:spChg chg="mod">
          <ac:chgData name="White, Alex" userId="eff6cc8c-37d8-483b-9c6c-6b27e9afa9bc" providerId="ADAL" clId="{BF04C754-5BF4-4E83-9615-DB14FA25AF8A}" dt="2023-10-12T11:38:20.867" v="298"/>
          <ac:spMkLst>
            <pc:docMk/>
            <pc:sldMk cId="2376958513" sldId="260"/>
            <ac:spMk id="9884" creationId="{2D771D6C-8C14-8F32-2706-8031DFEC4817}"/>
          </ac:spMkLst>
        </pc:spChg>
        <pc:spChg chg="mod">
          <ac:chgData name="White, Alex" userId="eff6cc8c-37d8-483b-9c6c-6b27e9afa9bc" providerId="ADAL" clId="{BF04C754-5BF4-4E83-9615-DB14FA25AF8A}" dt="2023-10-12T11:38:20.867" v="298"/>
          <ac:spMkLst>
            <pc:docMk/>
            <pc:sldMk cId="2376958513" sldId="260"/>
            <ac:spMk id="9885" creationId="{5BE02390-8D98-46C9-0149-882A84DFBE4C}"/>
          </ac:spMkLst>
        </pc:spChg>
        <pc:spChg chg="mod">
          <ac:chgData name="White, Alex" userId="eff6cc8c-37d8-483b-9c6c-6b27e9afa9bc" providerId="ADAL" clId="{BF04C754-5BF4-4E83-9615-DB14FA25AF8A}" dt="2023-10-12T11:38:20.867" v="298"/>
          <ac:spMkLst>
            <pc:docMk/>
            <pc:sldMk cId="2376958513" sldId="260"/>
            <ac:spMk id="9886" creationId="{726B3A95-56DF-2F1B-2E90-6DD22B674B7A}"/>
          </ac:spMkLst>
        </pc:spChg>
        <pc:spChg chg="mod">
          <ac:chgData name="White, Alex" userId="eff6cc8c-37d8-483b-9c6c-6b27e9afa9bc" providerId="ADAL" clId="{BF04C754-5BF4-4E83-9615-DB14FA25AF8A}" dt="2023-10-12T11:38:20.867" v="298"/>
          <ac:spMkLst>
            <pc:docMk/>
            <pc:sldMk cId="2376958513" sldId="260"/>
            <ac:spMk id="9887" creationId="{09A62832-4509-1FB5-558A-4B45945A402A}"/>
          </ac:spMkLst>
        </pc:spChg>
        <pc:spChg chg="mod">
          <ac:chgData name="White, Alex" userId="eff6cc8c-37d8-483b-9c6c-6b27e9afa9bc" providerId="ADAL" clId="{BF04C754-5BF4-4E83-9615-DB14FA25AF8A}" dt="2023-10-12T11:38:20.867" v="298"/>
          <ac:spMkLst>
            <pc:docMk/>
            <pc:sldMk cId="2376958513" sldId="260"/>
            <ac:spMk id="9888" creationId="{EA2BD25A-4D5F-110E-0D30-C4B3733E6D06}"/>
          </ac:spMkLst>
        </pc:spChg>
        <pc:spChg chg="mod">
          <ac:chgData name="White, Alex" userId="eff6cc8c-37d8-483b-9c6c-6b27e9afa9bc" providerId="ADAL" clId="{BF04C754-5BF4-4E83-9615-DB14FA25AF8A}" dt="2023-10-12T11:38:20.867" v="298"/>
          <ac:spMkLst>
            <pc:docMk/>
            <pc:sldMk cId="2376958513" sldId="260"/>
            <ac:spMk id="9889" creationId="{63E5E4F4-3071-F824-42EE-6CEE1AB28111}"/>
          </ac:spMkLst>
        </pc:spChg>
        <pc:spChg chg="mod">
          <ac:chgData name="White, Alex" userId="eff6cc8c-37d8-483b-9c6c-6b27e9afa9bc" providerId="ADAL" clId="{BF04C754-5BF4-4E83-9615-DB14FA25AF8A}" dt="2023-10-12T11:38:20.867" v="298"/>
          <ac:spMkLst>
            <pc:docMk/>
            <pc:sldMk cId="2376958513" sldId="260"/>
            <ac:spMk id="9890" creationId="{1F41CF79-4B4B-1157-4B6B-C4CFF2A75C62}"/>
          </ac:spMkLst>
        </pc:spChg>
        <pc:spChg chg="mod">
          <ac:chgData name="White, Alex" userId="eff6cc8c-37d8-483b-9c6c-6b27e9afa9bc" providerId="ADAL" clId="{BF04C754-5BF4-4E83-9615-DB14FA25AF8A}" dt="2023-10-12T11:38:20.867" v="298"/>
          <ac:spMkLst>
            <pc:docMk/>
            <pc:sldMk cId="2376958513" sldId="260"/>
            <ac:spMk id="9891" creationId="{5747C870-0C5A-DD08-91B3-01A8222CF25E}"/>
          </ac:spMkLst>
        </pc:spChg>
        <pc:spChg chg="mod">
          <ac:chgData name="White, Alex" userId="eff6cc8c-37d8-483b-9c6c-6b27e9afa9bc" providerId="ADAL" clId="{BF04C754-5BF4-4E83-9615-DB14FA25AF8A}" dt="2023-10-12T11:38:20.867" v="298"/>
          <ac:spMkLst>
            <pc:docMk/>
            <pc:sldMk cId="2376958513" sldId="260"/>
            <ac:spMk id="9892" creationId="{3E3A6862-D96D-F33F-6C69-14B4321E5301}"/>
          </ac:spMkLst>
        </pc:spChg>
        <pc:spChg chg="mod">
          <ac:chgData name="White, Alex" userId="eff6cc8c-37d8-483b-9c6c-6b27e9afa9bc" providerId="ADAL" clId="{BF04C754-5BF4-4E83-9615-DB14FA25AF8A}" dt="2023-10-12T11:38:20.867" v="298"/>
          <ac:spMkLst>
            <pc:docMk/>
            <pc:sldMk cId="2376958513" sldId="260"/>
            <ac:spMk id="9893" creationId="{EDE6945A-177E-974C-AA5C-66AD14BFEEF2}"/>
          </ac:spMkLst>
        </pc:spChg>
        <pc:spChg chg="mod">
          <ac:chgData name="White, Alex" userId="eff6cc8c-37d8-483b-9c6c-6b27e9afa9bc" providerId="ADAL" clId="{BF04C754-5BF4-4E83-9615-DB14FA25AF8A}" dt="2023-10-12T11:38:20.867" v="298"/>
          <ac:spMkLst>
            <pc:docMk/>
            <pc:sldMk cId="2376958513" sldId="260"/>
            <ac:spMk id="9894" creationId="{75EDA043-6904-B4FA-B15E-47AB84947C43}"/>
          </ac:spMkLst>
        </pc:spChg>
        <pc:spChg chg="mod">
          <ac:chgData name="White, Alex" userId="eff6cc8c-37d8-483b-9c6c-6b27e9afa9bc" providerId="ADAL" clId="{BF04C754-5BF4-4E83-9615-DB14FA25AF8A}" dt="2023-10-12T11:38:20.867" v="298"/>
          <ac:spMkLst>
            <pc:docMk/>
            <pc:sldMk cId="2376958513" sldId="260"/>
            <ac:spMk id="9895" creationId="{59A8155B-2597-2E42-0299-673F56218F7C}"/>
          </ac:spMkLst>
        </pc:spChg>
        <pc:spChg chg="mod">
          <ac:chgData name="White, Alex" userId="eff6cc8c-37d8-483b-9c6c-6b27e9afa9bc" providerId="ADAL" clId="{BF04C754-5BF4-4E83-9615-DB14FA25AF8A}" dt="2023-10-12T11:38:20.867" v="298"/>
          <ac:spMkLst>
            <pc:docMk/>
            <pc:sldMk cId="2376958513" sldId="260"/>
            <ac:spMk id="9896" creationId="{B754865C-EB4C-185D-93C2-D4CB09239E06}"/>
          </ac:spMkLst>
        </pc:spChg>
        <pc:spChg chg="mod">
          <ac:chgData name="White, Alex" userId="eff6cc8c-37d8-483b-9c6c-6b27e9afa9bc" providerId="ADAL" clId="{BF04C754-5BF4-4E83-9615-DB14FA25AF8A}" dt="2023-10-12T11:38:20.867" v="298"/>
          <ac:spMkLst>
            <pc:docMk/>
            <pc:sldMk cId="2376958513" sldId="260"/>
            <ac:spMk id="9897" creationId="{51268EA5-3638-DB6A-6D32-31D377DE5565}"/>
          </ac:spMkLst>
        </pc:spChg>
        <pc:spChg chg="mod">
          <ac:chgData name="White, Alex" userId="eff6cc8c-37d8-483b-9c6c-6b27e9afa9bc" providerId="ADAL" clId="{BF04C754-5BF4-4E83-9615-DB14FA25AF8A}" dt="2023-10-12T11:38:20.867" v="298"/>
          <ac:spMkLst>
            <pc:docMk/>
            <pc:sldMk cId="2376958513" sldId="260"/>
            <ac:spMk id="9898" creationId="{8BB3D95D-6BF8-1A71-6EA2-34C865B887AF}"/>
          </ac:spMkLst>
        </pc:spChg>
        <pc:spChg chg="mod">
          <ac:chgData name="White, Alex" userId="eff6cc8c-37d8-483b-9c6c-6b27e9afa9bc" providerId="ADAL" clId="{BF04C754-5BF4-4E83-9615-DB14FA25AF8A}" dt="2023-10-12T11:38:20.867" v="298"/>
          <ac:spMkLst>
            <pc:docMk/>
            <pc:sldMk cId="2376958513" sldId="260"/>
            <ac:spMk id="9899" creationId="{B03EC094-4A16-1442-4BA5-1918C64785C2}"/>
          </ac:spMkLst>
        </pc:spChg>
        <pc:spChg chg="mod">
          <ac:chgData name="White, Alex" userId="eff6cc8c-37d8-483b-9c6c-6b27e9afa9bc" providerId="ADAL" clId="{BF04C754-5BF4-4E83-9615-DB14FA25AF8A}" dt="2023-10-12T11:38:20.867" v="298"/>
          <ac:spMkLst>
            <pc:docMk/>
            <pc:sldMk cId="2376958513" sldId="260"/>
            <ac:spMk id="9900" creationId="{7CB527CF-78A3-4638-DF74-5E52C5BB3357}"/>
          </ac:spMkLst>
        </pc:spChg>
        <pc:spChg chg="mod">
          <ac:chgData name="White, Alex" userId="eff6cc8c-37d8-483b-9c6c-6b27e9afa9bc" providerId="ADAL" clId="{BF04C754-5BF4-4E83-9615-DB14FA25AF8A}" dt="2023-10-12T11:38:20.867" v="298"/>
          <ac:spMkLst>
            <pc:docMk/>
            <pc:sldMk cId="2376958513" sldId="260"/>
            <ac:spMk id="9901" creationId="{E79C8B84-94B3-FDCF-CA43-1E870183DA1A}"/>
          </ac:spMkLst>
        </pc:spChg>
        <pc:spChg chg="mod">
          <ac:chgData name="White, Alex" userId="eff6cc8c-37d8-483b-9c6c-6b27e9afa9bc" providerId="ADAL" clId="{BF04C754-5BF4-4E83-9615-DB14FA25AF8A}" dt="2023-10-12T11:38:20.867" v="298"/>
          <ac:spMkLst>
            <pc:docMk/>
            <pc:sldMk cId="2376958513" sldId="260"/>
            <ac:spMk id="9902" creationId="{4772570A-307A-FEA5-F0DE-C160A48B4CA7}"/>
          </ac:spMkLst>
        </pc:spChg>
        <pc:spChg chg="mod">
          <ac:chgData name="White, Alex" userId="eff6cc8c-37d8-483b-9c6c-6b27e9afa9bc" providerId="ADAL" clId="{BF04C754-5BF4-4E83-9615-DB14FA25AF8A}" dt="2023-10-12T11:38:20.867" v="298"/>
          <ac:spMkLst>
            <pc:docMk/>
            <pc:sldMk cId="2376958513" sldId="260"/>
            <ac:spMk id="9903" creationId="{8F5521EA-0A61-09C6-E7C5-9D72F3513CD9}"/>
          </ac:spMkLst>
        </pc:spChg>
        <pc:spChg chg="mod">
          <ac:chgData name="White, Alex" userId="eff6cc8c-37d8-483b-9c6c-6b27e9afa9bc" providerId="ADAL" clId="{BF04C754-5BF4-4E83-9615-DB14FA25AF8A}" dt="2023-10-12T11:38:20.867" v="298"/>
          <ac:spMkLst>
            <pc:docMk/>
            <pc:sldMk cId="2376958513" sldId="260"/>
            <ac:spMk id="9904" creationId="{D8B30EB6-EB08-181C-7EB9-01934A6488A6}"/>
          </ac:spMkLst>
        </pc:spChg>
        <pc:spChg chg="mod">
          <ac:chgData name="White, Alex" userId="eff6cc8c-37d8-483b-9c6c-6b27e9afa9bc" providerId="ADAL" clId="{BF04C754-5BF4-4E83-9615-DB14FA25AF8A}" dt="2023-10-12T11:38:20.867" v="298"/>
          <ac:spMkLst>
            <pc:docMk/>
            <pc:sldMk cId="2376958513" sldId="260"/>
            <ac:spMk id="9905" creationId="{C735A364-6B40-2FA4-05E3-EA2B81F1FA65}"/>
          </ac:spMkLst>
        </pc:spChg>
        <pc:spChg chg="mod">
          <ac:chgData name="White, Alex" userId="eff6cc8c-37d8-483b-9c6c-6b27e9afa9bc" providerId="ADAL" clId="{BF04C754-5BF4-4E83-9615-DB14FA25AF8A}" dt="2023-10-12T11:38:20.867" v="298"/>
          <ac:spMkLst>
            <pc:docMk/>
            <pc:sldMk cId="2376958513" sldId="260"/>
            <ac:spMk id="9906" creationId="{A38B9C07-C851-75D3-DD00-1A6501D2E02A}"/>
          </ac:spMkLst>
        </pc:spChg>
        <pc:spChg chg="mod">
          <ac:chgData name="White, Alex" userId="eff6cc8c-37d8-483b-9c6c-6b27e9afa9bc" providerId="ADAL" clId="{BF04C754-5BF4-4E83-9615-DB14FA25AF8A}" dt="2023-10-12T11:38:20.867" v="298"/>
          <ac:spMkLst>
            <pc:docMk/>
            <pc:sldMk cId="2376958513" sldId="260"/>
            <ac:spMk id="9907" creationId="{7D8CAB61-5372-DBFB-393C-06AE28473C1B}"/>
          </ac:spMkLst>
        </pc:spChg>
        <pc:spChg chg="mod">
          <ac:chgData name="White, Alex" userId="eff6cc8c-37d8-483b-9c6c-6b27e9afa9bc" providerId="ADAL" clId="{BF04C754-5BF4-4E83-9615-DB14FA25AF8A}" dt="2023-10-12T11:38:20.867" v="298"/>
          <ac:spMkLst>
            <pc:docMk/>
            <pc:sldMk cId="2376958513" sldId="260"/>
            <ac:spMk id="9908" creationId="{11ACC556-654C-413B-08D6-DF4AD9B577AF}"/>
          </ac:spMkLst>
        </pc:spChg>
        <pc:spChg chg="mod">
          <ac:chgData name="White, Alex" userId="eff6cc8c-37d8-483b-9c6c-6b27e9afa9bc" providerId="ADAL" clId="{BF04C754-5BF4-4E83-9615-DB14FA25AF8A}" dt="2023-10-12T11:38:20.867" v="298"/>
          <ac:spMkLst>
            <pc:docMk/>
            <pc:sldMk cId="2376958513" sldId="260"/>
            <ac:spMk id="9909" creationId="{B92CFCB5-1796-2914-5409-7939E208311F}"/>
          </ac:spMkLst>
        </pc:spChg>
        <pc:spChg chg="mod">
          <ac:chgData name="White, Alex" userId="eff6cc8c-37d8-483b-9c6c-6b27e9afa9bc" providerId="ADAL" clId="{BF04C754-5BF4-4E83-9615-DB14FA25AF8A}" dt="2023-10-12T11:38:20.867" v="298"/>
          <ac:spMkLst>
            <pc:docMk/>
            <pc:sldMk cId="2376958513" sldId="260"/>
            <ac:spMk id="9910" creationId="{26F0F19D-0DF8-F820-256E-6BF7A98C9C88}"/>
          </ac:spMkLst>
        </pc:spChg>
        <pc:spChg chg="mod">
          <ac:chgData name="White, Alex" userId="eff6cc8c-37d8-483b-9c6c-6b27e9afa9bc" providerId="ADAL" clId="{BF04C754-5BF4-4E83-9615-DB14FA25AF8A}" dt="2023-10-12T11:38:20.867" v="298"/>
          <ac:spMkLst>
            <pc:docMk/>
            <pc:sldMk cId="2376958513" sldId="260"/>
            <ac:spMk id="9911" creationId="{4EAE296B-C785-F216-22E5-8C03DD2A6865}"/>
          </ac:spMkLst>
        </pc:spChg>
        <pc:spChg chg="mod">
          <ac:chgData name="White, Alex" userId="eff6cc8c-37d8-483b-9c6c-6b27e9afa9bc" providerId="ADAL" clId="{BF04C754-5BF4-4E83-9615-DB14FA25AF8A}" dt="2023-10-12T11:38:20.867" v="298"/>
          <ac:spMkLst>
            <pc:docMk/>
            <pc:sldMk cId="2376958513" sldId="260"/>
            <ac:spMk id="9912" creationId="{1F9042F1-979F-0CA4-02B9-847DCAF2F77C}"/>
          </ac:spMkLst>
        </pc:spChg>
        <pc:spChg chg="mod">
          <ac:chgData name="White, Alex" userId="eff6cc8c-37d8-483b-9c6c-6b27e9afa9bc" providerId="ADAL" clId="{BF04C754-5BF4-4E83-9615-DB14FA25AF8A}" dt="2023-10-12T11:38:20.867" v="298"/>
          <ac:spMkLst>
            <pc:docMk/>
            <pc:sldMk cId="2376958513" sldId="260"/>
            <ac:spMk id="9913" creationId="{F62258F3-ABEC-4DF8-1A77-A6D005AB3464}"/>
          </ac:spMkLst>
        </pc:spChg>
        <pc:spChg chg="mod">
          <ac:chgData name="White, Alex" userId="eff6cc8c-37d8-483b-9c6c-6b27e9afa9bc" providerId="ADAL" clId="{BF04C754-5BF4-4E83-9615-DB14FA25AF8A}" dt="2023-10-12T11:38:20.867" v="298"/>
          <ac:spMkLst>
            <pc:docMk/>
            <pc:sldMk cId="2376958513" sldId="260"/>
            <ac:spMk id="9914" creationId="{E8B3F4F4-E76C-74C7-3ACD-6535199314DF}"/>
          </ac:spMkLst>
        </pc:spChg>
        <pc:spChg chg="mod">
          <ac:chgData name="White, Alex" userId="eff6cc8c-37d8-483b-9c6c-6b27e9afa9bc" providerId="ADAL" clId="{BF04C754-5BF4-4E83-9615-DB14FA25AF8A}" dt="2023-10-12T11:38:20.867" v="298"/>
          <ac:spMkLst>
            <pc:docMk/>
            <pc:sldMk cId="2376958513" sldId="260"/>
            <ac:spMk id="9915" creationId="{AFBC6859-EA35-6B89-3DD8-2B718181CBD7}"/>
          </ac:spMkLst>
        </pc:spChg>
        <pc:spChg chg="mod">
          <ac:chgData name="White, Alex" userId="eff6cc8c-37d8-483b-9c6c-6b27e9afa9bc" providerId="ADAL" clId="{BF04C754-5BF4-4E83-9615-DB14FA25AF8A}" dt="2023-10-12T11:38:20.867" v="298"/>
          <ac:spMkLst>
            <pc:docMk/>
            <pc:sldMk cId="2376958513" sldId="260"/>
            <ac:spMk id="9916" creationId="{A661691B-AF86-9FDD-1FD5-2532E21620DF}"/>
          </ac:spMkLst>
        </pc:spChg>
        <pc:spChg chg="mod">
          <ac:chgData name="White, Alex" userId="eff6cc8c-37d8-483b-9c6c-6b27e9afa9bc" providerId="ADAL" clId="{BF04C754-5BF4-4E83-9615-DB14FA25AF8A}" dt="2023-10-12T11:38:20.867" v="298"/>
          <ac:spMkLst>
            <pc:docMk/>
            <pc:sldMk cId="2376958513" sldId="260"/>
            <ac:spMk id="9917" creationId="{BF7BE76C-ADA7-EF75-CC77-7761BA16B511}"/>
          </ac:spMkLst>
        </pc:spChg>
        <pc:spChg chg="mod">
          <ac:chgData name="White, Alex" userId="eff6cc8c-37d8-483b-9c6c-6b27e9afa9bc" providerId="ADAL" clId="{BF04C754-5BF4-4E83-9615-DB14FA25AF8A}" dt="2023-10-12T11:38:20.867" v="298"/>
          <ac:spMkLst>
            <pc:docMk/>
            <pc:sldMk cId="2376958513" sldId="260"/>
            <ac:spMk id="9918" creationId="{E8CEEDED-5794-A7BC-58BF-606FEEFB60E1}"/>
          </ac:spMkLst>
        </pc:spChg>
        <pc:spChg chg="mod">
          <ac:chgData name="White, Alex" userId="eff6cc8c-37d8-483b-9c6c-6b27e9afa9bc" providerId="ADAL" clId="{BF04C754-5BF4-4E83-9615-DB14FA25AF8A}" dt="2023-10-12T11:38:20.867" v="298"/>
          <ac:spMkLst>
            <pc:docMk/>
            <pc:sldMk cId="2376958513" sldId="260"/>
            <ac:spMk id="9919" creationId="{5AD2AD97-C902-1570-61D4-4AE2DAEAFC93}"/>
          </ac:spMkLst>
        </pc:spChg>
        <pc:spChg chg="mod">
          <ac:chgData name="White, Alex" userId="eff6cc8c-37d8-483b-9c6c-6b27e9afa9bc" providerId="ADAL" clId="{BF04C754-5BF4-4E83-9615-DB14FA25AF8A}" dt="2023-10-12T11:38:20.867" v="298"/>
          <ac:spMkLst>
            <pc:docMk/>
            <pc:sldMk cId="2376958513" sldId="260"/>
            <ac:spMk id="9920" creationId="{78D929EE-741A-B7C3-2F20-101227D70F78}"/>
          </ac:spMkLst>
        </pc:spChg>
        <pc:spChg chg="mod">
          <ac:chgData name="White, Alex" userId="eff6cc8c-37d8-483b-9c6c-6b27e9afa9bc" providerId="ADAL" clId="{BF04C754-5BF4-4E83-9615-DB14FA25AF8A}" dt="2023-10-12T11:38:20.867" v="298"/>
          <ac:spMkLst>
            <pc:docMk/>
            <pc:sldMk cId="2376958513" sldId="260"/>
            <ac:spMk id="9921" creationId="{C72FC0EA-5B12-C207-C3D1-A9EDE650E261}"/>
          </ac:spMkLst>
        </pc:spChg>
        <pc:spChg chg="mod">
          <ac:chgData name="White, Alex" userId="eff6cc8c-37d8-483b-9c6c-6b27e9afa9bc" providerId="ADAL" clId="{BF04C754-5BF4-4E83-9615-DB14FA25AF8A}" dt="2023-10-12T11:38:20.867" v="298"/>
          <ac:spMkLst>
            <pc:docMk/>
            <pc:sldMk cId="2376958513" sldId="260"/>
            <ac:spMk id="9922" creationId="{66375CB8-B733-7CEC-65A4-AD3E94F8A518}"/>
          </ac:spMkLst>
        </pc:spChg>
        <pc:spChg chg="mod">
          <ac:chgData name="White, Alex" userId="eff6cc8c-37d8-483b-9c6c-6b27e9afa9bc" providerId="ADAL" clId="{BF04C754-5BF4-4E83-9615-DB14FA25AF8A}" dt="2023-10-12T11:38:20.867" v="298"/>
          <ac:spMkLst>
            <pc:docMk/>
            <pc:sldMk cId="2376958513" sldId="260"/>
            <ac:spMk id="9923" creationId="{15038B03-AA4D-06E0-1463-64DB07D69CC4}"/>
          </ac:spMkLst>
        </pc:spChg>
        <pc:spChg chg="mod">
          <ac:chgData name="White, Alex" userId="eff6cc8c-37d8-483b-9c6c-6b27e9afa9bc" providerId="ADAL" clId="{BF04C754-5BF4-4E83-9615-DB14FA25AF8A}" dt="2023-10-12T11:38:20.867" v="298"/>
          <ac:spMkLst>
            <pc:docMk/>
            <pc:sldMk cId="2376958513" sldId="260"/>
            <ac:spMk id="9924" creationId="{0DD72A8C-7B2B-686D-1859-F021915B328C}"/>
          </ac:spMkLst>
        </pc:spChg>
        <pc:spChg chg="mod">
          <ac:chgData name="White, Alex" userId="eff6cc8c-37d8-483b-9c6c-6b27e9afa9bc" providerId="ADAL" clId="{BF04C754-5BF4-4E83-9615-DB14FA25AF8A}" dt="2023-10-12T11:38:20.867" v="298"/>
          <ac:spMkLst>
            <pc:docMk/>
            <pc:sldMk cId="2376958513" sldId="260"/>
            <ac:spMk id="9925" creationId="{9BA2E275-C512-3E6D-F8FA-710349816B49}"/>
          </ac:spMkLst>
        </pc:spChg>
        <pc:spChg chg="mod">
          <ac:chgData name="White, Alex" userId="eff6cc8c-37d8-483b-9c6c-6b27e9afa9bc" providerId="ADAL" clId="{BF04C754-5BF4-4E83-9615-DB14FA25AF8A}" dt="2023-10-12T11:38:20.867" v="298"/>
          <ac:spMkLst>
            <pc:docMk/>
            <pc:sldMk cId="2376958513" sldId="260"/>
            <ac:spMk id="9926" creationId="{20949053-93E0-D0C1-6888-E740D8A0D3F8}"/>
          </ac:spMkLst>
        </pc:spChg>
        <pc:spChg chg="mod">
          <ac:chgData name="White, Alex" userId="eff6cc8c-37d8-483b-9c6c-6b27e9afa9bc" providerId="ADAL" clId="{BF04C754-5BF4-4E83-9615-DB14FA25AF8A}" dt="2023-10-12T11:38:20.867" v="298"/>
          <ac:spMkLst>
            <pc:docMk/>
            <pc:sldMk cId="2376958513" sldId="260"/>
            <ac:spMk id="9927" creationId="{DFB5F4B0-ABB4-F6A7-A7E0-BFF5EDDDE20F}"/>
          </ac:spMkLst>
        </pc:spChg>
        <pc:spChg chg="mod">
          <ac:chgData name="White, Alex" userId="eff6cc8c-37d8-483b-9c6c-6b27e9afa9bc" providerId="ADAL" clId="{BF04C754-5BF4-4E83-9615-DB14FA25AF8A}" dt="2023-10-12T11:38:20.867" v="298"/>
          <ac:spMkLst>
            <pc:docMk/>
            <pc:sldMk cId="2376958513" sldId="260"/>
            <ac:spMk id="9928" creationId="{8D02B3FF-A6C7-CA64-2A0C-BEFD8068391E}"/>
          </ac:spMkLst>
        </pc:spChg>
        <pc:spChg chg="mod">
          <ac:chgData name="White, Alex" userId="eff6cc8c-37d8-483b-9c6c-6b27e9afa9bc" providerId="ADAL" clId="{BF04C754-5BF4-4E83-9615-DB14FA25AF8A}" dt="2023-10-12T11:38:20.867" v="298"/>
          <ac:spMkLst>
            <pc:docMk/>
            <pc:sldMk cId="2376958513" sldId="260"/>
            <ac:spMk id="9929" creationId="{C337C139-CF17-1D9B-A921-C2CB91383A07}"/>
          </ac:spMkLst>
        </pc:spChg>
        <pc:spChg chg="mod">
          <ac:chgData name="White, Alex" userId="eff6cc8c-37d8-483b-9c6c-6b27e9afa9bc" providerId="ADAL" clId="{BF04C754-5BF4-4E83-9615-DB14FA25AF8A}" dt="2023-10-12T11:38:20.867" v="298"/>
          <ac:spMkLst>
            <pc:docMk/>
            <pc:sldMk cId="2376958513" sldId="260"/>
            <ac:spMk id="9930" creationId="{7369FC7D-4200-7D2E-A4BC-FF4DAC35ED52}"/>
          </ac:spMkLst>
        </pc:spChg>
        <pc:spChg chg="mod">
          <ac:chgData name="White, Alex" userId="eff6cc8c-37d8-483b-9c6c-6b27e9afa9bc" providerId="ADAL" clId="{BF04C754-5BF4-4E83-9615-DB14FA25AF8A}" dt="2023-10-12T11:38:20.867" v="298"/>
          <ac:spMkLst>
            <pc:docMk/>
            <pc:sldMk cId="2376958513" sldId="260"/>
            <ac:spMk id="9931" creationId="{EC4EBF9A-59BB-D681-6F3A-DA989FE580B0}"/>
          </ac:spMkLst>
        </pc:spChg>
        <pc:spChg chg="mod">
          <ac:chgData name="White, Alex" userId="eff6cc8c-37d8-483b-9c6c-6b27e9afa9bc" providerId="ADAL" clId="{BF04C754-5BF4-4E83-9615-DB14FA25AF8A}" dt="2023-10-12T11:38:20.867" v="298"/>
          <ac:spMkLst>
            <pc:docMk/>
            <pc:sldMk cId="2376958513" sldId="260"/>
            <ac:spMk id="9932" creationId="{7AC3E377-E1B0-9224-0025-C2DD4C0C30B2}"/>
          </ac:spMkLst>
        </pc:spChg>
        <pc:spChg chg="mod">
          <ac:chgData name="White, Alex" userId="eff6cc8c-37d8-483b-9c6c-6b27e9afa9bc" providerId="ADAL" clId="{BF04C754-5BF4-4E83-9615-DB14FA25AF8A}" dt="2023-10-12T11:38:20.867" v="298"/>
          <ac:spMkLst>
            <pc:docMk/>
            <pc:sldMk cId="2376958513" sldId="260"/>
            <ac:spMk id="9933" creationId="{71214A4D-00F7-0179-1089-ABFA89B727EF}"/>
          </ac:spMkLst>
        </pc:spChg>
        <pc:spChg chg="mod">
          <ac:chgData name="White, Alex" userId="eff6cc8c-37d8-483b-9c6c-6b27e9afa9bc" providerId="ADAL" clId="{BF04C754-5BF4-4E83-9615-DB14FA25AF8A}" dt="2023-10-12T11:38:20.867" v="298"/>
          <ac:spMkLst>
            <pc:docMk/>
            <pc:sldMk cId="2376958513" sldId="260"/>
            <ac:spMk id="9934" creationId="{145537E7-BBDF-9CC2-A9F7-55FF570539DE}"/>
          </ac:spMkLst>
        </pc:spChg>
        <pc:spChg chg="mod">
          <ac:chgData name="White, Alex" userId="eff6cc8c-37d8-483b-9c6c-6b27e9afa9bc" providerId="ADAL" clId="{BF04C754-5BF4-4E83-9615-DB14FA25AF8A}" dt="2023-10-12T11:38:20.867" v="298"/>
          <ac:spMkLst>
            <pc:docMk/>
            <pc:sldMk cId="2376958513" sldId="260"/>
            <ac:spMk id="9935" creationId="{D0C3C827-64E3-625C-3D77-7B1D498EE155}"/>
          </ac:spMkLst>
        </pc:spChg>
        <pc:spChg chg="mod">
          <ac:chgData name="White, Alex" userId="eff6cc8c-37d8-483b-9c6c-6b27e9afa9bc" providerId="ADAL" clId="{BF04C754-5BF4-4E83-9615-DB14FA25AF8A}" dt="2023-10-12T11:38:20.867" v="298"/>
          <ac:spMkLst>
            <pc:docMk/>
            <pc:sldMk cId="2376958513" sldId="260"/>
            <ac:spMk id="9936" creationId="{3A1DD450-83DA-62F0-36CA-1871F9A3506F}"/>
          </ac:spMkLst>
        </pc:spChg>
        <pc:spChg chg="mod">
          <ac:chgData name="White, Alex" userId="eff6cc8c-37d8-483b-9c6c-6b27e9afa9bc" providerId="ADAL" clId="{BF04C754-5BF4-4E83-9615-DB14FA25AF8A}" dt="2023-10-12T11:38:20.867" v="298"/>
          <ac:spMkLst>
            <pc:docMk/>
            <pc:sldMk cId="2376958513" sldId="260"/>
            <ac:spMk id="9937" creationId="{CB84BCF5-BF83-1CD6-D40D-8F0B1842A4E8}"/>
          </ac:spMkLst>
        </pc:spChg>
        <pc:spChg chg="mod">
          <ac:chgData name="White, Alex" userId="eff6cc8c-37d8-483b-9c6c-6b27e9afa9bc" providerId="ADAL" clId="{BF04C754-5BF4-4E83-9615-DB14FA25AF8A}" dt="2023-10-12T11:38:20.867" v="298"/>
          <ac:spMkLst>
            <pc:docMk/>
            <pc:sldMk cId="2376958513" sldId="260"/>
            <ac:spMk id="9938" creationId="{26B03F4D-42A6-116B-1637-F2461739AB78}"/>
          </ac:spMkLst>
        </pc:spChg>
        <pc:spChg chg="mod">
          <ac:chgData name="White, Alex" userId="eff6cc8c-37d8-483b-9c6c-6b27e9afa9bc" providerId="ADAL" clId="{BF04C754-5BF4-4E83-9615-DB14FA25AF8A}" dt="2023-10-12T11:38:20.867" v="298"/>
          <ac:spMkLst>
            <pc:docMk/>
            <pc:sldMk cId="2376958513" sldId="260"/>
            <ac:spMk id="9939" creationId="{69DE5B6B-0B54-D027-CB1C-6474618D678F}"/>
          </ac:spMkLst>
        </pc:spChg>
        <pc:spChg chg="mod">
          <ac:chgData name="White, Alex" userId="eff6cc8c-37d8-483b-9c6c-6b27e9afa9bc" providerId="ADAL" clId="{BF04C754-5BF4-4E83-9615-DB14FA25AF8A}" dt="2023-10-12T11:38:20.867" v="298"/>
          <ac:spMkLst>
            <pc:docMk/>
            <pc:sldMk cId="2376958513" sldId="260"/>
            <ac:spMk id="9940" creationId="{975E46D3-B49B-4F00-8154-9B07A359E7EA}"/>
          </ac:spMkLst>
        </pc:spChg>
        <pc:spChg chg="mod">
          <ac:chgData name="White, Alex" userId="eff6cc8c-37d8-483b-9c6c-6b27e9afa9bc" providerId="ADAL" clId="{BF04C754-5BF4-4E83-9615-DB14FA25AF8A}" dt="2023-10-12T11:38:20.867" v="298"/>
          <ac:spMkLst>
            <pc:docMk/>
            <pc:sldMk cId="2376958513" sldId="260"/>
            <ac:spMk id="9941" creationId="{8BF222BC-C780-A44C-0C8C-3FE754A292B4}"/>
          </ac:spMkLst>
        </pc:spChg>
        <pc:spChg chg="mod">
          <ac:chgData name="White, Alex" userId="eff6cc8c-37d8-483b-9c6c-6b27e9afa9bc" providerId="ADAL" clId="{BF04C754-5BF4-4E83-9615-DB14FA25AF8A}" dt="2023-10-12T11:38:20.867" v="298"/>
          <ac:spMkLst>
            <pc:docMk/>
            <pc:sldMk cId="2376958513" sldId="260"/>
            <ac:spMk id="9942" creationId="{3C5A9E11-0001-5902-AC2E-945FEA82EC80}"/>
          </ac:spMkLst>
        </pc:spChg>
        <pc:spChg chg="mod">
          <ac:chgData name="White, Alex" userId="eff6cc8c-37d8-483b-9c6c-6b27e9afa9bc" providerId="ADAL" clId="{BF04C754-5BF4-4E83-9615-DB14FA25AF8A}" dt="2023-10-12T11:38:20.867" v="298"/>
          <ac:spMkLst>
            <pc:docMk/>
            <pc:sldMk cId="2376958513" sldId="260"/>
            <ac:spMk id="9943" creationId="{1A12FB0C-4D0A-FFDE-7520-4F7314DCACC1}"/>
          </ac:spMkLst>
        </pc:spChg>
        <pc:spChg chg="mod">
          <ac:chgData name="White, Alex" userId="eff6cc8c-37d8-483b-9c6c-6b27e9afa9bc" providerId="ADAL" clId="{BF04C754-5BF4-4E83-9615-DB14FA25AF8A}" dt="2023-10-12T11:38:20.867" v="298"/>
          <ac:spMkLst>
            <pc:docMk/>
            <pc:sldMk cId="2376958513" sldId="260"/>
            <ac:spMk id="9944" creationId="{9E5ED83E-E0D9-E02C-67A2-CC11083403F3}"/>
          </ac:spMkLst>
        </pc:spChg>
        <pc:spChg chg="mod">
          <ac:chgData name="White, Alex" userId="eff6cc8c-37d8-483b-9c6c-6b27e9afa9bc" providerId="ADAL" clId="{BF04C754-5BF4-4E83-9615-DB14FA25AF8A}" dt="2023-10-12T11:38:20.867" v="298"/>
          <ac:spMkLst>
            <pc:docMk/>
            <pc:sldMk cId="2376958513" sldId="260"/>
            <ac:spMk id="9945" creationId="{D2AFD4F8-C55D-0665-8072-04DA4A10132B}"/>
          </ac:spMkLst>
        </pc:spChg>
        <pc:spChg chg="mod">
          <ac:chgData name="White, Alex" userId="eff6cc8c-37d8-483b-9c6c-6b27e9afa9bc" providerId="ADAL" clId="{BF04C754-5BF4-4E83-9615-DB14FA25AF8A}" dt="2023-10-12T11:38:20.867" v="298"/>
          <ac:spMkLst>
            <pc:docMk/>
            <pc:sldMk cId="2376958513" sldId="260"/>
            <ac:spMk id="9946" creationId="{66FC17A2-EDF9-3CD7-14C1-506F025201F5}"/>
          </ac:spMkLst>
        </pc:spChg>
        <pc:spChg chg="mod">
          <ac:chgData name="White, Alex" userId="eff6cc8c-37d8-483b-9c6c-6b27e9afa9bc" providerId="ADAL" clId="{BF04C754-5BF4-4E83-9615-DB14FA25AF8A}" dt="2023-10-12T11:38:20.867" v="298"/>
          <ac:spMkLst>
            <pc:docMk/>
            <pc:sldMk cId="2376958513" sldId="260"/>
            <ac:spMk id="9947" creationId="{9D007BE6-A844-FC48-74A3-37EE279371E0}"/>
          </ac:spMkLst>
        </pc:spChg>
        <pc:spChg chg="mod">
          <ac:chgData name="White, Alex" userId="eff6cc8c-37d8-483b-9c6c-6b27e9afa9bc" providerId="ADAL" clId="{BF04C754-5BF4-4E83-9615-DB14FA25AF8A}" dt="2023-10-12T11:38:20.867" v="298"/>
          <ac:spMkLst>
            <pc:docMk/>
            <pc:sldMk cId="2376958513" sldId="260"/>
            <ac:spMk id="9948" creationId="{8CE962FB-6CED-B7E8-EE96-8B628BBBD329}"/>
          </ac:spMkLst>
        </pc:spChg>
        <pc:spChg chg="mod">
          <ac:chgData name="White, Alex" userId="eff6cc8c-37d8-483b-9c6c-6b27e9afa9bc" providerId="ADAL" clId="{BF04C754-5BF4-4E83-9615-DB14FA25AF8A}" dt="2023-10-12T11:38:20.867" v="298"/>
          <ac:spMkLst>
            <pc:docMk/>
            <pc:sldMk cId="2376958513" sldId="260"/>
            <ac:spMk id="9949" creationId="{D6E8C6F9-4BA4-02D8-1D30-A73E2D55D56C}"/>
          </ac:spMkLst>
        </pc:spChg>
        <pc:spChg chg="mod">
          <ac:chgData name="White, Alex" userId="eff6cc8c-37d8-483b-9c6c-6b27e9afa9bc" providerId="ADAL" clId="{BF04C754-5BF4-4E83-9615-DB14FA25AF8A}" dt="2023-10-12T11:38:20.867" v="298"/>
          <ac:spMkLst>
            <pc:docMk/>
            <pc:sldMk cId="2376958513" sldId="260"/>
            <ac:spMk id="9950" creationId="{7421113F-27EC-E695-D852-95D7D5215DE5}"/>
          </ac:spMkLst>
        </pc:spChg>
        <pc:spChg chg="mod">
          <ac:chgData name="White, Alex" userId="eff6cc8c-37d8-483b-9c6c-6b27e9afa9bc" providerId="ADAL" clId="{BF04C754-5BF4-4E83-9615-DB14FA25AF8A}" dt="2023-10-12T11:38:20.867" v="298"/>
          <ac:spMkLst>
            <pc:docMk/>
            <pc:sldMk cId="2376958513" sldId="260"/>
            <ac:spMk id="9951" creationId="{B4710828-226F-CFBB-9EE2-2DC9FDF9AFEB}"/>
          </ac:spMkLst>
        </pc:spChg>
        <pc:spChg chg="mod">
          <ac:chgData name="White, Alex" userId="eff6cc8c-37d8-483b-9c6c-6b27e9afa9bc" providerId="ADAL" clId="{BF04C754-5BF4-4E83-9615-DB14FA25AF8A}" dt="2023-10-12T11:38:20.867" v="298"/>
          <ac:spMkLst>
            <pc:docMk/>
            <pc:sldMk cId="2376958513" sldId="260"/>
            <ac:spMk id="9952" creationId="{3069B3CB-61B8-4201-CCDF-CBDE2ACC2D2D}"/>
          </ac:spMkLst>
        </pc:spChg>
        <pc:spChg chg="mod">
          <ac:chgData name="White, Alex" userId="eff6cc8c-37d8-483b-9c6c-6b27e9afa9bc" providerId="ADAL" clId="{BF04C754-5BF4-4E83-9615-DB14FA25AF8A}" dt="2023-10-12T11:38:20.867" v="298"/>
          <ac:spMkLst>
            <pc:docMk/>
            <pc:sldMk cId="2376958513" sldId="260"/>
            <ac:spMk id="9953" creationId="{6C9F11F4-9333-24F0-5E93-817CEB1A3195}"/>
          </ac:spMkLst>
        </pc:spChg>
        <pc:spChg chg="mod">
          <ac:chgData name="White, Alex" userId="eff6cc8c-37d8-483b-9c6c-6b27e9afa9bc" providerId="ADAL" clId="{BF04C754-5BF4-4E83-9615-DB14FA25AF8A}" dt="2023-10-12T11:38:20.867" v="298"/>
          <ac:spMkLst>
            <pc:docMk/>
            <pc:sldMk cId="2376958513" sldId="260"/>
            <ac:spMk id="9954" creationId="{FB18DD86-3FDC-D97B-5E64-A2AB17D1E759}"/>
          </ac:spMkLst>
        </pc:spChg>
        <pc:spChg chg="mod">
          <ac:chgData name="White, Alex" userId="eff6cc8c-37d8-483b-9c6c-6b27e9afa9bc" providerId="ADAL" clId="{BF04C754-5BF4-4E83-9615-DB14FA25AF8A}" dt="2023-10-12T11:38:20.867" v="298"/>
          <ac:spMkLst>
            <pc:docMk/>
            <pc:sldMk cId="2376958513" sldId="260"/>
            <ac:spMk id="9955" creationId="{4E07149F-383B-931C-1319-320CFB2C0A53}"/>
          </ac:spMkLst>
        </pc:spChg>
        <pc:spChg chg="mod">
          <ac:chgData name="White, Alex" userId="eff6cc8c-37d8-483b-9c6c-6b27e9afa9bc" providerId="ADAL" clId="{BF04C754-5BF4-4E83-9615-DB14FA25AF8A}" dt="2023-10-12T11:38:20.867" v="298"/>
          <ac:spMkLst>
            <pc:docMk/>
            <pc:sldMk cId="2376958513" sldId="260"/>
            <ac:spMk id="9956" creationId="{B3D23FA2-F014-5D90-10D6-A6B5B9D13A0E}"/>
          </ac:spMkLst>
        </pc:spChg>
        <pc:spChg chg="mod">
          <ac:chgData name="White, Alex" userId="eff6cc8c-37d8-483b-9c6c-6b27e9afa9bc" providerId="ADAL" clId="{BF04C754-5BF4-4E83-9615-DB14FA25AF8A}" dt="2023-10-12T11:38:20.867" v="298"/>
          <ac:spMkLst>
            <pc:docMk/>
            <pc:sldMk cId="2376958513" sldId="260"/>
            <ac:spMk id="9957" creationId="{B647C633-CC8F-DACD-1D21-9521C8330BDB}"/>
          </ac:spMkLst>
        </pc:spChg>
        <pc:spChg chg="mod">
          <ac:chgData name="White, Alex" userId="eff6cc8c-37d8-483b-9c6c-6b27e9afa9bc" providerId="ADAL" clId="{BF04C754-5BF4-4E83-9615-DB14FA25AF8A}" dt="2023-10-12T11:38:20.867" v="298"/>
          <ac:spMkLst>
            <pc:docMk/>
            <pc:sldMk cId="2376958513" sldId="260"/>
            <ac:spMk id="9958" creationId="{140341C2-9C43-7827-D2EB-5493A48B0B12}"/>
          </ac:spMkLst>
        </pc:spChg>
        <pc:spChg chg="mod">
          <ac:chgData name="White, Alex" userId="eff6cc8c-37d8-483b-9c6c-6b27e9afa9bc" providerId="ADAL" clId="{BF04C754-5BF4-4E83-9615-DB14FA25AF8A}" dt="2023-10-12T11:38:20.867" v="298"/>
          <ac:spMkLst>
            <pc:docMk/>
            <pc:sldMk cId="2376958513" sldId="260"/>
            <ac:spMk id="9959" creationId="{9FAC2D83-3E31-909F-47FE-EE20C56C5698}"/>
          </ac:spMkLst>
        </pc:spChg>
        <pc:spChg chg="mod">
          <ac:chgData name="White, Alex" userId="eff6cc8c-37d8-483b-9c6c-6b27e9afa9bc" providerId="ADAL" clId="{BF04C754-5BF4-4E83-9615-DB14FA25AF8A}" dt="2023-10-12T11:38:20.867" v="298"/>
          <ac:spMkLst>
            <pc:docMk/>
            <pc:sldMk cId="2376958513" sldId="260"/>
            <ac:spMk id="9960" creationId="{195B905D-2EBB-A412-A003-835251C3C4C8}"/>
          </ac:spMkLst>
        </pc:spChg>
        <pc:spChg chg="mod">
          <ac:chgData name="White, Alex" userId="eff6cc8c-37d8-483b-9c6c-6b27e9afa9bc" providerId="ADAL" clId="{BF04C754-5BF4-4E83-9615-DB14FA25AF8A}" dt="2023-10-12T11:38:20.867" v="298"/>
          <ac:spMkLst>
            <pc:docMk/>
            <pc:sldMk cId="2376958513" sldId="260"/>
            <ac:spMk id="9961" creationId="{80630600-9E1E-A0FD-E1F9-9840365AA21D}"/>
          </ac:spMkLst>
        </pc:spChg>
        <pc:spChg chg="mod">
          <ac:chgData name="White, Alex" userId="eff6cc8c-37d8-483b-9c6c-6b27e9afa9bc" providerId="ADAL" clId="{BF04C754-5BF4-4E83-9615-DB14FA25AF8A}" dt="2023-10-12T11:38:20.867" v="298"/>
          <ac:spMkLst>
            <pc:docMk/>
            <pc:sldMk cId="2376958513" sldId="260"/>
            <ac:spMk id="9962" creationId="{51C93AC6-3F83-2F74-C1AA-2653C659F58E}"/>
          </ac:spMkLst>
        </pc:spChg>
        <pc:spChg chg="mod">
          <ac:chgData name="White, Alex" userId="eff6cc8c-37d8-483b-9c6c-6b27e9afa9bc" providerId="ADAL" clId="{BF04C754-5BF4-4E83-9615-DB14FA25AF8A}" dt="2023-10-12T11:38:20.867" v="298"/>
          <ac:spMkLst>
            <pc:docMk/>
            <pc:sldMk cId="2376958513" sldId="260"/>
            <ac:spMk id="9963" creationId="{9E145065-1974-17F9-A1A4-71F74B0A9D83}"/>
          </ac:spMkLst>
        </pc:spChg>
        <pc:spChg chg="mod">
          <ac:chgData name="White, Alex" userId="eff6cc8c-37d8-483b-9c6c-6b27e9afa9bc" providerId="ADAL" clId="{BF04C754-5BF4-4E83-9615-DB14FA25AF8A}" dt="2023-10-12T11:38:20.867" v="298"/>
          <ac:spMkLst>
            <pc:docMk/>
            <pc:sldMk cId="2376958513" sldId="260"/>
            <ac:spMk id="9964" creationId="{118D58D3-B972-08FE-2002-581B5B1E870C}"/>
          </ac:spMkLst>
        </pc:spChg>
        <pc:spChg chg="mod">
          <ac:chgData name="White, Alex" userId="eff6cc8c-37d8-483b-9c6c-6b27e9afa9bc" providerId="ADAL" clId="{BF04C754-5BF4-4E83-9615-DB14FA25AF8A}" dt="2023-10-12T11:38:20.867" v="298"/>
          <ac:spMkLst>
            <pc:docMk/>
            <pc:sldMk cId="2376958513" sldId="260"/>
            <ac:spMk id="9965" creationId="{DCC25BF1-898B-AC8F-E223-CFEDE87A227E}"/>
          </ac:spMkLst>
        </pc:spChg>
        <pc:spChg chg="mod">
          <ac:chgData name="White, Alex" userId="eff6cc8c-37d8-483b-9c6c-6b27e9afa9bc" providerId="ADAL" clId="{BF04C754-5BF4-4E83-9615-DB14FA25AF8A}" dt="2023-10-12T11:38:20.867" v="298"/>
          <ac:spMkLst>
            <pc:docMk/>
            <pc:sldMk cId="2376958513" sldId="260"/>
            <ac:spMk id="9966" creationId="{6FDC3059-9AD7-9D83-2C59-16A675E5D970}"/>
          </ac:spMkLst>
        </pc:spChg>
        <pc:spChg chg="mod">
          <ac:chgData name="White, Alex" userId="eff6cc8c-37d8-483b-9c6c-6b27e9afa9bc" providerId="ADAL" clId="{BF04C754-5BF4-4E83-9615-DB14FA25AF8A}" dt="2023-10-12T11:38:20.867" v="298"/>
          <ac:spMkLst>
            <pc:docMk/>
            <pc:sldMk cId="2376958513" sldId="260"/>
            <ac:spMk id="9967" creationId="{2B0CE04A-7048-08C6-295D-441457FF0D6E}"/>
          </ac:spMkLst>
        </pc:spChg>
        <pc:spChg chg="mod">
          <ac:chgData name="White, Alex" userId="eff6cc8c-37d8-483b-9c6c-6b27e9afa9bc" providerId="ADAL" clId="{BF04C754-5BF4-4E83-9615-DB14FA25AF8A}" dt="2023-10-12T11:38:20.867" v="298"/>
          <ac:spMkLst>
            <pc:docMk/>
            <pc:sldMk cId="2376958513" sldId="260"/>
            <ac:spMk id="9968" creationId="{170DBE65-C244-351A-49F3-7B9E13AA847B}"/>
          </ac:spMkLst>
        </pc:spChg>
        <pc:spChg chg="mod">
          <ac:chgData name="White, Alex" userId="eff6cc8c-37d8-483b-9c6c-6b27e9afa9bc" providerId="ADAL" clId="{BF04C754-5BF4-4E83-9615-DB14FA25AF8A}" dt="2023-10-12T11:38:20.867" v="298"/>
          <ac:spMkLst>
            <pc:docMk/>
            <pc:sldMk cId="2376958513" sldId="260"/>
            <ac:spMk id="9969" creationId="{B80FF9C0-BAA8-25CA-1163-616D644D6693}"/>
          </ac:spMkLst>
        </pc:spChg>
        <pc:spChg chg="mod">
          <ac:chgData name="White, Alex" userId="eff6cc8c-37d8-483b-9c6c-6b27e9afa9bc" providerId="ADAL" clId="{BF04C754-5BF4-4E83-9615-DB14FA25AF8A}" dt="2023-10-12T11:38:20.867" v="298"/>
          <ac:spMkLst>
            <pc:docMk/>
            <pc:sldMk cId="2376958513" sldId="260"/>
            <ac:spMk id="9970" creationId="{5723E4FE-0D16-1AB2-85F6-03119EB71816}"/>
          </ac:spMkLst>
        </pc:spChg>
        <pc:spChg chg="mod">
          <ac:chgData name="White, Alex" userId="eff6cc8c-37d8-483b-9c6c-6b27e9afa9bc" providerId="ADAL" clId="{BF04C754-5BF4-4E83-9615-DB14FA25AF8A}" dt="2023-10-12T11:38:20.867" v="298"/>
          <ac:spMkLst>
            <pc:docMk/>
            <pc:sldMk cId="2376958513" sldId="260"/>
            <ac:spMk id="9971" creationId="{13E2D601-BC3C-96DD-25B6-4C7DC10FF060}"/>
          </ac:spMkLst>
        </pc:spChg>
        <pc:spChg chg="mod">
          <ac:chgData name="White, Alex" userId="eff6cc8c-37d8-483b-9c6c-6b27e9afa9bc" providerId="ADAL" clId="{BF04C754-5BF4-4E83-9615-DB14FA25AF8A}" dt="2023-10-12T11:38:20.867" v="298"/>
          <ac:spMkLst>
            <pc:docMk/>
            <pc:sldMk cId="2376958513" sldId="260"/>
            <ac:spMk id="9972" creationId="{2544076A-FAB5-5761-C072-490DD6A0E2E6}"/>
          </ac:spMkLst>
        </pc:spChg>
        <pc:spChg chg="mod">
          <ac:chgData name="White, Alex" userId="eff6cc8c-37d8-483b-9c6c-6b27e9afa9bc" providerId="ADAL" clId="{BF04C754-5BF4-4E83-9615-DB14FA25AF8A}" dt="2023-10-12T11:38:20.867" v="298"/>
          <ac:spMkLst>
            <pc:docMk/>
            <pc:sldMk cId="2376958513" sldId="260"/>
            <ac:spMk id="9973" creationId="{F88CB1AB-6FBE-51AA-671F-CAF77DF13B93}"/>
          </ac:spMkLst>
        </pc:spChg>
        <pc:spChg chg="mod">
          <ac:chgData name="White, Alex" userId="eff6cc8c-37d8-483b-9c6c-6b27e9afa9bc" providerId="ADAL" clId="{BF04C754-5BF4-4E83-9615-DB14FA25AF8A}" dt="2023-10-12T11:38:20.867" v="298"/>
          <ac:spMkLst>
            <pc:docMk/>
            <pc:sldMk cId="2376958513" sldId="260"/>
            <ac:spMk id="9974" creationId="{5CB048CB-43AB-06F2-8137-857C89EFB6BE}"/>
          </ac:spMkLst>
        </pc:spChg>
        <pc:spChg chg="mod">
          <ac:chgData name="White, Alex" userId="eff6cc8c-37d8-483b-9c6c-6b27e9afa9bc" providerId="ADAL" clId="{BF04C754-5BF4-4E83-9615-DB14FA25AF8A}" dt="2023-10-12T11:38:20.867" v="298"/>
          <ac:spMkLst>
            <pc:docMk/>
            <pc:sldMk cId="2376958513" sldId="260"/>
            <ac:spMk id="9975" creationId="{1159DDE4-9481-01E4-20C0-37C81046EC88}"/>
          </ac:spMkLst>
        </pc:spChg>
        <pc:spChg chg="mod">
          <ac:chgData name="White, Alex" userId="eff6cc8c-37d8-483b-9c6c-6b27e9afa9bc" providerId="ADAL" clId="{BF04C754-5BF4-4E83-9615-DB14FA25AF8A}" dt="2023-10-12T11:38:20.867" v="298"/>
          <ac:spMkLst>
            <pc:docMk/>
            <pc:sldMk cId="2376958513" sldId="260"/>
            <ac:spMk id="9976" creationId="{24749FBB-EA58-7FE9-BC78-3601FC45F481}"/>
          </ac:spMkLst>
        </pc:spChg>
        <pc:spChg chg="mod">
          <ac:chgData name="White, Alex" userId="eff6cc8c-37d8-483b-9c6c-6b27e9afa9bc" providerId="ADAL" clId="{BF04C754-5BF4-4E83-9615-DB14FA25AF8A}" dt="2023-10-12T11:38:20.867" v="298"/>
          <ac:spMkLst>
            <pc:docMk/>
            <pc:sldMk cId="2376958513" sldId="260"/>
            <ac:spMk id="9977" creationId="{FE37C448-0713-8A81-2017-DC4DB65A6759}"/>
          </ac:spMkLst>
        </pc:spChg>
        <pc:spChg chg="mod">
          <ac:chgData name="White, Alex" userId="eff6cc8c-37d8-483b-9c6c-6b27e9afa9bc" providerId="ADAL" clId="{BF04C754-5BF4-4E83-9615-DB14FA25AF8A}" dt="2023-10-12T11:38:20.867" v="298"/>
          <ac:spMkLst>
            <pc:docMk/>
            <pc:sldMk cId="2376958513" sldId="260"/>
            <ac:spMk id="9978" creationId="{6BF18777-D4F7-E20A-1C71-B278B322712D}"/>
          </ac:spMkLst>
        </pc:spChg>
        <pc:spChg chg="mod">
          <ac:chgData name="White, Alex" userId="eff6cc8c-37d8-483b-9c6c-6b27e9afa9bc" providerId="ADAL" clId="{BF04C754-5BF4-4E83-9615-DB14FA25AF8A}" dt="2023-10-12T11:38:20.867" v="298"/>
          <ac:spMkLst>
            <pc:docMk/>
            <pc:sldMk cId="2376958513" sldId="260"/>
            <ac:spMk id="9979" creationId="{68E277D2-8AEB-F404-0CCA-D5E84ACB9CBB}"/>
          </ac:spMkLst>
        </pc:spChg>
        <pc:spChg chg="mod">
          <ac:chgData name="White, Alex" userId="eff6cc8c-37d8-483b-9c6c-6b27e9afa9bc" providerId="ADAL" clId="{BF04C754-5BF4-4E83-9615-DB14FA25AF8A}" dt="2023-10-12T11:38:20.867" v="298"/>
          <ac:spMkLst>
            <pc:docMk/>
            <pc:sldMk cId="2376958513" sldId="260"/>
            <ac:spMk id="9980" creationId="{9EA2E755-3DD0-6792-5975-B323D0D0ACE9}"/>
          </ac:spMkLst>
        </pc:spChg>
        <pc:spChg chg="mod">
          <ac:chgData name="White, Alex" userId="eff6cc8c-37d8-483b-9c6c-6b27e9afa9bc" providerId="ADAL" clId="{BF04C754-5BF4-4E83-9615-DB14FA25AF8A}" dt="2023-10-12T11:38:20.867" v="298"/>
          <ac:spMkLst>
            <pc:docMk/>
            <pc:sldMk cId="2376958513" sldId="260"/>
            <ac:spMk id="9981" creationId="{98322090-DF21-74AE-2975-0BE8B8101CCC}"/>
          </ac:spMkLst>
        </pc:spChg>
        <pc:spChg chg="mod">
          <ac:chgData name="White, Alex" userId="eff6cc8c-37d8-483b-9c6c-6b27e9afa9bc" providerId="ADAL" clId="{BF04C754-5BF4-4E83-9615-DB14FA25AF8A}" dt="2023-10-12T11:38:20.867" v="298"/>
          <ac:spMkLst>
            <pc:docMk/>
            <pc:sldMk cId="2376958513" sldId="260"/>
            <ac:spMk id="9982" creationId="{5A65AB80-9B11-B327-9E1C-B4B999E3EE21}"/>
          </ac:spMkLst>
        </pc:spChg>
        <pc:spChg chg="mod">
          <ac:chgData name="White, Alex" userId="eff6cc8c-37d8-483b-9c6c-6b27e9afa9bc" providerId="ADAL" clId="{BF04C754-5BF4-4E83-9615-DB14FA25AF8A}" dt="2023-10-12T11:38:20.867" v="298"/>
          <ac:spMkLst>
            <pc:docMk/>
            <pc:sldMk cId="2376958513" sldId="260"/>
            <ac:spMk id="9983" creationId="{20E829F9-450D-2532-6F76-8022F9516DFD}"/>
          </ac:spMkLst>
        </pc:spChg>
        <pc:spChg chg="mod">
          <ac:chgData name="White, Alex" userId="eff6cc8c-37d8-483b-9c6c-6b27e9afa9bc" providerId="ADAL" clId="{BF04C754-5BF4-4E83-9615-DB14FA25AF8A}" dt="2023-10-12T11:38:20.867" v="298"/>
          <ac:spMkLst>
            <pc:docMk/>
            <pc:sldMk cId="2376958513" sldId="260"/>
            <ac:spMk id="9984" creationId="{89D997B4-675F-1976-B261-468673F2932B}"/>
          </ac:spMkLst>
        </pc:spChg>
        <pc:spChg chg="mod">
          <ac:chgData name="White, Alex" userId="eff6cc8c-37d8-483b-9c6c-6b27e9afa9bc" providerId="ADAL" clId="{BF04C754-5BF4-4E83-9615-DB14FA25AF8A}" dt="2023-10-12T11:38:20.867" v="298"/>
          <ac:spMkLst>
            <pc:docMk/>
            <pc:sldMk cId="2376958513" sldId="260"/>
            <ac:spMk id="9985" creationId="{52650442-E5F6-D2CC-D5D0-4543E17C86F7}"/>
          </ac:spMkLst>
        </pc:spChg>
        <pc:spChg chg="mod">
          <ac:chgData name="White, Alex" userId="eff6cc8c-37d8-483b-9c6c-6b27e9afa9bc" providerId="ADAL" clId="{BF04C754-5BF4-4E83-9615-DB14FA25AF8A}" dt="2023-10-12T11:38:20.867" v="298"/>
          <ac:spMkLst>
            <pc:docMk/>
            <pc:sldMk cId="2376958513" sldId="260"/>
            <ac:spMk id="9986" creationId="{07EE227D-E059-DA94-7BE5-C4E7CB008A34}"/>
          </ac:spMkLst>
        </pc:spChg>
        <pc:spChg chg="mod">
          <ac:chgData name="White, Alex" userId="eff6cc8c-37d8-483b-9c6c-6b27e9afa9bc" providerId="ADAL" clId="{BF04C754-5BF4-4E83-9615-DB14FA25AF8A}" dt="2023-10-12T11:38:20.867" v="298"/>
          <ac:spMkLst>
            <pc:docMk/>
            <pc:sldMk cId="2376958513" sldId="260"/>
            <ac:spMk id="9987" creationId="{2831DCDA-85CD-89EA-2EEE-8D4D58713FA6}"/>
          </ac:spMkLst>
        </pc:spChg>
        <pc:spChg chg="mod">
          <ac:chgData name="White, Alex" userId="eff6cc8c-37d8-483b-9c6c-6b27e9afa9bc" providerId="ADAL" clId="{BF04C754-5BF4-4E83-9615-DB14FA25AF8A}" dt="2023-10-12T11:38:20.867" v="298"/>
          <ac:spMkLst>
            <pc:docMk/>
            <pc:sldMk cId="2376958513" sldId="260"/>
            <ac:spMk id="9988" creationId="{5FA4335B-85B7-A0B6-EF7B-2968327CE6D6}"/>
          </ac:spMkLst>
        </pc:spChg>
        <pc:spChg chg="mod">
          <ac:chgData name="White, Alex" userId="eff6cc8c-37d8-483b-9c6c-6b27e9afa9bc" providerId="ADAL" clId="{BF04C754-5BF4-4E83-9615-DB14FA25AF8A}" dt="2023-10-12T11:38:20.867" v="298"/>
          <ac:spMkLst>
            <pc:docMk/>
            <pc:sldMk cId="2376958513" sldId="260"/>
            <ac:spMk id="9989" creationId="{E9B3F119-D9E5-015E-1C43-71C0DD40487D}"/>
          </ac:spMkLst>
        </pc:spChg>
        <pc:spChg chg="mod">
          <ac:chgData name="White, Alex" userId="eff6cc8c-37d8-483b-9c6c-6b27e9afa9bc" providerId="ADAL" clId="{BF04C754-5BF4-4E83-9615-DB14FA25AF8A}" dt="2023-10-12T11:38:20.867" v="298"/>
          <ac:spMkLst>
            <pc:docMk/>
            <pc:sldMk cId="2376958513" sldId="260"/>
            <ac:spMk id="9990" creationId="{633E4DEE-08AB-0B14-06F7-FC7815B9C1FA}"/>
          </ac:spMkLst>
        </pc:spChg>
        <pc:spChg chg="mod">
          <ac:chgData name="White, Alex" userId="eff6cc8c-37d8-483b-9c6c-6b27e9afa9bc" providerId="ADAL" clId="{BF04C754-5BF4-4E83-9615-DB14FA25AF8A}" dt="2023-10-12T11:38:20.867" v="298"/>
          <ac:spMkLst>
            <pc:docMk/>
            <pc:sldMk cId="2376958513" sldId="260"/>
            <ac:spMk id="9991" creationId="{F3867265-A5C3-47A0-FBC1-C2B3BF38A7B1}"/>
          </ac:spMkLst>
        </pc:spChg>
        <pc:spChg chg="mod">
          <ac:chgData name="White, Alex" userId="eff6cc8c-37d8-483b-9c6c-6b27e9afa9bc" providerId="ADAL" clId="{BF04C754-5BF4-4E83-9615-DB14FA25AF8A}" dt="2023-10-12T11:38:20.867" v="298"/>
          <ac:spMkLst>
            <pc:docMk/>
            <pc:sldMk cId="2376958513" sldId="260"/>
            <ac:spMk id="9992" creationId="{DFAC2B3F-5337-61CB-78BA-B6B2BE94FCA2}"/>
          </ac:spMkLst>
        </pc:spChg>
        <pc:spChg chg="mod">
          <ac:chgData name="White, Alex" userId="eff6cc8c-37d8-483b-9c6c-6b27e9afa9bc" providerId="ADAL" clId="{BF04C754-5BF4-4E83-9615-DB14FA25AF8A}" dt="2023-10-12T11:38:20.867" v="298"/>
          <ac:spMkLst>
            <pc:docMk/>
            <pc:sldMk cId="2376958513" sldId="260"/>
            <ac:spMk id="9993" creationId="{60ECDE88-22B0-2F4A-4170-1F9E916AE6BD}"/>
          </ac:spMkLst>
        </pc:spChg>
        <pc:spChg chg="mod">
          <ac:chgData name="White, Alex" userId="eff6cc8c-37d8-483b-9c6c-6b27e9afa9bc" providerId="ADAL" clId="{BF04C754-5BF4-4E83-9615-DB14FA25AF8A}" dt="2023-10-12T11:38:20.867" v="298"/>
          <ac:spMkLst>
            <pc:docMk/>
            <pc:sldMk cId="2376958513" sldId="260"/>
            <ac:spMk id="9994" creationId="{616919D3-8A5D-2485-5C75-01EF5C6C2F42}"/>
          </ac:spMkLst>
        </pc:spChg>
        <pc:spChg chg="mod">
          <ac:chgData name="White, Alex" userId="eff6cc8c-37d8-483b-9c6c-6b27e9afa9bc" providerId="ADAL" clId="{BF04C754-5BF4-4E83-9615-DB14FA25AF8A}" dt="2023-10-12T11:38:20.867" v="298"/>
          <ac:spMkLst>
            <pc:docMk/>
            <pc:sldMk cId="2376958513" sldId="260"/>
            <ac:spMk id="9995" creationId="{256CEB77-AD24-9CCA-B2F4-966498A8505C}"/>
          </ac:spMkLst>
        </pc:spChg>
        <pc:spChg chg="mod">
          <ac:chgData name="White, Alex" userId="eff6cc8c-37d8-483b-9c6c-6b27e9afa9bc" providerId="ADAL" clId="{BF04C754-5BF4-4E83-9615-DB14FA25AF8A}" dt="2023-10-12T11:38:20.867" v="298"/>
          <ac:spMkLst>
            <pc:docMk/>
            <pc:sldMk cId="2376958513" sldId="260"/>
            <ac:spMk id="9996" creationId="{39D42587-95C3-AEFF-5AC9-2B7B545C4B83}"/>
          </ac:spMkLst>
        </pc:spChg>
        <pc:spChg chg="mod">
          <ac:chgData name="White, Alex" userId="eff6cc8c-37d8-483b-9c6c-6b27e9afa9bc" providerId="ADAL" clId="{BF04C754-5BF4-4E83-9615-DB14FA25AF8A}" dt="2023-10-12T11:38:20.867" v="298"/>
          <ac:spMkLst>
            <pc:docMk/>
            <pc:sldMk cId="2376958513" sldId="260"/>
            <ac:spMk id="9997" creationId="{5D3E749E-0D03-BFFA-CFE5-87A04CAAB8E7}"/>
          </ac:spMkLst>
        </pc:spChg>
        <pc:spChg chg="mod">
          <ac:chgData name="White, Alex" userId="eff6cc8c-37d8-483b-9c6c-6b27e9afa9bc" providerId="ADAL" clId="{BF04C754-5BF4-4E83-9615-DB14FA25AF8A}" dt="2023-10-12T11:38:20.867" v="298"/>
          <ac:spMkLst>
            <pc:docMk/>
            <pc:sldMk cId="2376958513" sldId="260"/>
            <ac:spMk id="9998" creationId="{911E5A27-E7C7-0189-AEE4-EF944C88DE11}"/>
          </ac:spMkLst>
        </pc:spChg>
        <pc:spChg chg="mod">
          <ac:chgData name="White, Alex" userId="eff6cc8c-37d8-483b-9c6c-6b27e9afa9bc" providerId="ADAL" clId="{BF04C754-5BF4-4E83-9615-DB14FA25AF8A}" dt="2023-10-12T11:38:20.867" v="298"/>
          <ac:spMkLst>
            <pc:docMk/>
            <pc:sldMk cId="2376958513" sldId="260"/>
            <ac:spMk id="9999" creationId="{70D74359-DF64-02B5-FB89-60418ED89797}"/>
          </ac:spMkLst>
        </pc:spChg>
        <pc:spChg chg="mod">
          <ac:chgData name="White, Alex" userId="eff6cc8c-37d8-483b-9c6c-6b27e9afa9bc" providerId="ADAL" clId="{BF04C754-5BF4-4E83-9615-DB14FA25AF8A}" dt="2023-10-12T11:38:20.867" v="298"/>
          <ac:spMkLst>
            <pc:docMk/>
            <pc:sldMk cId="2376958513" sldId="260"/>
            <ac:spMk id="10000" creationId="{D403DD74-FA96-C307-0B02-D42AF578761C}"/>
          </ac:spMkLst>
        </pc:spChg>
        <pc:spChg chg="mod">
          <ac:chgData name="White, Alex" userId="eff6cc8c-37d8-483b-9c6c-6b27e9afa9bc" providerId="ADAL" clId="{BF04C754-5BF4-4E83-9615-DB14FA25AF8A}" dt="2023-10-12T11:38:20.867" v="298"/>
          <ac:spMkLst>
            <pc:docMk/>
            <pc:sldMk cId="2376958513" sldId="260"/>
            <ac:spMk id="10001" creationId="{3F5767A2-B059-69C2-873A-E8046662B497}"/>
          </ac:spMkLst>
        </pc:spChg>
        <pc:spChg chg="mod">
          <ac:chgData name="White, Alex" userId="eff6cc8c-37d8-483b-9c6c-6b27e9afa9bc" providerId="ADAL" clId="{BF04C754-5BF4-4E83-9615-DB14FA25AF8A}" dt="2023-10-12T11:38:20.867" v="298"/>
          <ac:spMkLst>
            <pc:docMk/>
            <pc:sldMk cId="2376958513" sldId="260"/>
            <ac:spMk id="10002" creationId="{12A6CAB0-89D3-4913-2E51-A2A495390A83}"/>
          </ac:spMkLst>
        </pc:spChg>
        <pc:spChg chg="mod">
          <ac:chgData name="White, Alex" userId="eff6cc8c-37d8-483b-9c6c-6b27e9afa9bc" providerId="ADAL" clId="{BF04C754-5BF4-4E83-9615-DB14FA25AF8A}" dt="2023-10-12T11:38:20.867" v="298"/>
          <ac:spMkLst>
            <pc:docMk/>
            <pc:sldMk cId="2376958513" sldId="260"/>
            <ac:spMk id="10003" creationId="{5E976CF0-4B28-EECA-C354-4A3823134619}"/>
          </ac:spMkLst>
        </pc:spChg>
        <pc:spChg chg="mod">
          <ac:chgData name="White, Alex" userId="eff6cc8c-37d8-483b-9c6c-6b27e9afa9bc" providerId="ADAL" clId="{BF04C754-5BF4-4E83-9615-DB14FA25AF8A}" dt="2023-10-12T11:38:20.867" v="298"/>
          <ac:spMkLst>
            <pc:docMk/>
            <pc:sldMk cId="2376958513" sldId="260"/>
            <ac:spMk id="10004" creationId="{FD276A97-C90E-CD8E-67A9-BDE36B4D5F1D}"/>
          </ac:spMkLst>
        </pc:spChg>
        <pc:spChg chg="mod">
          <ac:chgData name="White, Alex" userId="eff6cc8c-37d8-483b-9c6c-6b27e9afa9bc" providerId="ADAL" clId="{BF04C754-5BF4-4E83-9615-DB14FA25AF8A}" dt="2023-10-12T11:38:20.867" v="298"/>
          <ac:spMkLst>
            <pc:docMk/>
            <pc:sldMk cId="2376958513" sldId="260"/>
            <ac:spMk id="10005" creationId="{AD81A2F0-5061-6021-DC1A-968759370F1D}"/>
          </ac:spMkLst>
        </pc:spChg>
        <pc:spChg chg="mod">
          <ac:chgData name="White, Alex" userId="eff6cc8c-37d8-483b-9c6c-6b27e9afa9bc" providerId="ADAL" clId="{BF04C754-5BF4-4E83-9615-DB14FA25AF8A}" dt="2023-10-12T11:38:20.867" v="298"/>
          <ac:spMkLst>
            <pc:docMk/>
            <pc:sldMk cId="2376958513" sldId="260"/>
            <ac:spMk id="10006" creationId="{282B6C3C-11CC-EE6D-DF5F-087F85A75EB5}"/>
          </ac:spMkLst>
        </pc:spChg>
        <pc:spChg chg="mod">
          <ac:chgData name="White, Alex" userId="eff6cc8c-37d8-483b-9c6c-6b27e9afa9bc" providerId="ADAL" clId="{BF04C754-5BF4-4E83-9615-DB14FA25AF8A}" dt="2023-10-12T11:38:20.867" v="298"/>
          <ac:spMkLst>
            <pc:docMk/>
            <pc:sldMk cId="2376958513" sldId="260"/>
            <ac:spMk id="10007" creationId="{D6EE2897-A200-DDEF-FDB4-2E5D6CDD8D57}"/>
          </ac:spMkLst>
        </pc:spChg>
        <pc:spChg chg="mod">
          <ac:chgData name="White, Alex" userId="eff6cc8c-37d8-483b-9c6c-6b27e9afa9bc" providerId="ADAL" clId="{BF04C754-5BF4-4E83-9615-DB14FA25AF8A}" dt="2023-10-12T11:38:20.867" v="298"/>
          <ac:spMkLst>
            <pc:docMk/>
            <pc:sldMk cId="2376958513" sldId="260"/>
            <ac:spMk id="10008" creationId="{8A0FAD4F-0AAA-CB5E-6C25-8AE299A83593}"/>
          </ac:spMkLst>
        </pc:spChg>
        <pc:spChg chg="mod">
          <ac:chgData name="White, Alex" userId="eff6cc8c-37d8-483b-9c6c-6b27e9afa9bc" providerId="ADAL" clId="{BF04C754-5BF4-4E83-9615-DB14FA25AF8A}" dt="2023-10-12T11:38:20.867" v="298"/>
          <ac:spMkLst>
            <pc:docMk/>
            <pc:sldMk cId="2376958513" sldId="260"/>
            <ac:spMk id="10009" creationId="{A8FDA723-D117-85AD-F89F-2EB52BE82E39}"/>
          </ac:spMkLst>
        </pc:spChg>
        <pc:spChg chg="mod">
          <ac:chgData name="White, Alex" userId="eff6cc8c-37d8-483b-9c6c-6b27e9afa9bc" providerId="ADAL" clId="{BF04C754-5BF4-4E83-9615-DB14FA25AF8A}" dt="2023-10-12T11:38:20.867" v="298"/>
          <ac:spMkLst>
            <pc:docMk/>
            <pc:sldMk cId="2376958513" sldId="260"/>
            <ac:spMk id="10010" creationId="{AC780EF1-4062-ED8B-B4BF-456AD84B2DCF}"/>
          </ac:spMkLst>
        </pc:spChg>
        <pc:spChg chg="mod">
          <ac:chgData name="White, Alex" userId="eff6cc8c-37d8-483b-9c6c-6b27e9afa9bc" providerId="ADAL" clId="{BF04C754-5BF4-4E83-9615-DB14FA25AF8A}" dt="2023-10-12T11:38:20.867" v="298"/>
          <ac:spMkLst>
            <pc:docMk/>
            <pc:sldMk cId="2376958513" sldId="260"/>
            <ac:spMk id="10011" creationId="{4B8F5F0E-0033-E663-CF05-7879EBC85F36}"/>
          </ac:spMkLst>
        </pc:spChg>
        <pc:spChg chg="mod">
          <ac:chgData name="White, Alex" userId="eff6cc8c-37d8-483b-9c6c-6b27e9afa9bc" providerId="ADAL" clId="{BF04C754-5BF4-4E83-9615-DB14FA25AF8A}" dt="2023-10-12T11:38:20.867" v="298"/>
          <ac:spMkLst>
            <pc:docMk/>
            <pc:sldMk cId="2376958513" sldId="260"/>
            <ac:spMk id="10012" creationId="{F94DF36A-A4CD-100F-0C8E-9D044185E565}"/>
          </ac:spMkLst>
        </pc:spChg>
        <pc:spChg chg="mod">
          <ac:chgData name="White, Alex" userId="eff6cc8c-37d8-483b-9c6c-6b27e9afa9bc" providerId="ADAL" clId="{BF04C754-5BF4-4E83-9615-DB14FA25AF8A}" dt="2023-10-12T11:38:20.867" v="298"/>
          <ac:spMkLst>
            <pc:docMk/>
            <pc:sldMk cId="2376958513" sldId="260"/>
            <ac:spMk id="10013" creationId="{4AC120A7-1F06-4766-D940-B12D8570658E}"/>
          </ac:spMkLst>
        </pc:spChg>
        <pc:spChg chg="mod">
          <ac:chgData name="White, Alex" userId="eff6cc8c-37d8-483b-9c6c-6b27e9afa9bc" providerId="ADAL" clId="{BF04C754-5BF4-4E83-9615-DB14FA25AF8A}" dt="2023-10-12T11:38:20.867" v="298"/>
          <ac:spMkLst>
            <pc:docMk/>
            <pc:sldMk cId="2376958513" sldId="260"/>
            <ac:spMk id="10014" creationId="{40613544-1069-8C36-DD19-99AD3513AB1C}"/>
          </ac:spMkLst>
        </pc:spChg>
        <pc:spChg chg="mod">
          <ac:chgData name="White, Alex" userId="eff6cc8c-37d8-483b-9c6c-6b27e9afa9bc" providerId="ADAL" clId="{BF04C754-5BF4-4E83-9615-DB14FA25AF8A}" dt="2023-10-12T11:38:20.867" v="298"/>
          <ac:spMkLst>
            <pc:docMk/>
            <pc:sldMk cId="2376958513" sldId="260"/>
            <ac:spMk id="10015" creationId="{27AD5BEF-D526-261C-ADE8-A0D71D9558FD}"/>
          </ac:spMkLst>
        </pc:spChg>
        <pc:spChg chg="mod">
          <ac:chgData name="White, Alex" userId="eff6cc8c-37d8-483b-9c6c-6b27e9afa9bc" providerId="ADAL" clId="{BF04C754-5BF4-4E83-9615-DB14FA25AF8A}" dt="2023-10-12T11:38:20.867" v="298"/>
          <ac:spMkLst>
            <pc:docMk/>
            <pc:sldMk cId="2376958513" sldId="260"/>
            <ac:spMk id="10016" creationId="{F3C738F7-F861-5491-3D84-6C73905A8525}"/>
          </ac:spMkLst>
        </pc:spChg>
        <pc:spChg chg="mod">
          <ac:chgData name="White, Alex" userId="eff6cc8c-37d8-483b-9c6c-6b27e9afa9bc" providerId="ADAL" clId="{BF04C754-5BF4-4E83-9615-DB14FA25AF8A}" dt="2023-10-12T11:38:20.867" v="298"/>
          <ac:spMkLst>
            <pc:docMk/>
            <pc:sldMk cId="2376958513" sldId="260"/>
            <ac:spMk id="10017" creationId="{6BE84CD9-E6F4-44F1-CB50-AFC85C982C1F}"/>
          </ac:spMkLst>
        </pc:spChg>
        <pc:spChg chg="mod">
          <ac:chgData name="White, Alex" userId="eff6cc8c-37d8-483b-9c6c-6b27e9afa9bc" providerId="ADAL" clId="{BF04C754-5BF4-4E83-9615-DB14FA25AF8A}" dt="2023-10-12T11:38:20.867" v="298"/>
          <ac:spMkLst>
            <pc:docMk/>
            <pc:sldMk cId="2376958513" sldId="260"/>
            <ac:spMk id="10018" creationId="{7AB7BA5E-4E9D-157A-682C-0F80058C1BF5}"/>
          </ac:spMkLst>
        </pc:spChg>
        <pc:spChg chg="mod">
          <ac:chgData name="White, Alex" userId="eff6cc8c-37d8-483b-9c6c-6b27e9afa9bc" providerId="ADAL" clId="{BF04C754-5BF4-4E83-9615-DB14FA25AF8A}" dt="2023-10-12T11:38:20.867" v="298"/>
          <ac:spMkLst>
            <pc:docMk/>
            <pc:sldMk cId="2376958513" sldId="260"/>
            <ac:spMk id="10019" creationId="{C93362E1-71A5-89BA-063E-76F9E0615547}"/>
          </ac:spMkLst>
        </pc:spChg>
        <pc:spChg chg="mod">
          <ac:chgData name="White, Alex" userId="eff6cc8c-37d8-483b-9c6c-6b27e9afa9bc" providerId="ADAL" clId="{BF04C754-5BF4-4E83-9615-DB14FA25AF8A}" dt="2023-10-12T11:38:20.867" v="298"/>
          <ac:spMkLst>
            <pc:docMk/>
            <pc:sldMk cId="2376958513" sldId="260"/>
            <ac:spMk id="10020" creationId="{BFA8334B-5264-B62B-B64C-EF1632B9017E}"/>
          </ac:spMkLst>
        </pc:spChg>
        <pc:spChg chg="mod">
          <ac:chgData name="White, Alex" userId="eff6cc8c-37d8-483b-9c6c-6b27e9afa9bc" providerId="ADAL" clId="{BF04C754-5BF4-4E83-9615-DB14FA25AF8A}" dt="2023-10-12T11:38:20.867" v="298"/>
          <ac:spMkLst>
            <pc:docMk/>
            <pc:sldMk cId="2376958513" sldId="260"/>
            <ac:spMk id="10021" creationId="{6099E70A-A7AA-8505-B420-EC0182D0975D}"/>
          </ac:spMkLst>
        </pc:spChg>
        <pc:spChg chg="mod">
          <ac:chgData name="White, Alex" userId="eff6cc8c-37d8-483b-9c6c-6b27e9afa9bc" providerId="ADAL" clId="{BF04C754-5BF4-4E83-9615-DB14FA25AF8A}" dt="2023-10-12T11:38:20.867" v="298"/>
          <ac:spMkLst>
            <pc:docMk/>
            <pc:sldMk cId="2376958513" sldId="260"/>
            <ac:spMk id="10022" creationId="{4A8B1F77-704E-4998-BEBB-CE2428FAC769}"/>
          </ac:spMkLst>
        </pc:spChg>
        <pc:spChg chg="mod">
          <ac:chgData name="White, Alex" userId="eff6cc8c-37d8-483b-9c6c-6b27e9afa9bc" providerId="ADAL" clId="{BF04C754-5BF4-4E83-9615-DB14FA25AF8A}" dt="2023-10-12T11:38:20.867" v="298"/>
          <ac:spMkLst>
            <pc:docMk/>
            <pc:sldMk cId="2376958513" sldId="260"/>
            <ac:spMk id="10023" creationId="{20F9B0AB-8D08-D8D4-E573-C08BE89B74DA}"/>
          </ac:spMkLst>
        </pc:spChg>
        <pc:spChg chg="mod">
          <ac:chgData name="White, Alex" userId="eff6cc8c-37d8-483b-9c6c-6b27e9afa9bc" providerId="ADAL" clId="{BF04C754-5BF4-4E83-9615-DB14FA25AF8A}" dt="2023-10-12T11:38:20.867" v="298"/>
          <ac:spMkLst>
            <pc:docMk/>
            <pc:sldMk cId="2376958513" sldId="260"/>
            <ac:spMk id="10024" creationId="{8B7677E3-5145-355A-9DD6-E31036F70657}"/>
          </ac:spMkLst>
        </pc:spChg>
        <pc:spChg chg="mod">
          <ac:chgData name="White, Alex" userId="eff6cc8c-37d8-483b-9c6c-6b27e9afa9bc" providerId="ADAL" clId="{BF04C754-5BF4-4E83-9615-DB14FA25AF8A}" dt="2023-10-12T11:38:20.867" v="298"/>
          <ac:spMkLst>
            <pc:docMk/>
            <pc:sldMk cId="2376958513" sldId="260"/>
            <ac:spMk id="10025" creationId="{9E8B238B-7DB4-85F8-D692-9720214F4091}"/>
          </ac:spMkLst>
        </pc:spChg>
        <pc:spChg chg="mod">
          <ac:chgData name="White, Alex" userId="eff6cc8c-37d8-483b-9c6c-6b27e9afa9bc" providerId="ADAL" clId="{BF04C754-5BF4-4E83-9615-DB14FA25AF8A}" dt="2023-10-12T11:38:20.867" v="298"/>
          <ac:spMkLst>
            <pc:docMk/>
            <pc:sldMk cId="2376958513" sldId="260"/>
            <ac:spMk id="10026" creationId="{3359DB25-4704-B2D4-F881-A3ACA71C0BC7}"/>
          </ac:spMkLst>
        </pc:spChg>
        <pc:spChg chg="mod">
          <ac:chgData name="White, Alex" userId="eff6cc8c-37d8-483b-9c6c-6b27e9afa9bc" providerId="ADAL" clId="{BF04C754-5BF4-4E83-9615-DB14FA25AF8A}" dt="2023-10-12T11:38:20.867" v="298"/>
          <ac:spMkLst>
            <pc:docMk/>
            <pc:sldMk cId="2376958513" sldId="260"/>
            <ac:spMk id="10027" creationId="{2973D1DC-7046-D8CD-7E5A-A326C0F28774}"/>
          </ac:spMkLst>
        </pc:spChg>
        <pc:spChg chg="mod">
          <ac:chgData name="White, Alex" userId="eff6cc8c-37d8-483b-9c6c-6b27e9afa9bc" providerId="ADAL" clId="{BF04C754-5BF4-4E83-9615-DB14FA25AF8A}" dt="2023-10-12T11:38:20.867" v="298"/>
          <ac:spMkLst>
            <pc:docMk/>
            <pc:sldMk cId="2376958513" sldId="260"/>
            <ac:spMk id="10028" creationId="{75D0BF4A-AF9E-40D6-B650-73BF04094FAF}"/>
          </ac:spMkLst>
        </pc:spChg>
        <pc:spChg chg="mod">
          <ac:chgData name="White, Alex" userId="eff6cc8c-37d8-483b-9c6c-6b27e9afa9bc" providerId="ADAL" clId="{BF04C754-5BF4-4E83-9615-DB14FA25AF8A}" dt="2023-10-12T11:38:20.867" v="298"/>
          <ac:spMkLst>
            <pc:docMk/>
            <pc:sldMk cId="2376958513" sldId="260"/>
            <ac:spMk id="10029" creationId="{45024674-F805-3988-99D8-1C0E207EB92A}"/>
          </ac:spMkLst>
        </pc:spChg>
        <pc:spChg chg="mod">
          <ac:chgData name="White, Alex" userId="eff6cc8c-37d8-483b-9c6c-6b27e9afa9bc" providerId="ADAL" clId="{BF04C754-5BF4-4E83-9615-DB14FA25AF8A}" dt="2023-10-12T11:38:20.867" v="298"/>
          <ac:spMkLst>
            <pc:docMk/>
            <pc:sldMk cId="2376958513" sldId="260"/>
            <ac:spMk id="10030" creationId="{36F0E964-C241-009E-591E-F49D2BABCA2B}"/>
          </ac:spMkLst>
        </pc:spChg>
        <pc:spChg chg="mod">
          <ac:chgData name="White, Alex" userId="eff6cc8c-37d8-483b-9c6c-6b27e9afa9bc" providerId="ADAL" clId="{BF04C754-5BF4-4E83-9615-DB14FA25AF8A}" dt="2023-10-12T11:38:20.867" v="298"/>
          <ac:spMkLst>
            <pc:docMk/>
            <pc:sldMk cId="2376958513" sldId="260"/>
            <ac:spMk id="10031" creationId="{E389B5E6-D569-B082-6695-234BE0ED62BF}"/>
          </ac:spMkLst>
        </pc:spChg>
        <pc:spChg chg="mod">
          <ac:chgData name="White, Alex" userId="eff6cc8c-37d8-483b-9c6c-6b27e9afa9bc" providerId="ADAL" clId="{BF04C754-5BF4-4E83-9615-DB14FA25AF8A}" dt="2023-10-12T11:38:20.867" v="298"/>
          <ac:spMkLst>
            <pc:docMk/>
            <pc:sldMk cId="2376958513" sldId="260"/>
            <ac:spMk id="10032" creationId="{CCBD1711-7D25-3E61-54F7-6554D6D36B22}"/>
          </ac:spMkLst>
        </pc:spChg>
        <pc:spChg chg="mod">
          <ac:chgData name="White, Alex" userId="eff6cc8c-37d8-483b-9c6c-6b27e9afa9bc" providerId="ADAL" clId="{BF04C754-5BF4-4E83-9615-DB14FA25AF8A}" dt="2023-10-12T11:38:20.867" v="298"/>
          <ac:spMkLst>
            <pc:docMk/>
            <pc:sldMk cId="2376958513" sldId="260"/>
            <ac:spMk id="10033" creationId="{60BB6FC5-AC43-EF41-1A15-F2D174551F00}"/>
          </ac:spMkLst>
        </pc:spChg>
        <pc:spChg chg="mod">
          <ac:chgData name="White, Alex" userId="eff6cc8c-37d8-483b-9c6c-6b27e9afa9bc" providerId="ADAL" clId="{BF04C754-5BF4-4E83-9615-DB14FA25AF8A}" dt="2023-10-12T11:38:20.867" v="298"/>
          <ac:spMkLst>
            <pc:docMk/>
            <pc:sldMk cId="2376958513" sldId="260"/>
            <ac:spMk id="10034" creationId="{768BC8A9-3289-4309-85A5-6DA08774B0C4}"/>
          </ac:spMkLst>
        </pc:spChg>
        <pc:spChg chg="mod">
          <ac:chgData name="White, Alex" userId="eff6cc8c-37d8-483b-9c6c-6b27e9afa9bc" providerId="ADAL" clId="{BF04C754-5BF4-4E83-9615-DB14FA25AF8A}" dt="2023-10-12T11:38:20.867" v="298"/>
          <ac:spMkLst>
            <pc:docMk/>
            <pc:sldMk cId="2376958513" sldId="260"/>
            <ac:spMk id="10035" creationId="{CE35E63E-F17A-49F1-F0BC-52938B646A31}"/>
          </ac:spMkLst>
        </pc:spChg>
        <pc:spChg chg="mod">
          <ac:chgData name="White, Alex" userId="eff6cc8c-37d8-483b-9c6c-6b27e9afa9bc" providerId="ADAL" clId="{BF04C754-5BF4-4E83-9615-DB14FA25AF8A}" dt="2023-10-12T11:38:20.867" v="298"/>
          <ac:spMkLst>
            <pc:docMk/>
            <pc:sldMk cId="2376958513" sldId="260"/>
            <ac:spMk id="10036" creationId="{DD13CD3A-5F5F-03A1-D140-651520B97FA5}"/>
          </ac:spMkLst>
        </pc:spChg>
        <pc:spChg chg="mod">
          <ac:chgData name="White, Alex" userId="eff6cc8c-37d8-483b-9c6c-6b27e9afa9bc" providerId="ADAL" clId="{BF04C754-5BF4-4E83-9615-DB14FA25AF8A}" dt="2023-10-12T11:38:20.867" v="298"/>
          <ac:spMkLst>
            <pc:docMk/>
            <pc:sldMk cId="2376958513" sldId="260"/>
            <ac:spMk id="10037" creationId="{FD2AEE92-B14D-4F53-0157-3F77AADE9F81}"/>
          </ac:spMkLst>
        </pc:spChg>
        <pc:spChg chg="mod">
          <ac:chgData name="White, Alex" userId="eff6cc8c-37d8-483b-9c6c-6b27e9afa9bc" providerId="ADAL" clId="{BF04C754-5BF4-4E83-9615-DB14FA25AF8A}" dt="2023-10-12T11:38:20.867" v="298"/>
          <ac:spMkLst>
            <pc:docMk/>
            <pc:sldMk cId="2376958513" sldId="260"/>
            <ac:spMk id="10038" creationId="{0789D3F4-660E-A0DC-4A9F-04EA72F6245E}"/>
          </ac:spMkLst>
        </pc:spChg>
        <pc:spChg chg="mod">
          <ac:chgData name="White, Alex" userId="eff6cc8c-37d8-483b-9c6c-6b27e9afa9bc" providerId="ADAL" clId="{BF04C754-5BF4-4E83-9615-DB14FA25AF8A}" dt="2023-10-12T11:38:20.867" v="298"/>
          <ac:spMkLst>
            <pc:docMk/>
            <pc:sldMk cId="2376958513" sldId="260"/>
            <ac:spMk id="10039" creationId="{2F2715D1-69A7-06CB-191C-BA355BF8167E}"/>
          </ac:spMkLst>
        </pc:spChg>
        <pc:spChg chg="mod">
          <ac:chgData name="White, Alex" userId="eff6cc8c-37d8-483b-9c6c-6b27e9afa9bc" providerId="ADAL" clId="{BF04C754-5BF4-4E83-9615-DB14FA25AF8A}" dt="2023-10-12T11:38:20.867" v="298"/>
          <ac:spMkLst>
            <pc:docMk/>
            <pc:sldMk cId="2376958513" sldId="260"/>
            <ac:spMk id="10040" creationId="{EE56363E-13CC-2F2A-C58B-4F85C2CD13A5}"/>
          </ac:spMkLst>
        </pc:spChg>
        <pc:spChg chg="mod">
          <ac:chgData name="White, Alex" userId="eff6cc8c-37d8-483b-9c6c-6b27e9afa9bc" providerId="ADAL" clId="{BF04C754-5BF4-4E83-9615-DB14FA25AF8A}" dt="2023-10-12T11:38:20.867" v="298"/>
          <ac:spMkLst>
            <pc:docMk/>
            <pc:sldMk cId="2376958513" sldId="260"/>
            <ac:spMk id="10041" creationId="{A7EC7F68-4AC7-24FE-8629-F7CEEA40335E}"/>
          </ac:spMkLst>
        </pc:spChg>
        <pc:spChg chg="mod">
          <ac:chgData name="White, Alex" userId="eff6cc8c-37d8-483b-9c6c-6b27e9afa9bc" providerId="ADAL" clId="{BF04C754-5BF4-4E83-9615-DB14FA25AF8A}" dt="2023-10-12T11:38:20.867" v="298"/>
          <ac:spMkLst>
            <pc:docMk/>
            <pc:sldMk cId="2376958513" sldId="260"/>
            <ac:spMk id="10042" creationId="{0794B792-A74D-A013-52D5-D0A34166B341}"/>
          </ac:spMkLst>
        </pc:spChg>
        <pc:spChg chg="mod">
          <ac:chgData name="White, Alex" userId="eff6cc8c-37d8-483b-9c6c-6b27e9afa9bc" providerId="ADAL" clId="{BF04C754-5BF4-4E83-9615-DB14FA25AF8A}" dt="2023-10-12T11:38:20.867" v="298"/>
          <ac:spMkLst>
            <pc:docMk/>
            <pc:sldMk cId="2376958513" sldId="260"/>
            <ac:spMk id="10043" creationId="{36E49100-3F2E-AFAD-3222-11D15B62F7AA}"/>
          </ac:spMkLst>
        </pc:spChg>
        <pc:spChg chg="mod">
          <ac:chgData name="White, Alex" userId="eff6cc8c-37d8-483b-9c6c-6b27e9afa9bc" providerId="ADAL" clId="{BF04C754-5BF4-4E83-9615-DB14FA25AF8A}" dt="2023-10-12T11:38:20.867" v="298"/>
          <ac:spMkLst>
            <pc:docMk/>
            <pc:sldMk cId="2376958513" sldId="260"/>
            <ac:spMk id="10044" creationId="{47F969AA-D383-AFF4-0971-228DB8AFF02C}"/>
          </ac:spMkLst>
        </pc:spChg>
        <pc:spChg chg="mod">
          <ac:chgData name="White, Alex" userId="eff6cc8c-37d8-483b-9c6c-6b27e9afa9bc" providerId="ADAL" clId="{BF04C754-5BF4-4E83-9615-DB14FA25AF8A}" dt="2023-10-12T11:38:20.867" v="298"/>
          <ac:spMkLst>
            <pc:docMk/>
            <pc:sldMk cId="2376958513" sldId="260"/>
            <ac:spMk id="10045" creationId="{B6DDD2A2-C3EE-4976-3EB7-06FA763A1B80}"/>
          </ac:spMkLst>
        </pc:spChg>
        <pc:spChg chg="mod">
          <ac:chgData name="White, Alex" userId="eff6cc8c-37d8-483b-9c6c-6b27e9afa9bc" providerId="ADAL" clId="{BF04C754-5BF4-4E83-9615-DB14FA25AF8A}" dt="2023-10-12T11:38:20.867" v="298"/>
          <ac:spMkLst>
            <pc:docMk/>
            <pc:sldMk cId="2376958513" sldId="260"/>
            <ac:spMk id="10046" creationId="{C3C57E7D-88E5-C5B7-E144-2ECDFCB1E837}"/>
          </ac:spMkLst>
        </pc:spChg>
        <pc:spChg chg="mod">
          <ac:chgData name="White, Alex" userId="eff6cc8c-37d8-483b-9c6c-6b27e9afa9bc" providerId="ADAL" clId="{BF04C754-5BF4-4E83-9615-DB14FA25AF8A}" dt="2023-10-12T11:38:20.867" v="298"/>
          <ac:spMkLst>
            <pc:docMk/>
            <pc:sldMk cId="2376958513" sldId="260"/>
            <ac:spMk id="10047" creationId="{0D5CD8F5-C144-99CA-47D4-F9FDD57381F0}"/>
          </ac:spMkLst>
        </pc:spChg>
        <pc:spChg chg="mod">
          <ac:chgData name="White, Alex" userId="eff6cc8c-37d8-483b-9c6c-6b27e9afa9bc" providerId="ADAL" clId="{BF04C754-5BF4-4E83-9615-DB14FA25AF8A}" dt="2023-10-12T11:38:20.867" v="298"/>
          <ac:spMkLst>
            <pc:docMk/>
            <pc:sldMk cId="2376958513" sldId="260"/>
            <ac:spMk id="10048" creationId="{40C19E2C-4FE0-A679-358D-8ABA68EF261E}"/>
          </ac:spMkLst>
        </pc:spChg>
        <pc:spChg chg="mod">
          <ac:chgData name="White, Alex" userId="eff6cc8c-37d8-483b-9c6c-6b27e9afa9bc" providerId="ADAL" clId="{BF04C754-5BF4-4E83-9615-DB14FA25AF8A}" dt="2023-10-12T11:38:20.867" v="298"/>
          <ac:spMkLst>
            <pc:docMk/>
            <pc:sldMk cId="2376958513" sldId="260"/>
            <ac:spMk id="10049" creationId="{928682F8-1BA0-EEA8-2FAC-F73E4A88BE5F}"/>
          </ac:spMkLst>
        </pc:spChg>
        <pc:spChg chg="mod">
          <ac:chgData name="White, Alex" userId="eff6cc8c-37d8-483b-9c6c-6b27e9afa9bc" providerId="ADAL" clId="{BF04C754-5BF4-4E83-9615-DB14FA25AF8A}" dt="2023-10-12T11:38:20.867" v="298"/>
          <ac:spMkLst>
            <pc:docMk/>
            <pc:sldMk cId="2376958513" sldId="260"/>
            <ac:spMk id="10050" creationId="{82B93300-4437-EB74-F9D0-7018AC0F9DFC}"/>
          </ac:spMkLst>
        </pc:spChg>
        <pc:spChg chg="mod">
          <ac:chgData name="White, Alex" userId="eff6cc8c-37d8-483b-9c6c-6b27e9afa9bc" providerId="ADAL" clId="{BF04C754-5BF4-4E83-9615-DB14FA25AF8A}" dt="2023-10-12T11:38:20.867" v="298"/>
          <ac:spMkLst>
            <pc:docMk/>
            <pc:sldMk cId="2376958513" sldId="260"/>
            <ac:spMk id="10051" creationId="{772C697C-597E-4247-0332-547F8628CA5A}"/>
          </ac:spMkLst>
        </pc:spChg>
        <pc:spChg chg="mod">
          <ac:chgData name="White, Alex" userId="eff6cc8c-37d8-483b-9c6c-6b27e9afa9bc" providerId="ADAL" clId="{BF04C754-5BF4-4E83-9615-DB14FA25AF8A}" dt="2023-10-12T11:38:20.867" v="298"/>
          <ac:spMkLst>
            <pc:docMk/>
            <pc:sldMk cId="2376958513" sldId="260"/>
            <ac:spMk id="10052" creationId="{B9C3E23A-9664-6EA9-D8ED-5E1010D1EF36}"/>
          </ac:spMkLst>
        </pc:spChg>
        <pc:spChg chg="mod">
          <ac:chgData name="White, Alex" userId="eff6cc8c-37d8-483b-9c6c-6b27e9afa9bc" providerId="ADAL" clId="{BF04C754-5BF4-4E83-9615-DB14FA25AF8A}" dt="2023-10-12T11:38:20.867" v="298"/>
          <ac:spMkLst>
            <pc:docMk/>
            <pc:sldMk cId="2376958513" sldId="260"/>
            <ac:spMk id="10053" creationId="{EC004C6B-5B1B-50AC-0925-0336E4321F41}"/>
          </ac:spMkLst>
        </pc:spChg>
        <pc:spChg chg="mod">
          <ac:chgData name="White, Alex" userId="eff6cc8c-37d8-483b-9c6c-6b27e9afa9bc" providerId="ADAL" clId="{BF04C754-5BF4-4E83-9615-DB14FA25AF8A}" dt="2023-10-12T11:38:20.867" v="298"/>
          <ac:spMkLst>
            <pc:docMk/>
            <pc:sldMk cId="2376958513" sldId="260"/>
            <ac:spMk id="10054" creationId="{D18363A4-B30F-79C7-03CF-E7B070DD9773}"/>
          </ac:spMkLst>
        </pc:spChg>
        <pc:spChg chg="mod">
          <ac:chgData name="White, Alex" userId="eff6cc8c-37d8-483b-9c6c-6b27e9afa9bc" providerId="ADAL" clId="{BF04C754-5BF4-4E83-9615-DB14FA25AF8A}" dt="2023-10-12T11:38:20.867" v="298"/>
          <ac:spMkLst>
            <pc:docMk/>
            <pc:sldMk cId="2376958513" sldId="260"/>
            <ac:spMk id="10055" creationId="{E2993BD5-F8DA-2A9E-6473-CDE3B418065E}"/>
          </ac:spMkLst>
        </pc:spChg>
        <pc:spChg chg="mod">
          <ac:chgData name="White, Alex" userId="eff6cc8c-37d8-483b-9c6c-6b27e9afa9bc" providerId="ADAL" clId="{BF04C754-5BF4-4E83-9615-DB14FA25AF8A}" dt="2023-10-12T11:38:20.867" v="298"/>
          <ac:spMkLst>
            <pc:docMk/>
            <pc:sldMk cId="2376958513" sldId="260"/>
            <ac:spMk id="10056" creationId="{DB9C86A2-2871-875F-C91D-098C903D5B50}"/>
          </ac:spMkLst>
        </pc:spChg>
        <pc:spChg chg="mod">
          <ac:chgData name="White, Alex" userId="eff6cc8c-37d8-483b-9c6c-6b27e9afa9bc" providerId="ADAL" clId="{BF04C754-5BF4-4E83-9615-DB14FA25AF8A}" dt="2023-10-12T11:38:20.867" v="298"/>
          <ac:spMkLst>
            <pc:docMk/>
            <pc:sldMk cId="2376958513" sldId="260"/>
            <ac:spMk id="10057" creationId="{6783BA30-1F6A-CA31-BAD8-0EE43A7522DF}"/>
          </ac:spMkLst>
        </pc:spChg>
        <pc:spChg chg="mod">
          <ac:chgData name="White, Alex" userId="eff6cc8c-37d8-483b-9c6c-6b27e9afa9bc" providerId="ADAL" clId="{BF04C754-5BF4-4E83-9615-DB14FA25AF8A}" dt="2023-10-12T11:38:20.867" v="298"/>
          <ac:spMkLst>
            <pc:docMk/>
            <pc:sldMk cId="2376958513" sldId="260"/>
            <ac:spMk id="10058" creationId="{7C3859F0-7D8C-57E0-F24C-9AD67A216064}"/>
          </ac:spMkLst>
        </pc:spChg>
        <pc:spChg chg="mod">
          <ac:chgData name="White, Alex" userId="eff6cc8c-37d8-483b-9c6c-6b27e9afa9bc" providerId="ADAL" clId="{BF04C754-5BF4-4E83-9615-DB14FA25AF8A}" dt="2023-10-12T11:38:20.867" v="298"/>
          <ac:spMkLst>
            <pc:docMk/>
            <pc:sldMk cId="2376958513" sldId="260"/>
            <ac:spMk id="10059" creationId="{C6340328-F063-65DF-A8BA-2A310E859582}"/>
          </ac:spMkLst>
        </pc:spChg>
        <pc:spChg chg="mod">
          <ac:chgData name="White, Alex" userId="eff6cc8c-37d8-483b-9c6c-6b27e9afa9bc" providerId="ADAL" clId="{BF04C754-5BF4-4E83-9615-DB14FA25AF8A}" dt="2023-10-12T11:38:20.867" v="298"/>
          <ac:spMkLst>
            <pc:docMk/>
            <pc:sldMk cId="2376958513" sldId="260"/>
            <ac:spMk id="10060" creationId="{E92F84CE-ADD1-73BC-0337-FEA26AAAD30B}"/>
          </ac:spMkLst>
        </pc:spChg>
        <pc:spChg chg="mod">
          <ac:chgData name="White, Alex" userId="eff6cc8c-37d8-483b-9c6c-6b27e9afa9bc" providerId="ADAL" clId="{BF04C754-5BF4-4E83-9615-DB14FA25AF8A}" dt="2023-10-12T11:38:20.867" v="298"/>
          <ac:spMkLst>
            <pc:docMk/>
            <pc:sldMk cId="2376958513" sldId="260"/>
            <ac:spMk id="10061" creationId="{8A7D0908-8FAD-1DE8-981B-6EA66BFADD7D}"/>
          </ac:spMkLst>
        </pc:spChg>
        <pc:spChg chg="mod">
          <ac:chgData name="White, Alex" userId="eff6cc8c-37d8-483b-9c6c-6b27e9afa9bc" providerId="ADAL" clId="{BF04C754-5BF4-4E83-9615-DB14FA25AF8A}" dt="2023-10-12T11:38:20.867" v="298"/>
          <ac:spMkLst>
            <pc:docMk/>
            <pc:sldMk cId="2376958513" sldId="260"/>
            <ac:spMk id="10062" creationId="{F2899280-1760-BE3C-EDDD-6B2BF3D4C515}"/>
          </ac:spMkLst>
        </pc:spChg>
        <pc:spChg chg="mod">
          <ac:chgData name="White, Alex" userId="eff6cc8c-37d8-483b-9c6c-6b27e9afa9bc" providerId="ADAL" clId="{BF04C754-5BF4-4E83-9615-DB14FA25AF8A}" dt="2023-10-12T11:38:20.867" v="298"/>
          <ac:spMkLst>
            <pc:docMk/>
            <pc:sldMk cId="2376958513" sldId="260"/>
            <ac:spMk id="10063" creationId="{D765BDB1-3E93-015F-F88D-05040CC8BE71}"/>
          </ac:spMkLst>
        </pc:spChg>
        <pc:spChg chg="mod">
          <ac:chgData name="White, Alex" userId="eff6cc8c-37d8-483b-9c6c-6b27e9afa9bc" providerId="ADAL" clId="{BF04C754-5BF4-4E83-9615-DB14FA25AF8A}" dt="2023-10-12T11:38:20.867" v="298"/>
          <ac:spMkLst>
            <pc:docMk/>
            <pc:sldMk cId="2376958513" sldId="260"/>
            <ac:spMk id="10064" creationId="{2CE939A4-0850-E2F2-7108-327A7C17CB02}"/>
          </ac:spMkLst>
        </pc:spChg>
        <pc:spChg chg="mod">
          <ac:chgData name="White, Alex" userId="eff6cc8c-37d8-483b-9c6c-6b27e9afa9bc" providerId="ADAL" clId="{BF04C754-5BF4-4E83-9615-DB14FA25AF8A}" dt="2023-10-12T11:38:20.867" v="298"/>
          <ac:spMkLst>
            <pc:docMk/>
            <pc:sldMk cId="2376958513" sldId="260"/>
            <ac:spMk id="10065" creationId="{63A6FD4B-1048-3202-6F6B-DA76096A9DBB}"/>
          </ac:spMkLst>
        </pc:spChg>
        <pc:spChg chg="mod">
          <ac:chgData name="White, Alex" userId="eff6cc8c-37d8-483b-9c6c-6b27e9afa9bc" providerId="ADAL" clId="{BF04C754-5BF4-4E83-9615-DB14FA25AF8A}" dt="2023-10-12T11:38:20.867" v="298"/>
          <ac:spMkLst>
            <pc:docMk/>
            <pc:sldMk cId="2376958513" sldId="260"/>
            <ac:spMk id="10066" creationId="{7D873184-B392-043E-84A1-B99AB037314F}"/>
          </ac:spMkLst>
        </pc:spChg>
        <pc:spChg chg="mod">
          <ac:chgData name="White, Alex" userId="eff6cc8c-37d8-483b-9c6c-6b27e9afa9bc" providerId="ADAL" clId="{BF04C754-5BF4-4E83-9615-DB14FA25AF8A}" dt="2023-10-12T11:38:20.867" v="298"/>
          <ac:spMkLst>
            <pc:docMk/>
            <pc:sldMk cId="2376958513" sldId="260"/>
            <ac:spMk id="10067" creationId="{24CA696C-1E07-2492-1EA0-C7254AF7F6E8}"/>
          </ac:spMkLst>
        </pc:spChg>
        <pc:spChg chg="mod">
          <ac:chgData name="White, Alex" userId="eff6cc8c-37d8-483b-9c6c-6b27e9afa9bc" providerId="ADAL" clId="{BF04C754-5BF4-4E83-9615-DB14FA25AF8A}" dt="2023-10-12T11:38:20.867" v="298"/>
          <ac:spMkLst>
            <pc:docMk/>
            <pc:sldMk cId="2376958513" sldId="260"/>
            <ac:spMk id="10068" creationId="{F51E5383-09DD-B849-EDDD-F0430907C51B}"/>
          </ac:spMkLst>
        </pc:spChg>
        <pc:spChg chg="mod">
          <ac:chgData name="White, Alex" userId="eff6cc8c-37d8-483b-9c6c-6b27e9afa9bc" providerId="ADAL" clId="{BF04C754-5BF4-4E83-9615-DB14FA25AF8A}" dt="2023-10-12T11:38:20.867" v="298"/>
          <ac:spMkLst>
            <pc:docMk/>
            <pc:sldMk cId="2376958513" sldId="260"/>
            <ac:spMk id="10069" creationId="{5C130A00-2736-5576-23B3-DC06977F2BC4}"/>
          </ac:spMkLst>
        </pc:spChg>
        <pc:spChg chg="mod">
          <ac:chgData name="White, Alex" userId="eff6cc8c-37d8-483b-9c6c-6b27e9afa9bc" providerId="ADAL" clId="{BF04C754-5BF4-4E83-9615-DB14FA25AF8A}" dt="2023-10-12T11:38:20.867" v="298"/>
          <ac:spMkLst>
            <pc:docMk/>
            <pc:sldMk cId="2376958513" sldId="260"/>
            <ac:spMk id="10070" creationId="{9562AA1D-E00B-6AAE-53E6-084DBC0377C3}"/>
          </ac:spMkLst>
        </pc:spChg>
        <pc:spChg chg="mod">
          <ac:chgData name="White, Alex" userId="eff6cc8c-37d8-483b-9c6c-6b27e9afa9bc" providerId="ADAL" clId="{BF04C754-5BF4-4E83-9615-DB14FA25AF8A}" dt="2023-10-12T11:38:20.867" v="298"/>
          <ac:spMkLst>
            <pc:docMk/>
            <pc:sldMk cId="2376958513" sldId="260"/>
            <ac:spMk id="10071" creationId="{F89BD30D-8C97-A0B6-1CB0-25F239EE49DE}"/>
          </ac:spMkLst>
        </pc:spChg>
        <pc:spChg chg="mod">
          <ac:chgData name="White, Alex" userId="eff6cc8c-37d8-483b-9c6c-6b27e9afa9bc" providerId="ADAL" clId="{BF04C754-5BF4-4E83-9615-DB14FA25AF8A}" dt="2023-10-12T11:38:20.867" v="298"/>
          <ac:spMkLst>
            <pc:docMk/>
            <pc:sldMk cId="2376958513" sldId="260"/>
            <ac:spMk id="10072" creationId="{2A4191A5-A322-E72C-7A30-306DB29CAC03}"/>
          </ac:spMkLst>
        </pc:spChg>
        <pc:spChg chg="mod">
          <ac:chgData name="White, Alex" userId="eff6cc8c-37d8-483b-9c6c-6b27e9afa9bc" providerId="ADAL" clId="{BF04C754-5BF4-4E83-9615-DB14FA25AF8A}" dt="2023-10-12T11:38:20.867" v="298"/>
          <ac:spMkLst>
            <pc:docMk/>
            <pc:sldMk cId="2376958513" sldId="260"/>
            <ac:spMk id="10073" creationId="{CE859F56-1996-6419-ED86-D72C95104C3C}"/>
          </ac:spMkLst>
        </pc:spChg>
        <pc:spChg chg="mod">
          <ac:chgData name="White, Alex" userId="eff6cc8c-37d8-483b-9c6c-6b27e9afa9bc" providerId="ADAL" clId="{BF04C754-5BF4-4E83-9615-DB14FA25AF8A}" dt="2023-10-12T11:38:20.867" v="298"/>
          <ac:spMkLst>
            <pc:docMk/>
            <pc:sldMk cId="2376958513" sldId="260"/>
            <ac:spMk id="10074" creationId="{243BA947-F0F6-F3A8-AFAF-41872F771DE7}"/>
          </ac:spMkLst>
        </pc:spChg>
        <pc:spChg chg="mod">
          <ac:chgData name="White, Alex" userId="eff6cc8c-37d8-483b-9c6c-6b27e9afa9bc" providerId="ADAL" clId="{BF04C754-5BF4-4E83-9615-DB14FA25AF8A}" dt="2023-10-12T11:38:20.867" v="298"/>
          <ac:spMkLst>
            <pc:docMk/>
            <pc:sldMk cId="2376958513" sldId="260"/>
            <ac:spMk id="10075" creationId="{F65D9F11-E66E-A249-5647-CD52A2B59E44}"/>
          </ac:spMkLst>
        </pc:spChg>
        <pc:spChg chg="mod">
          <ac:chgData name="White, Alex" userId="eff6cc8c-37d8-483b-9c6c-6b27e9afa9bc" providerId="ADAL" clId="{BF04C754-5BF4-4E83-9615-DB14FA25AF8A}" dt="2023-10-12T11:38:20.867" v="298"/>
          <ac:spMkLst>
            <pc:docMk/>
            <pc:sldMk cId="2376958513" sldId="260"/>
            <ac:spMk id="10076" creationId="{60B25797-BD1A-C315-05A3-E227455F650F}"/>
          </ac:spMkLst>
        </pc:spChg>
        <pc:spChg chg="mod">
          <ac:chgData name="White, Alex" userId="eff6cc8c-37d8-483b-9c6c-6b27e9afa9bc" providerId="ADAL" clId="{BF04C754-5BF4-4E83-9615-DB14FA25AF8A}" dt="2023-10-12T11:38:20.867" v="298"/>
          <ac:spMkLst>
            <pc:docMk/>
            <pc:sldMk cId="2376958513" sldId="260"/>
            <ac:spMk id="10077" creationId="{AB3DF01F-BC29-5E44-6407-6F13225F8B20}"/>
          </ac:spMkLst>
        </pc:spChg>
        <pc:spChg chg="mod">
          <ac:chgData name="White, Alex" userId="eff6cc8c-37d8-483b-9c6c-6b27e9afa9bc" providerId="ADAL" clId="{BF04C754-5BF4-4E83-9615-DB14FA25AF8A}" dt="2023-10-12T11:38:20.867" v="298"/>
          <ac:spMkLst>
            <pc:docMk/>
            <pc:sldMk cId="2376958513" sldId="260"/>
            <ac:spMk id="10078" creationId="{4786321D-6A62-C70E-1ADF-1192A2884A03}"/>
          </ac:spMkLst>
        </pc:spChg>
        <pc:spChg chg="mod">
          <ac:chgData name="White, Alex" userId="eff6cc8c-37d8-483b-9c6c-6b27e9afa9bc" providerId="ADAL" clId="{BF04C754-5BF4-4E83-9615-DB14FA25AF8A}" dt="2023-10-12T11:38:20.867" v="298"/>
          <ac:spMkLst>
            <pc:docMk/>
            <pc:sldMk cId="2376958513" sldId="260"/>
            <ac:spMk id="10079" creationId="{047C0E6F-29C8-783B-79E5-D18253B1173A}"/>
          </ac:spMkLst>
        </pc:spChg>
        <pc:spChg chg="mod">
          <ac:chgData name="White, Alex" userId="eff6cc8c-37d8-483b-9c6c-6b27e9afa9bc" providerId="ADAL" clId="{BF04C754-5BF4-4E83-9615-DB14FA25AF8A}" dt="2023-10-12T11:38:20.867" v="298"/>
          <ac:spMkLst>
            <pc:docMk/>
            <pc:sldMk cId="2376958513" sldId="260"/>
            <ac:spMk id="10080" creationId="{348B7BE4-A0F2-3341-E3FE-EA044D8F9F73}"/>
          </ac:spMkLst>
        </pc:spChg>
        <pc:spChg chg="mod">
          <ac:chgData name="White, Alex" userId="eff6cc8c-37d8-483b-9c6c-6b27e9afa9bc" providerId="ADAL" clId="{BF04C754-5BF4-4E83-9615-DB14FA25AF8A}" dt="2023-10-12T11:38:20.867" v="298"/>
          <ac:spMkLst>
            <pc:docMk/>
            <pc:sldMk cId="2376958513" sldId="260"/>
            <ac:spMk id="10081" creationId="{D9914044-6469-CA8C-07E3-008218A27CB0}"/>
          </ac:spMkLst>
        </pc:spChg>
        <pc:spChg chg="mod">
          <ac:chgData name="White, Alex" userId="eff6cc8c-37d8-483b-9c6c-6b27e9afa9bc" providerId="ADAL" clId="{BF04C754-5BF4-4E83-9615-DB14FA25AF8A}" dt="2023-10-12T11:38:20.867" v="298"/>
          <ac:spMkLst>
            <pc:docMk/>
            <pc:sldMk cId="2376958513" sldId="260"/>
            <ac:spMk id="10082" creationId="{E4F1C6E7-545C-CD2C-73A2-74F146134EFC}"/>
          </ac:spMkLst>
        </pc:spChg>
        <pc:spChg chg="mod">
          <ac:chgData name="White, Alex" userId="eff6cc8c-37d8-483b-9c6c-6b27e9afa9bc" providerId="ADAL" clId="{BF04C754-5BF4-4E83-9615-DB14FA25AF8A}" dt="2023-10-12T11:38:20.867" v="298"/>
          <ac:spMkLst>
            <pc:docMk/>
            <pc:sldMk cId="2376958513" sldId="260"/>
            <ac:spMk id="10083" creationId="{806E29E6-80BE-AC2B-B7D8-0A9E1762A162}"/>
          </ac:spMkLst>
        </pc:spChg>
        <pc:spChg chg="mod">
          <ac:chgData name="White, Alex" userId="eff6cc8c-37d8-483b-9c6c-6b27e9afa9bc" providerId="ADAL" clId="{BF04C754-5BF4-4E83-9615-DB14FA25AF8A}" dt="2023-10-12T11:38:20.867" v="298"/>
          <ac:spMkLst>
            <pc:docMk/>
            <pc:sldMk cId="2376958513" sldId="260"/>
            <ac:spMk id="10084" creationId="{E4A01CF1-0F48-3FF0-FC06-7CB5459887C3}"/>
          </ac:spMkLst>
        </pc:spChg>
        <pc:spChg chg="mod">
          <ac:chgData name="White, Alex" userId="eff6cc8c-37d8-483b-9c6c-6b27e9afa9bc" providerId="ADAL" clId="{BF04C754-5BF4-4E83-9615-DB14FA25AF8A}" dt="2023-10-12T11:38:20.867" v="298"/>
          <ac:spMkLst>
            <pc:docMk/>
            <pc:sldMk cId="2376958513" sldId="260"/>
            <ac:spMk id="10085" creationId="{0074326E-7C65-C02B-A2EF-F2F68C1A4609}"/>
          </ac:spMkLst>
        </pc:spChg>
        <pc:spChg chg="mod">
          <ac:chgData name="White, Alex" userId="eff6cc8c-37d8-483b-9c6c-6b27e9afa9bc" providerId="ADAL" clId="{BF04C754-5BF4-4E83-9615-DB14FA25AF8A}" dt="2023-10-12T11:38:20.867" v="298"/>
          <ac:spMkLst>
            <pc:docMk/>
            <pc:sldMk cId="2376958513" sldId="260"/>
            <ac:spMk id="10086" creationId="{0CDBA9A5-5004-A6DF-56D4-A783E61CD3EE}"/>
          </ac:spMkLst>
        </pc:spChg>
        <pc:spChg chg="mod">
          <ac:chgData name="White, Alex" userId="eff6cc8c-37d8-483b-9c6c-6b27e9afa9bc" providerId="ADAL" clId="{BF04C754-5BF4-4E83-9615-DB14FA25AF8A}" dt="2023-10-12T11:38:20.867" v="298"/>
          <ac:spMkLst>
            <pc:docMk/>
            <pc:sldMk cId="2376958513" sldId="260"/>
            <ac:spMk id="10087" creationId="{7D7F4A99-A3C5-C86A-D967-8018EDEE5D10}"/>
          </ac:spMkLst>
        </pc:spChg>
        <pc:spChg chg="mod">
          <ac:chgData name="White, Alex" userId="eff6cc8c-37d8-483b-9c6c-6b27e9afa9bc" providerId="ADAL" clId="{BF04C754-5BF4-4E83-9615-DB14FA25AF8A}" dt="2023-10-12T11:38:20.867" v="298"/>
          <ac:spMkLst>
            <pc:docMk/>
            <pc:sldMk cId="2376958513" sldId="260"/>
            <ac:spMk id="10088" creationId="{BE7F9847-2E0E-CF04-F403-756871C3861F}"/>
          </ac:spMkLst>
        </pc:spChg>
        <pc:spChg chg="mod">
          <ac:chgData name="White, Alex" userId="eff6cc8c-37d8-483b-9c6c-6b27e9afa9bc" providerId="ADAL" clId="{BF04C754-5BF4-4E83-9615-DB14FA25AF8A}" dt="2023-10-12T11:38:20.867" v="298"/>
          <ac:spMkLst>
            <pc:docMk/>
            <pc:sldMk cId="2376958513" sldId="260"/>
            <ac:spMk id="10089" creationId="{B0C33124-50D2-93F0-BC3B-4D41DD40EFB7}"/>
          </ac:spMkLst>
        </pc:spChg>
        <pc:spChg chg="mod">
          <ac:chgData name="White, Alex" userId="eff6cc8c-37d8-483b-9c6c-6b27e9afa9bc" providerId="ADAL" clId="{BF04C754-5BF4-4E83-9615-DB14FA25AF8A}" dt="2023-10-12T11:38:20.867" v="298"/>
          <ac:spMkLst>
            <pc:docMk/>
            <pc:sldMk cId="2376958513" sldId="260"/>
            <ac:spMk id="10090" creationId="{609455F6-E8DB-58E4-1A58-EE7C91B7AF31}"/>
          </ac:spMkLst>
        </pc:spChg>
        <pc:spChg chg="mod">
          <ac:chgData name="White, Alex" userId="eff6cc8c-37d8-483b-9c6c-6b27e9afa9bc" providerId="ADAL" clId="{BF04C754-5BF4-4E83-9615-DB14FA25AF8A}" dt="2023-10-12T11:38:20.867" v="298"/>
          <ac:spMkLst>
            <pc:docMk/>
            <pc:sldMk cId="2376958513" sldId="260"/>
            <ac:spMk id="10091" creationId="{CF484A86-312D-D289-3FF8-07DA7B7CDA37}"/>
          </ac:spMkLst>
        </pc:spChg>
        <pc:spChg chg="mod">
          <ac:chgData name="White, Alex" userId="eff6cc8c-37d8-483b-9c6c-6b27e9afa9bc" providerId="ADAL" clId="{BF04C754-5BF4-4E83-9615-DB14FA25AF8A}" dt="2023-10-12T11:38:20.867" v="298"/>
          <ac:spMkLst>
            <pc:docMk/>
            <pc:sldMk cId="2376958513" sldId="260"/>
            <ac:spMk id="10092" creationId="{36A9503E-E7FC-39BD-8F21-C47EBA44A8C0}"/>
          </ac:spMkLst>
        </pc:spChg>
        <pc:spChg chg="mod">
          <ac:chgData name="White, Alex" userId="eff6cc8c-37d8-483b-9c6c-6b27e9afa9bc" providerId="ADAL" clId="{BF04C754-5BF4-4E83-9615-DB14FA25AF8A}" dt="2023-10-12T11:38:20.867" v="298"/>
          <ac:spMkLst>
            <pc:docMk/>
            <pc:sldMk cId="2376958513" sldId="260"/>
            <ac:spMk id="10093" creationId="{576766D8-BACD-3EA1-454D-5E94C0715943}"/>
          </ac:spMkLst>
        </pc:spChg>
        <pc:spChg chg="mod">
          <ac:chgData name="White, Alex" userId="eff6cc8c-37d8-483b-9c6c-6b27e9afa9bc" providerId="ADAL" clId="{BF04C754-5BF4-4E83-9615-DB14FA25AF8A}" dt="2023-10-12T11:38:20.867" v="298"/>
          <ac:spMkLst>
            <pc:docMk/>
            <pc:sldMk cId="2376958513" sldId="260"/>
            <ac:spMk id="10094" creationId="{77C6D007-851E-166C-80A2-8086F40EE65F}"/>
          </ac:spMkLst>
        </pc:spChg>
        <pc:spChg chg="mod">
          <ac:chgData name="White, Alex" userId="eff6cc8c-37d8-483b-9c6c-6b27e9afa9bc" providerId="ADAL" clId="{BF04C754-5BF4-4E83-9615-DB14FA25AF8A}" dt="2023-10-12T11:38:20.867" v="298"/>
          <ac:spMkLst>
            <pc:docMk/>
            <pc:sldMk cId="2376958513" sldId="260"/>
            <ac:spMk id="10095" creationId="{8C8FBDE5-42BA-E033-6C8B-83BBFFAD4438}"/>
          </ac:spMkLst>
        </pc:spChg>
        <pc:spChg chg="mod">
          <ac:chgData name="White, Alex" userId="eff6cc8c-37d8-483b-9c6c-6b27e9afa9bc" providerId="ADAL" clId="{BF04C754-5BF4-4E83-9615-DB14FA25AF8A}" dt="2023-10-12T11:38:20.867" v="298"/>
          <ac:spMkLst>
            <pc:docMk/>
            <pc:sldMk cId="2376958513" sldId="260"/>
            <ac:spMk id="10096" creationId="{1E510F10-4786-D4C9-6011-1E2BAAC2BCEB}"/>
          </ac:spMkLst>
        </pc:spChg>
        <pc:spChg chg="mod">
          <ac:chgData name="White, Alex" userId="eff6cc8c-37d8-483b-9c6c-6b27e9afa9bc" providerId="ADAL" clId="{BF04C754-5BF4-4E83-9615-DB14FA25AF8A}" dt="2023-10-12T11:38:20.867" v="298"/>
          <ac:spMkLst>
            <pc:docMk/>
            <pc:sldMk cId="2376958513" sldId="260"/>
            <ac:spMk id="10097" creationId="{72B8C271-C8C1-000A-2F82-19BBCE53FCA2}"/>
          </ac:spMkLst>
        </pc:spChg>
        <pc:spChg chg="mod">
          <ac:chgData name="White, Alex" userId="eff6cc8c-37d8-483b-9c6c-6b27e9afa9bc" providerId="ADAL" clId="{BF04C754-5BF4-4E83-9615-DB14FA25AF8A}" dt="2023-10-12T11:38:20.867" v="298"/>
          <ac:spMkLst>
            <pc:docMk/>
            <pc:sldMk cId="2376958513" sldId="260"/>
            <ac:spMk id="10098" creationId="{C1D5E421-7788-9CEB-9D7B-DADBCF9B4AFF}"/>
          </ac:spMkLst>
        </pc:spChg>
        <pc:spChg chg="mod">
          <ac:chgData name="White, Alex" userId="eff6cc8c-37d8-483b-9c6c-6b27e9afa9bc" providerId="ADAL" clId="{BF04C754-5BF4-4E83-9615-DB14FA25AF8A}" dt="2023-10-12T11:38:20.867" v="298"/>
          <ac:spMkLst>
            <pc:docMk/>
            <pc:sldMk cId="2376958513" sldId="260"/>
            <ac:spMk id="10099" creationId="{5C0C4792-EC1B-9399-C984-EB6E873C3EF5}"/>
          </ac:spMkLst>
        </pc:spChg>
        <pc:spChg chg="mod">
          <ac:chgData name="White, Alex" userId="eff6cc8c-37d8-483b-9c6c-6b27e9afa9bc" providerId="ADAL" clId="{BF04C754-5BF4-4E83-9615-DB14FA25AF8A}" dt="2023-10-12T11:38:20.867" v="298"/>
          <ac:spMkLst>
            <pc:docMk/>
            <pc:sldMk cId="2376958513" sldId="260"/>
            <ac:spMk id="10100" creationId="{290E90D8-6EA4-90FF-9A7F-B05614F54B90}"/>
          </ac:spMkLst>
        </pc:spChg>
        <pc:spChg chg="mod">
          <ac:chgData name="White, Alex" userId="eff6cc8c-37d8-483b-9c6c-6b27e9afa9bc" providerId="ADAL" clId="{BF04C754-5BF4-4E83-9615-DB14FA25AF8A}" dt="2023-10-12T11:38:20.867" v="298"/>
          <ac:spMkLst>
            <pc:docMk/>
            <pc:sldMk cId="2376958513" sldId="260"/>
            <ac:spMk id="10101" creationId="{8F7E585B-06BC-8DB9-0EBE-9C325F7F0A5E}"/>
          </ac:spMkLst>
        </pc:spChg>
        <pc:spChg chg="mod">
          <ac:chgData name="White, Alex" userId="eff6cc8c-37d8-483b-9c6c-6b27e9afa9bc" providerId="ADAL" clId="{BF04C754-5BF4-4E83-9615-DB14FA25AF8A}" dt="2023-10-12T11:38:20.867" v="298"/>
          <ac:spMkLst>
            <pc:docMk/>
            <pc:sldMk cId="2376958513" sldId="260"/>
            <ac:spMk id="10102" creationId="{6316607A-38F8-26AB-45F5-A7BBF6E8AA35}"/>
          </ac:spMkLst>
        </pc:spChg>
        <pc:spChg chg="mod">
          <ac:chgData name="White, Alex" userId="eff6cc8c-37d8-483b-9c6c-6b27e9afa9bc" providerId="ADAL" clId="{BF04C754-5BF4-4E83-9615-DB14FA25AF8A}" dt="2023-10-12T11:38:20.867" v="298"/>
          <ac:spMkLst>
            <pc:docMk/>
            <pc:sldMk cId="2376958513" sldId="260"/>
            <ac:spMk id="10103" creationId="{58F5FDBF-DC3B-135D-8C8D-BDFE5048BFC5}"/>
          </ac:spMkLst>
        </pc:spChg>
        <pc:spChg chg="mod">
          <ac:chgData name="White, Alex" userId="eff6cc8c-37d8-483b-9c6c-6b27e9afa9bc" providerId="ADAL" clId="{BF04C754-5BF4-4E83-9615-DB14FA25AF8A}" dt="2023-10-12T11:38:20.867" v="298"/>
          <ac:spMkLst>
            <pc:docMk/>
            <pc:sldMk cId="2376958513" sldId="260"/>
            <ac:spMk id="10104" creationId="{B95E0BEB-8369-7E08-7387-D4C57EC7E33E}"/>
          </ac:spMkLst>
        </pc:spChg>
        <pc:spChg chg="mod">
          <ac:chgData name="White, Alex" userId="eff6cc8c-37d8-483b-9c6c-6b27e9afa9bc" providerId="ADAL" clId="{BF04C754-5BF4-4E83-9615-DB14FA25AF8A}" dt="2023-10-12T11:38:20.867" v="298"/>
          <ac:spMkLst>
            <pc:docMk/>
            <pc:sldMk cId="2376958513" sldId="260"/>
            <ac:spMk id="10105" creationId="{2E4E16B2-FF49-3346-7748-6CE32D8992CA}"/>
          </ac:spMkLst>
        </pc:spChg>
        <pc:spChg chg="mod">
          <ac:chgData name="White, Alex" userId="eff6cc8c-37d8-483b-9c6c-6b27e9afa9bc" providerId="ADAL" clId="{BF04C754-5BF4-4E83-9615-DB14FA25AF8A}" dt="2023-10-12T11:38:20.867" v="298"/>
          <ac:spMkLst>
            <pc:docMk/>
            <pc:sldMk cId="2376958513" sldId="260"/>
            <ac:spMk id="10106" creationId="{91727349-A461-CDF2-58B7-738CBE9D4C94}"/>
          </ac:spMkLst>
        </pc:spChg>
        <pc:spChg chg="mod">
          <ac:chgData name="White, Alex" userId="eff6cc8c-37d8-483b-9c6c-6b27e9afa9bc" providerId="ADAL" clId="{BF04C754-5BF4-4E83-9615-DB14FA25AF8A}" dt="2023-10-12T11:38:20.867" v="298"/>
          <ac:spMkLst>
            <pc:docMk/>
            <pc:sldMk cId="2376958513" sldId="260"/>
            <ac:spMk id="10107" creationId="{94592B76-CCBD-0996-F228-227A2BA34E3F}"/>
          </ac:spMkLst>
        </pc:spChg>
        <pc:spChg chg="mod">
          <ac:chgData name="White, Alex" userId="eff6cc8c-37d8-483b-9c6c-6b27e9afa9bc" providerId="ADAL" clId="{BF04C754-5BF4-4E83-9615-DB14FA25AF8A}" dt="2023-10-12T11:38:20.867" v="298"/>
          <ac:spMkLst>
            <pc:docMk/>
            <pc:sldMk cId="2376958513" sldId="260"/>
            <ac:spMk id="10108" creationId="{09B12F0A-4001-EEE1-8409-57D0C5D69FFD}"/>
          </ac:spMkLst>
        </pc:spChg>
        <pc:spChg chg="mod">
          <ac:chgData name="White, Alex" userId="eff6cc8c-37d8-483b-9c6c-6b27e9afa9bc" providerId="ADAL" clId="{BF04C754-5BF4-4E83-9615-DB14FA25AF8A}" dt="2023-10-12T11:38:20.867" v="298"/>
          <ac:spMkLst>
            <pc:docMk/>
            <pc:sldMk cId="2376958513" sldId="260"/>
            <ac:spMk id="10109" creationId="{9E9C803C-61F6-6A0A-2A49-102DB097A515}"/>
          </ac:spMkLst>
        </pc:spChg>
        <pc:spChg chg="mod">
          <ac:chgData name="White, Alex" userId="eff6cc8c-37d8-483b-9c6c-6b27e9afa9bc" providerId="ADAL" clId="{BF04C754-5BF4-4E83-9615-DB14FA25AF8A}" dt="2023-10-12T11:38:20.867" v="298"/>
          <ac:spMkLst>
            <pc:docMk/>
            <pc:sldMk cId="2376958513" sldId="260"/>
            <ac:spMk id="10110" creationId="{1D70A89A-A4AA-DC2D-D12B-A575A9723935}"/>
          </ac:spMkLst>
        </pc:spChg>
        <pc:spChg chg="mod">
          <ac:chgData name="White, Alex" userId="eff6cc8c-37d8-483b-9c6c-6b27e9afa9bc" providerId="ADAL" clId="{BF04C754-5BF4-4E83-9615-DB14FA25AF8A}" dt="2023-10-12T11:38:20.867" v="298"/>
          <ac:spMkLst>
            <pc:docMk/>
            <pc:sldMk cId="2376958513" sldId="260"/>
            <ac:spMk id="10111" creationId="{254050D1-3DF9-8D55-6CF5-121BA786B458}"/>
          </ac:spMkLst>
        </pc:spChg>
        <pc:spChg chg="mod">
          <ac:chgData name="White, Alex" userId="eff6cc8c-37d8-483b-9c6c-6b27e9afa9bc" providerId="ADAL" clId="{BF04C754-5BF4-4E83-9615-DB14FA25AF8A}" dt="2023-10-12T11:38:20.867" v="298"/>
          <ac:spMkLst>
            <pc:docMk/>
            <pc:sldMk cId="2376958513" sldId="260"/>
            <ac:spMk id="10112" creationId="{FCBB9811-526C-07A8-4C0F-7447D36C2C79}"/>
          </ac:spMkLst>
        </pc:spChg>
        <pc:spChg chg="mod">
          <ac:chgData name="White, Alex" userId="eff6cc8c-37d8-483b-9c6c-6b27e9afa9bc" providerId="ADAL" clId="{BF04C754-5BF4-4E83-9615-DB14FA25AF8A}" dt="2023-10-12T11:38:20.867" v="298"/>
          <ac:spMkLst>
            <pc:docMk/>
            <pc:sldMk cId="2376958513" sldId="260"/>
            <ac:spMk id="10113" creationId="{A66090FB-39E0-1B13-5BC9-E2A3C83BEDD1}"/>
          </ac:spMkLst>
        </pc:spChg>
        <pc:spChg chg="mod">
          <ac:chgData name="White, Alex" userId="eff6cc8c-37d8-483b-9c6c-6b27e9afa9bc" providerId="ADAL" clId="{BF04C754-5BF4-4E83-9615-DB14FA25AF8A}" dt="2023-10-12T11:38:20.867" v="298"/>
          <ac:spMkLst>
            <pc:docMk/>
            <pc:sldMk cId="2376958513" sldId="260"/>
            <ac:spMk id="10114" creationId="{B3F1B183-9867-A902-5BFE-E0E39E2A208B}"/>
          </ac:spMkLst>
        </pc:spChg>
        <pc:spChg chg="mod">
          <ac:chgData name="White, Alex" userId="eff6cc8c-37d8-483b-9c6c-6b27e9afa9bc" providerId="ADAL" clId="{BF04C754-5BF4-4E83-9615-DB14FA25AF8A}" dt="2023-10-12T11:38:20.867" v="298"/>
          <ac:spMkLst>
            <pc:docMk/>
            <pc:sldMk cId="2376958513" sldId="260"/>
            <ac:spMk id="10115" creationId="{DDA3CD3A-F164-F0EF-C43E-5F83537FAE07}"/>
          </ac:spMkLst>
        </pc:spChg>
        <pc:spChg chg="mod">
          <ac:chgData name="White, Alex" userId="eff6cc8c-37d8-483b-9c6c-6b27e9afa9bc" providerId="ADAL" clId="{BF04C754-5BF4-4E83-9615-DB14FA25AF8A}" dt="2023-10-12T11:38:20.867" v="298"/>
          <ac:spMkLst>
            <pc:docMk/>
            <pc:sldMk cId="2376958513" sldId="260"/>
            <ac:spMk id="10116" creationId="{B4812D87-7D13-7F01-29F7-09DD68FB1C58}"/>
          </ac:spMkLst>
        </pc:spChg>
        <pc:spChg chg="mod">
          <ac:chgData name="White, Alex" userId="eff6cc8c-37d8-483b-9c6c-6b27e9afa9bc" providerId="ADAL" clId="{BF04C754-5BF4-4E83-9615-DB14FA25AF8A}" dt="2023-10-12T11:38:20.867" v="298"/>
          <ac:spMkLst>
            <pc:docMk/>
            <pc:sldMk cId="2376958513" sldId="260"/>
            <ac:spMk id="10117" creationId="{FE91DEDD-7729-77D2-3364-70F4E13C3EE4}"/>
          </ac:spMkLst>
        </pc:spChg>
        <pc:spChg chg="mod">
          <ac:chgData name="White, Alex" userId="eff6cc8c-37d8-483b-9c6c-6b27e9afa9bc" providerId="ADAL" clId="{BF04C754-5BF4-4E83-9615-DB14FA25AF8A}" dt="2023-10-12T11:38:20.867" v="298"/>
          <ac:spMkLst>
            <pc:docMk/>
            <pc:sldMk cId="2376958513" sldId="260"/>
            <ac:spMk id="10118" creationId="{726E4968-A6EA-C928-4FC4-C3DD285165BA}"/>
          </ac:spMkLst>
        </pc:spChg>
        <pc:spChg chg="mod">
          <ac:chgData name="White, Alex" userId="eff6cc8c-37d8-483b-9c6c-6b27e9afa9bc" providerId="ADAL" clId="{BF04C754-5BF4-4E83-9615-DB14FA25AF8A}" dt="2023-10-12T11:38:20.867" v="298"/>
          <ac:spMkLst>
            <pc:docMk/>
            <pc:sldMk cId="2376958513" sldId="260"/>
            <ac:spMk id="10119" creationId="{97EB70E2-25C4-A86A-84D2-3D9F730DB17C}"/>
          </ac:spMkLst>
        </pc:spChg>
        <pc:spChg chg="mod">
          <ac:chgData name="White, Alex" userId="eff6cc8c-37d8-483b-9c6c-6b27e9afa9bc" providerId="ADAL" clId="{BF04C754-5BF4-4E83-9615-DB14FA25AF8A}" dt="2023-10-12T11:38:20.867" v="298"/>
          <ac:spMkLst>
            <pc:docMk/>
            <pc:sldMk cId="2376958513" sldId="260"/>
            <ac:spMk id="10120" creationId="{7F9CE209-57CC-C233-75B3-CF1BB8521F39}"/>
          </ac:spMkLst>
        </pc:spChg>
        <pc:spChg chg="mod">
          <ac:chgData name="White, Alex" userId="eff6cc8c-37d8-483b-9c6c-6b27e9afa9bc" providerId="ADAL" clId="{BF04C754-5BF4-4E83-9615-DB14FA25AF8A}" dt="2023-10-12T11:38:20.867" v="298"/>
          <ac:spMkLst>
            <pc:docMk/>
            <pc:sldMk cId="2376958513" sldId="260"/>
            <ac:spMk id="10121" creationId="{5E798FE5-7E21-B288-684E-C988458AB7E8}"/>
          </ac:spMkLst>
        </pc:spChg>
        <pc:spChg chg="mod">
          <ac:chgData name="White, Alex" userId="eff6cc8c-37d8-483b-9c6c-6b27e9afa9bc" providerId="ADAL" clId="{BF04C754-5BF4-4E83-9615-DB14FA25AF8A}" dt="2023-10-12T11:38:20.867" v="298"/>
          <ac:spMkLst>
            <pc:docMk/>
            <pc:sldMk cId="2376958513" sldId="260"/>
            <ac:spMk id="10122" creationId="{B0C70E91-C39E-2252-5A6F-B1816F5CAFCC}"/>
          </ac:spMkLst>
        </pc:spChg>
        <pc:spChg chg="mod">
          <ac:chgData name="White, Alex" userId="eff6cc8c-37d8-483b-9c6c-6b27e9afa9bc" providerId="ADAL" clId="{BF04C754-5BF4-4E83-9615-DB14FA25AF8A}" dt="2023-10-12T11:38:20.867" v="298"/>
          <ac:spMkLst>
            <pc:docMk/>
            <pc:sldMk cId="2376958513" sldId="260"/>
            <ac:spMk id="10123" creationId="{77C92A56-0386-67A7-BCDF-632C94F193C4}"/>
          </ac:spMkLst>
        </pc:spChg>
        <pc:spChg chg="mod">
          <ac:chgData name="White, Alex" userId="eff6cc8c-37d8-483b-9c6c-6b27e9afa9bc" providerId="ADAL" clId="{BF04C754-5BF4-4E83-9615-DB14FA25AF8A}" dt="2023-10-12T11:38:20.867" v="298"/>
          <ac:spMkLst>
            <pc:docMk/>
            <pc:sldMk cId="2376958513" sldId="260"/>
            <ac:spMk id="10124" creationId="{8CA6B53F-9ED8-847D-2E32-8A15D2C19EF1}"/>
          </ac:spMkLst>
        </pc:spChg>
        <pc:spChg chg="mod">
          <ac:chgData name="White, Alex" userId="eff6cc8c-37d8-483b-9c6c-6b27e9afa9bc" providerId="ADAL" clId="{BF04C754-5BF4-4E83-9615-DB14FA25AF8A}" dt="2023-10-12T11:38:20.867" v="298"/>
          <ac:spMkLst>
            <pc:docMk/>
            <pc:sldMk cId="2376958513" sldId="260"/>
            <ac:spMk id="10125" creationId="{DC5E8A9B-CF09-53A6-F13E-D28514F48008}"/>
          </ac:spMkLst>
        </pc:spChg>
        <pc:spChg chg="mod">
          <ac:chgData name="White, Alex" userId="eff6cc8c-37d8-483b-9c6c-6b27e9afa9bc" providerId="ADAL" clId="{BF04C754-5BF4-4E83-9615-DB14FA25AF8A}" dt="2023-10-12T11:38:20.867" v="298"/>
          <ac:spMkLst>
            <pc:docMk/>
            <pc:sldMk cId="2376958513" sldId="260"/>
            <ac:spMk id="10126" creationId="{B73959A1-3566-236A-4D39-452B47E84F9C}"/>
          </ac:spMkLst>
        </pc:spChg>
        <pc:spChg chg="mod">
          <ac:chgData name="White, Alex" userId="eff6cc8c-37d8-483b-9c6c-6b27e9afa9bc" providerId="ADAL" clId="{BF04C754-5BF4-4E83-9615-DB14FA25AF8A}" dt="2023-10-12T11:38:20.867" v="298"/>
          <ac:spMkLst>
            <pc:docMk/>
            <pc:sldMk cId="2376958513" sldId="260"/>
            <ac:spMk id="10127" creationId="{D3F4FD2C-F021-E044-496F-3D93B79FCD4F}"/>
          </ac:spMkLst>
        </pc:spChg>
        <pc:spChg chg="mod">
          <ac:chgData name="White, Alex" userId="eff6cc8c-37d8-483b-9c6c-6b27e9afa9bc" providerId="ADAL" clId="{BF04C754-5BF4-4E83-9615-DB14FA25AF8A}" dt="2023-10-12T11:38:20.867" v="298"/>
          <ac:spMkLst>
            <pc:docMk/>
            <pc:sldMk cId="2376958513" sldId="260"/>
            <ac:spMk id="10128" creationId="{C3B4A5DE-63C3-AAAE-1E02-75F06D2D585F}"/>
          </ac:spMkLst>
        </pc:spChg>
        <pc:spChg chg="mod">
          <ac:chgData name="White, Alex" userId="eff6cc8c-37d8-483b-9c6c-6b27e9afa9bc" providerId="ADAL" clId="{BF04C754-5BF4-4E83-9615-DB14FA25AF8A}" dt="2023-10-12T11:38:20.867" v="298"/>
          <ac:spMkLst>
            <pc:docMk/>
            <pc:sldMk cId="2376958513" sldId="260"/>
            <ac:spMk id="10129" creationId="{BDB8B10A-C629-EC41-066A-79DA8ECD54F3}"/>
          </ac:spMkLst>
        </pc:spChg>
        <pc:spChg chg="mod">
          <ac:chgData name="White, Alex" userId="eff6cc8c-37d8-483b-9c6c-6b27e9afa9bc" providerId="ADAL" clId="{BF04C754-5BF4-4E83-9615-DB14FA25AF8A}" dt="2023-10-12T11:38:20.867" v="298"/>
          <ac:spMkLst>
            <pc:docMk/>
            <pc:sldMk cId="2376958513" sldId="260"/>
            <ac:spMk id="10130" creationId="{C6116BD8-C4C0-4C99-687A-F75386581F09}"/>
          </ac:spMkLst>
        </pc:spChg>
        <pc:spChg chg="mod">
          <ac:chgData name="White, Alex" userId="eff6cc8c-37d8-483b-9c6c-6b27e9afa9bc" providerId="ADAL" clId="{BF04C754-5BF4-4E83-9615-DB14FA25AF8A}" dt="2023-10-12T11:38:20.867" v="298"/>
          <ac:spMkLst>
            <pc:docMk/>
            <pc:sldMk cId="2376958513" sldId="260"/>
            <ac:spMk id="10131" creationId="{FE814A8F-8A52-D9DD-DABD-12B97D412FEB}"/>
          </ac:spMkLst>
        </pc:spChg>
        <pc:spChg chg="mod">
          <ac:chgData name="White, Alex" userId="eff6cc8c-37d8-483b-9c6c-6b27e9afa9bc" providerId="ADAL" clId="{BF04C754-5BF4-4E83-9615-DB14FA25AF8A}" dt="2023-10-12T11:38:20.867" v="298"/>
          <ac:spMkLst>
            <pc:docMk/>
            <pc:sldMk cId="2376958513" sldId="260"/>
            <ac:spMk id="10132" creationId="{885CD914-582A-863F-2EA3-F23B98FCB434}"/>
          </ac:spMkLst>
        </pc:spChg>
        <pc:spChg chg="mod">
          <ac:chgData name="White, Alex" userId="eff6cc8c-37d8-483b-9c6c-6b27e9afa9bc" providerId="ADAL" clId="{BF04C754-5BF4-4E83-9615-DB14FA25AF8A}" dt="2023-10-12T11:38:20.867" v="298"/>
          <ac:spMkLst>
            <pc:docMk/>
            <pc:sldMk cId="2376958513" sldId="260"/>
            <ac:spMk id="10133" creationId="{B989448B-0DE6-A54C-19C9-C2F44BEF6AFB}"/>
          </ac:spMkLst>
        </pc:spChg>
        <pc:spChg chg="mod">
          <ac:chgData name="White, Alex" userId="eff6cc8c-37d8-483b-9c6c-6b27e9afa9bc" providerId="ADAL" clId="{BF04C754-5BF4-4E83-9615-DB14FA25AF8A}" dt="2023-10-12T11:38:20.867" v="298"/>
          <ac:spMkLst>
            <pc:docMk/>
            <pc:sldMk cId="2376958513" sldId="260"/>
            <ac:spMk id="10134" creationId="{63B6B90E-B0EA-099E-CF96-98B830E78AA9}"/>
          </ac:spMkLst>
        </pc:spChg>
        <pc:spChg chg="mod">
          <ac:chgData name="White, Alex" userId="eff6cc8c-37d8-483b-9c6c-6b27e9afa9bc" providerId="ADAL" clId="{BF04C754-5BF4-4E83-9615-DB14FA25AF8A}" dt="2023-10-12T11:38:20.867" v="298"/>
          <ac:spMkLst>
            <pc:docMk/>
            <pc:sldMk cId="2376958513" sldId="260"/>
            <ac:spMk id="10135" creationId="{A88EF0A5-A991-6BF2-3CE2-2FD320D9771A}"/>
          </ac:spMkLst>
        </pc:spChg>
        <pc:spChg chg="mod">
          <ac:chgData name="White, Alex" userId="eff6cc8c-37d8-483b-9c6c-6b27e9afa9bc" providerId="ADAL" clId="{BF04C754-5BF4-4E83-9615-DB14FA25AF8A}" dt="2023-10-12T11:38:20.867" v="298"/>
          <ac:spMkLst>
            <pc:docMk/>
            <pc:sldMk cId="2376958513" sldId="260"/>
            <ac:spMk id="10136" creationId="{5A5EB4A2-CDFB-A801-2A81-365127F24A7D}"/>
          </ac:spMkLst>
        </pc:spChg>
        <pc:spChg chg="mod">
          <ac:chgData name="White, Alex" userId="eff6cc8c-37d8-483b-9c6c-6b27e9afa9bc" providerId="ADAL" clId="{BF04C754-5BF4-4E83-9615-DB14FA25AF8A}" dt="2023-10-12T11:38:20.867" v="298"/>
          <ac:spMkLst>
            <pc:docMk/>
            <pc:sldMk cId="2376958513" sldId="260"/>
            <ac:spMk id="10137" creationId="{01E6DC8B-DFEF-0C65-12D5-2510FB34FCC2}"/>
          </ac:spMkLst>
        </pc:spChg>
        <pc:spChg chg="mod">
          <ac:chgData name="White, Alex" userId="eff6cc8c-37d8-483b-9c6c-6b27e9afa9bc" providerId="ADAL" clId="{BF04C754-5BF4-4E83-9615-DB14FA25AF8A}" dt="2023-10-12T11:38:20.867" v="298"/>
          <ac:spMkLst>
            <pc:docMk/>
            <pc:sldMk cId="2376958513" sldId="260"/>
            <ac:spMk id="10138" creationId="{11EC26D3-7061-CF8C-2BCC-7DBC2B0A8DFB}"/>
          </ac:spMkLst>
        </pc:spChg>
        <pc:spChg chg="mod">
          <ac:chgData name="White, Alex" userId="eff6cc8c-37d8-483b-9c6c-6b27e9afa9bc" providerId="ADAL" clId="{BF04C754-5BF4-4E83-9615-DB14FA25AF8A}" dt="2023-10-12T11:38:20.867" v="298"/>
          <ac:spMkLst>
            <pc:docMk/>
            <pc:sldMk cId="2376958513" sldId="260"/>
            <ac:spMk id="10139" creationId="{53BDE04F-C3D2-CF0A-77A4-3C55B59BFF65}"/>
          </ac:spMkLst>
        </pc:spChg>
        <pc:spChg chg="mod">
          <ac:chgData name="White, Alex" userId="eff6cc8c-37d8-483b-9c6c-6b27e9afa9bc" providerId="ADAL" clId="{BF04C754-5BF4-4E83-9615-DB14FA25AF8A}" dt="2023-10-12T11:38:20.867" v="298"/>
          <ac:spMkLst>
            <pc:docMk/>
            <pc:sldMk cId="2376958513" sldId="260"/>
            <ac:spMk id="10140" creationId="{1909167A-8DA0-36D8-59FF-1019C774A7AF}"/>
          </ac:spMkLst>
        </pc:spChg>
        <pc:spChg chg="mod">
          <ac:chgData name="White, Alex" userId="eff6cc8c-37d8-483b-9c6c-6b27e9afa9bc" providerId="ADAL" clId="{BF04C754-5BF4-4E83-9615-DB14FA25AF8A}" dt="2023-10-12T11:38:20.867" v="298"/>
          <ac:spMkLst>
            <pc:docMk/>
            <pc:sldMk cId="2376958513" sldId="260"/>
            <ac:spMk id="10141" creationId="{D3308EDA-2BF1-39C4-A04E-5D61B9183750}"/>
          </ac:spMkLst>
        </pc:spChg>
        <pc:spChg chg="mod">
          <ac:chgData name="White, Alex" userId="eff6cc8c-37d8-483b-9c6c-6b27e9afa9bc" providerId="ADAL" clId="{BF04C754-5BF4-4E83-9615-DB14FA25AF8A}" dt="2023-10-12T11:38:20.867" v="298"/>
          <ac:spMkLst>
            <pc:docMk/>
            <pc:sldMk cId="2376958513" sldId="260"/>
            <ac:spMk id="10142" creationId="{B499AE95-8CA3-763F-FF4C-D89ECBA54099}"/>
          </ac:spMkLst>
        </pc:spChg>
        <pc:spChg chg="mod">
          <ac:chgData name="White, Alex" userId="eff6cc8c-37d8-483b-9c6c-6b27e9afa9bc" providerId="ADAL" clId="{BF04C754-5BF4-4E83-9615-DB14FA25AF8A}" dt="2023-10-12T11:38:20.867" v="298"/>
          <ac:spMkLst>
            <pc:docMk/>
            <pc:sldMk cId="2376958513" sldId="260"/>
            <ac:spMk id="10143" creationId="{CD532C56-4265-1DBA-B03B-1456B7AC9FCB}"/>
          </ac:spMkLst>
        </pc:spChg>
        <pc:spChg chg="mod">
          <ac:chgData name="White, Alex" userId="eff6cc8c-37d8-483b-9c6c-6b27e9afa9bc" providerId="ADAL" clId="{BF04C754-5BF4-4E83-9615-DB14FA25AF8A}" dt="2023-10-12T11:38:20.867" v="298"/>
          <ac:spMkLst>
            <pc:docMk/>
            <pc:sldMk cId="2376958513" sldId="260"/>
            <ac:spMk id="10144" creationId="{CE84B9DF-3110-095B-819A-98D16F8A71AA}"/>
          </ac:spMkLst>
        </pc:spChg>
        <pc:spChg chg="mod">
          <ac:chgData name="White, Alex" userId="eff6cc8c-37d8-483b-9c6c-6b27e9afa9bc" providerId="ADAL" clId="{BF04C754-5BF4-4E83-9615-DB14FA25AF8A}" dt="2023-10-12T11:38:20.867" v="298"/>
          <ac:spMkLst>
            <pc:docMk/>
            <pc:sldMk cId="2376958513" sldId="260"/>
            <ac:spMk id="10145" creationId="{282E861D-AA34-682E-CAED-03BDDC35E694}"/>
          </ac:spMkLst>
        </pc:spChg>
        <pc:spChg chg="mod">
          <ac:chgData name="White, Alex" userId="eff6cc8c-37d8-483b-9c6c-6b27e9afa9bc" providerId="ADAL" clId="{BF04C754-5BF4-4E83-9615-DB14FA25AF8A}" dt="2023-10-12T11:38:20.867" v="298"/>
          <ac:spMkLst>
            <pc:docMk/>
            <pc:sldMk cId="2376958513" sldId="260"/>
            <ac:spMk id="10146" creationId="{BCD86B64-78F2-B9AD-C158-3F91925D20C9}"/>
          </ac:spMkLst>
        </pc:spChg>
        <pc:spChg chg="mod">
          <ac:chgData name="White, Alex" userId="eff6cc8c-37d8-483b-9c6c-6b27e9afa9bc" providerId="ADAL" clId="{BF04C754-5BF4-4E83-9615-DB14FA25AF8A}" dt="2023-10-12T11:38:20.867" v="298"/>
          <ac:spMkLst>
            <pc:docMk/>
            <pc:sldMk cId="2376958513" sldId="260"/>
            <ac:spMk id="10147" creationId="{022BA8C3-4777-B610-D3C2-1F99BFF28831}"/>
          </ac:spMkLst>
        </pc:spChg>
        <pc:spChg chg="mod">
          <ac:chgData name="White, Alex" userId="eff6cc8c-37d8-483b-9c6c-6b27e9afa9bc" providerId="ADAL" clId="{BF04C754-5BF4-4E83-9615-DB14FA25AF8A}" dt="2023-10-12T11:38:20.867" v="298"/>
          <ac:spMkLst>
            <pc:docMk/>
            <pc:sldMk cId="2376958513" sldId="260"/>
            <ac:spMk id="10148" creationId="{EE7C6C2A-F780-A092-42F6-ABBD3A224A3A}"/>
          </ac:spMkLst>
        </pc:spChg>
        <pc:spChg chg="mod">
          <ac:chgData name="White, Alex" userId="eff6cc8c-37d8-483b-9c6c-6b27e9afa9bc" providerId="ADAL" clId="{BF04C754-5BF4-4E83-9615-DB14FA25AF8A}" dt="2023-10-12T11:38:20.867" v="298"/>
          <ac:spMkLst>
            <pc:docMk/>
            <pc:sldMk cId="2376958513" sldId="260"/>
            <ac:spMk id="10149" creationId="{476EE397-AB13-008E-CFEF-8EE22AF36726}"/>
          </ac:spMkLst>
        </pc:spChg>
        <pc:spChg chg="mod">
          <ac:chgData name="White, Alex" userId="eff6cc8c-37d8-483b-9c6c-6b27e9afa9bc" providerId="ADAL" clId="{BF04C754-5BF4-4E83-9615-DB14FA25AF8A}" dt="2023-10-12T11:38:20.867" v="298"/>
          <ac:spMkLst>
            <pc:docMk/>
            <pc:sldMk cId="2376958513" sldId="260"/>
            <ac:spMk id="10150" creationId="{82977244-5E63-D6E3-490C-B0A943E7616C}"/>
          </ac:spMkLst>
        </pc:spChg>
        <pc:spChg chg="mod">
          <ac:chgData name="White, Alex" userId="eff6cc8c-37d8-483b-9c6c-6b27e9afa9bc" providerId="ADAL" clId="{BF04C754-5BF4-4E83-9615-DB14FA25AF8A}" dt="2023-10-12T11:38:20.867" v="298"/>
          <ac:spMkLst>
            <pc:docMk/>
            <pc:sldMk cId="2376958513" sldId="260"/>
            <ac:spMk id="10151" creationId="{59EE8357-1F53-073A-93A3-FADB101A7E01}"/>
          </ac:spMkLst>
        </pc:spChg>
        <pc:spChg chg="mod">
          <ac:chgData name="White, Alex" userId="eff6cc8c-37d8-483b-9c6c-6b27e9afa9bc" providerId="ADAL" clId="{BF04C754-5BF4-4E83-9615-DB14FA25AF8A}" dt="2023-10-12T11:38:20.867" v="298"/>
          <ac:spMkLst>
            <pc:docMk/>
            <pc:sldMk cId="2376958513" sldId="260"/>
            <ac:spMk id="10152" creationId="{CAA7EAF5-120A-5A31-8C06-A180B6624AA8}"/>
          </ac:spMkLst>
        </pc:spChg>
        <pc:spChg chg="mod">
          <ac:chgData name="White, Alex" userId="eff6cc8c-37d8-483b-9c6c-6b27e9afa9bc" providerId="ADAL" clId="{BF04C754-5BF4-4E83-9615-DB14FA25AF8A}" dt="2023-10-12T11:38:20.867" v="298"/>
          <ac:spMkLst>
            <pc:docMk/>
            <pc:sldMk cId="2376958513" sldId="260"/>
            <ac:spMk id="10153" creationId="{2E8982A0-E9F1-B1D9-18BC-409D9D6C8B31}"/>
          </ac:spMkLst>
        </pc:spChg>
        <pc:spChg chg="mod">
          <ac:chgData name="White, Alex" userId="eff6cc8c-37d8-483b-9c6c-6b27e9afa9bc" providerId="ADAL" clId="{BF04C754-5BF4-4E83-9615-DB14FA25AF8A}" dt="2023-10-12T11:38:20.867" v="298"/>
          <ac:spMkLst>
            <pc:docMk/>
            <pc:sldMk cId="2376958513" sldId="260"/>
            <ac:spMk id="10154" creationId="{E1AA84D0-E82B-186E-8026-3998FA7AFA83}"/>
          </ac:spMkLst>
        </pc:spChg>
        <pc:spChg chg="mod">
          <ac:chgData name="White, Alex" userId="eff6cc8c-37d8-483b-9c6c-6b27e9afa9bc" providerId="ADAL" clId="{BF04C754-5BF4-4E83-9615-DB14FA25AF8A}" dt="2023-10-12T11:38:20.867" v="298"/>
          <ac:spMkLst>
            <pc:docMk/>
            <pc:sldMk cId="2376958513" sldId="260"/>
            <ac:spMk id="10155" creationId="{9371D3E9-E040-A864-7822-003A453D3149}"/>
          </ac:spMkLst>
        </pc:spChg>
        <pc:spChg chg="mod">
          <ac:chgData name="White, Alex" userId="eff6cc8c-37d8-483b-9c6c-6b27e9afa9bc" providerId="ADAL" clId="{BF04C754-5BF4-4E83-9615-DB14FA25AF8A}" dt="2023-10-12T11:38:20.867" v="298"/>
          <ac:spMkLst>
            <pc:docMk/>
            <pc:sldMk cId="2376958513" sldId="260"/>
            <ac:spMk id="10156" creationId="{D0CE4115-A87D-818C-14ED-9D0ED622CF9D}"/>
          </ac:spMkLst>
        </pc:spChg>
        <pc:spChg chg="mod">
          <ac:chgData name="White, Alex" userId="eff6cc8c-37d8-483b-9c6c-6b27e9afa9bc" providerId="ADAL" clId="{BF04C754-5BF4-4E83-9615-DB14FA25AF8A}" dt="2023-10-12T11:38:20.867" v="298"/>
          <ac:spMkLst>
            <pc:docMk/>
            <pc:sldMk cId="2376958513" sldId="260"/>
            <ac:spMk id="10157" creationId="{540AA4A1-05FD-8824-F723-E8F0BB175E8C}"/>
          </ac:spMkLst>
        </pc:spChg>
        <pc:spChg chg="mod">
          <ac:chgData name="White, Alex" userId="eff6cc8c-37d8-483b-9c6c-6b27e9afa9bc" providerId="ADAL" clId="{BF04C754-5BF4-4E83-9615-DB14FA25AF8A}" dt="2023-10-12T11:38:20.867" v="298"/>
          <ac:spMkLst>
            <pc:docMk/>
            <pc:sldMk cId="2376958513" sldId="260"/>
            <ac:spMk id="10158" creationId="{DE0D0F46-B9D5-20A4-62C1-2C9C1E3F11C8}"/>
          </ac:spMkLst>
        </pc:spChg>
        <pc:spChg chg="mod">
          <ac:chgData name="White, Alex" userId="eff6cc8c-37d8-483b-9c6c-6b27e9afa9bc" providerId="ADAL" clId="{BF04C754-5BF4-4E83-9615-DB14FA25AF8A}" dt="2023-10-12T11:38:20.867" v="298"/>
          <ac:spMkLst>
            <pc:docMk/>
            <pc:sldMk cId="2376958513" sldId="260"/>
            <ac:spMk id="10159" creationId="{878794BC-2E0B-76D7-9EEE-B266CAD0005A}"/>
          </ac:spMkLst>
        </pc:spChg>
        <pc:spChg chg="mod">
          <ac:chgData name="White, Alex" userId="eff6cc8c-37d8-483b-9c6c-6b27e9afa9bc" providerId="ADAL" clId="{BF04C754-5BF4-4E83-9615-DB14FA25AF8A}" dt="2023-10-12T11:38:20.867" v="298"/>
          <ac:spMkLst>
            <pc:docMk/>
            <pc:sldMk cId="2376958513" sldId="260"/>
            <ac:spMk id="10160" creationId="{ACB335C2-D8C6-DD4D-786C-805C904A852E}"/>
          </ac:spMkLst>
        </pc:spChg>
        <pc:spChg chg="mod">
          <ac:chgData name="White, Alex" userId="eff6cc8c-37d8-483b-9c6c-6b27e9afa9bc" providerId="ADAL" clId="{BF04C754-5BF4-4E83-9615-DB14FA25AF8A}" dt="2023-10-12T11:38:20.867" v="298"/>
          <ac:spMkLst>
            <pc:docMk/>
            <pc:sldMk cId="2376958513" sldId="260"/>
            <ac:spMk id="10161" creationId="{59F8F797-86D3-2936-3AAB-22A55E252AF1}"/>
          </ac:spMkLst>
        </pc:spChg>
        <pc:spChg chg="mod">
          <ac:chgData name="White, Alex" userId="eff6cc8c-37d8-483b-9c6c-6b27e9afa9bc" providerId="ADAL" clId="{BF04C754-5BF4-4E83-9615-DB14FA25AF8A}" dt="2023-10-12T11:38:20.867" v="298"/>
          <ac:spMkLst>
            <pc:docMk/>
            <pc:sldMk cId="2376958513" sldId="260"/>
            <ac:spMk id="10162" creationId="{DC9F7644-A74B-F84C-8D93-3A37A97245BF}"/>
          </ac:spMkLst>
        </pc:spChg>
        <pc:spChg chg="mod">
          <ac:chgData name="White, Alex" userId="eff6cc8c-37d8-483b-9c6c-6b27e9afa9bc" providerId="ADAL" clId="{BF04C754-5BF4-4E83-9615-DB14FA25AF8A}" dt="2023-10-12T11:38:20.867" v="298"/>
          <ac:spMkLst>
            <pc:docMk/>
            <pc:sldMk cId="2376958513" sldId="260"/>
            <ac:spMk id="10163" creationId="{45B44D0F-0DBA-DBAB-524C-28E6F3164C59}"/>
          </ac:spMkLst>
        </pc:spChg>
        <pc:spChg chg="mod">
          <ac:chgData name="White, Alex" userId="eff6cc8c-37d8-483b-9c6c-6b27e9afa9bc" providerId="ADAL" clId="{BF04C754-5BF4-4E83-9615-DB14FA25AF8A}" dt="2023-10-12T11:38:20.867" v="298"/>
          <ac:spMkLst>
            <pc:docMk/>
            <pc:sldMk cId="2376958513" sldId="260"/>
            <ac:spMk id="10164" creationId="{0969BD4E-FA16-AEA5-B8D3-0CD43BF771CB}"/>
          </ac:spMkLst>
        </pc:spChg>
        <pc:spChg chg="mod">
          <ac:chgData name="White, Alex" userId="eff6cc8c-37d8-483b-9c6c-6b27e9afa9bc" providerId="ADAL" clId="{BF04C754-5BF4-4E83-9615-DB14FA25AF8A}" dt="2023-10-12T11:38:20.867" v="298"/>
          <ac:spMkLst>
            <pc:docMk/>
            <pc:sldMk cId="2376958513" sldId="260"/>
            <ac:spMk id="10165" creationId="{AFFEBBD3-2E42-4DAB-09BF-A327325D8D46}"/>
          </ac:spMkLst>
        </pc:spChg>
        <pc:spChg chg="mod">
          <ac:chgData name="White, Alex" userId="eff6cc8c-37d8-483b-9c6c-6b27e9afa9bc" providerId="ADAL" clId="{BF04C754-5BF4-4E83-9615-DB14FA25AF8A}" dt="2023-10-12T11:38:20.867" v="298"/>
          <ac:spMkLst>
            <pc:docMk/>
            <pc:sldMk cId="2376958513" sldId="260"/>
            <ac:spMk id="10166" creationId="{077CF1B3-EC65-455C-E962-B7452679DD1D}"/>
          </ac:spMkLst>
        </pc:spChg>
        <pc:spChg chg="mod">
          <ac:chgData name="White, Alex" userId="eff6cc8c-37d8-483b-9c6c-6b27e9afa9bc" providerId="ADAL" clId="{BF04C754-5BF4-4E83-9615-DB14FA25AF8A}" dt="2023-10-12T11:38:20.867" v="298"/>
          <ac:spMkLst>
            <pc:docMk/>
            <pc:sldMk cId="2376958513" sldId="260"/>
            <ac:spMk id="10167" creationId="{BCEC94E6-B561-8CFB-DA86-3D60F731AB8A}"/>
          </ac:spMkLst>
        </pc:spChg>
        <pc:spChg chg="mod">
          <ac:chgData name="White, Alex" userId="eff6cc8c-37d8-483b-9c6c-6b27e9afa9bc" providerId="ADAL" clId="{BF04C754-5BF4-4E83-9615-DB14FA25AF8A}" dt="2023-10-12T11:38:20.867" v="298"/>
          <ac:spMkLst>
            <pc:docMk/>
            <pc:sldMk cId="2376958513" sldId="260"/>
            <ac:spMk id="10168" creationId="{6C4CD155-0560-4468-4C99-2A52FF92612B}"/>
          </ac:spMkLst>
        </pc:spChg>
        <pc:spChg chg="mod">
          <ac:chgData name="White, Alex" userId="eff6cc8c-37d8-483b-9c6c-6b27e9afa9bc" providerId="ADAL" clId="{BF04C754-5BF4-4E83-9615-DB14FA25AF8A}" dt="2023-10-12T11:38:20.867" v="298"/>
          <ac:spMkLst>
            <pc:docMk/>
            <pc:sldMk cId="2376958513" sldId="260"/>
            <ac:spMk id="10169" creationId="{A67DD5F2-983A-3446-4F08-3755563260B2}"/>
          </ac:spMkLst>
        </pc:spChg>
        <pc:spChg chg="mod">
          <ac:chgData name="White, Alex" userId="eff6cc8c-37d8-483b-9c6c-6b27e9afa9bc" providerId="ADAL" clId="{BF04C754-5BF4-4E83-9615-DB14FA25AF8A}" dt="2023-10-12T11:38:20.867" v="298"/>
          <ac:spMkLst>
            <pc:docMk/>
            <pc:sldMk cId="2376958513" sldId="260"/>
            <ac:spMk id="10170" creationId="{7D12F4B1-2E77-ACF8-8C31-D22658397EE8}"/>
          </ac:spMkLst>
        </pc:spChg>
        <pc:spChg chg="mod">
          <ac:chgData name="White, Alex" userId="eff6cc8c-37d8-483b-9c6c-6b27e9afa9bc" providerId="ADAL" clId="{BF04C754-5BF4-4E83-9615-DB14FA25AF8A}" dt="2023-10-12T11:38:20.867" v="298"/>
          <ac:spMkLst>
            <pc:docMk/>
            <pc:sldMk cId="2376958513" sldId="260"/>
            <ac:spMk id="10171" creationId="{7DA5A42C-4960-5DBE-3B07-DBA79BE4A0BB}"/>
          </ac:spMkLst>
        </pc:spChg>
        <pc:spChg chg="mod">
          <ac:chgData name="White, Alex" userId="eff6cc8c-37d8-483b-9c6c-6b27e9afa9bc" providerId="ADAL" clId="{BF04C754-5BF4-4E83-9615-DB14FA25AF8A}" dt="2023-10-12T11:38:20.867" v="298"/>
          <ac:spMkLst>
            <pc:docMk/>
            <pc:sldMk cId="2376958513" sldId="260"/>
            <ac:spMk id="10172" creationId="{6252FDEF-F041-7FA6-52E0-58D68FDB2C57}"/>
          </ac:spMkLst>
        </pc:spChg>
        <pc:spChg chg="mod">
          <ac:chgData name="White, Alex" userId="eff6cc8c-37d8-483b-9c6c-6b27e9afa9bc" providerId="ADAL" clId="{BF04C754-5BF4-4E83-9615-DB14FA25AF8A}" dt="2023-10-12T11:38:20.867" v="298"/>
          <ac:spMkLst>
            <pc:docMk/>
            <pc:sldMk cId="2376958513" sldId="260"/>
            <ac:spMk id="10173" creationId="{D76E9DDA-CF00-6C0E-FBF2-4F8588E43197}"/>
          </ac:spMkLst>
        </pc:spChg>
        <pc:spChg chg="mod">
          <ac:chgData name="White, Alex" userId="eff6cc8c-37d8-483b-9c6c-6b27e9afa9bc" providerId="ADAL" clId="{BF04C754-5BF4-4E83-9615-DB14FA25AF8A}" dt="2023-10-12T11:38:20.867" v="298"/>
          <ac:spMkLst>
            <pc:docMk/>
            <pc:sldMk cId="2376958513" sldId="260"/>
            <ac:spMk id="10174" creationId="{D2362B87-E015-14F2-D451-B72627789894}"/>
          </ac:spMkLst>
        </pc:spChg>
        <pc:spChg chg="mod">
          <ac:chgData name="White, Alex" userId="eff6cc8c-37d8-483b-9c6c-6b27e9afa9bc" providerId="ADAL" clId="{BF04C754-5BF4-4E83-9615-DB14FA25AF8A}" dt="2023-10-12T11:38:20.867" v="298"/>
          <ac:spMkLst>
            <pc:docMk/>
            <pc:sldMk cId="2376958513" sldId="260"/>
            <ac:spMk id="10175" creationId="{BA62723B-B205-AA2C-4659-38AAB2CE56A7}"/>
          </ac:spMkLst>
        </pc:spChg>
        <pc:spChg chg="mod">
          <ac:chgData name="White, Alex" userId="eff6cc8c-37d8-483b-9c6c-6b27e9afa9bc" providerId="ADAL" clId="{BF04C754-5BF4-4E83-9615-DB14FA25AF8A}" dt="2023-10-12T11:38:20.867" v="298"/>
          <ac:spMkLst>
            <pc:docMk/>
            <pc:sldMk cId="2376958513" sldId="260"/>
            <ac:spMk id="10176" creationId="{70F13733-F442-DB20-AED3-D44B33225A53}"/>
          </ac:spMkLst>
        </pc:spChg>
        <pc:spChg chg="mod">
          <ac:chgData name="White, Alex" userId="eff6cc8c-37d8-483b-9c6c-6b27e9afa9bc" providerId="ADAL" clId="{BF04C754-5BF4-4E83-9615-DB14FA25AF8A}" dt="2023-10-12T11:38:20.867" v="298"/>
          <ac:spMkLst>
            <pc:docMk/>
            <pc:sldMk cId="2376958513" sldId="260"/>
            <ac:spMk id="10177" creationId="{FF1C594F-054E-C815-64C2-17B517D2347F}"/>
          </ac:spMkLst>
        </pc:spChg>
        <pc:spChg chg="mod">
          <ac:chgData name="White, Alex" userId="eff6cc8c-37d8-483b-9c6c-6b27e9afa9bc" providerId="ADAL" clId="{BF04C754-5BF4-4E83-9615-DB14FA25AF8A}" dt="2023-10-12T11:38:20.867" v="298"/>
          <ac:spMkLst>
            <pc:docMk/>
            <pc:sldMk cId="2376958513" sldId="260"/>
            <ac:spMk id="10178" creationId="{360B2084-84B7-CE59-9834-6163AD817F08}"/>
          </ac:spMkLst>
        </pc:spChg>
        <pc:spChg chg="mod">
          <ac:chgData name="White, Alex" userId="eff6cc8c-37d8-483b-9c6c-6b27e9afa9bc" providerId="ADAL" clId="{BF04C754-5BF4-4E83-9615-DB14FA25AF8A}" dt="2023-10-12T11:38:20.867" v="298"/>
          <ac:spMkLst>
            <pc:docMk/>
            <pc:sldMk cId="2376958513" sldId="260"/>
            <ac:spMk id="10179" creationId="{2D55F7BF-8D7B-0DCE-16EB-079495DB04DD}"/>
          </ac:spMkLst>
        </pc:spChg>
        <pc:spChg chg="mod">
          <ac:chgData name="White, Alex" userId="eff6cc8c-37d8-483b-9c6c-6b27e9afa9bc" providerId="ADAL" clId="{BF04C754-5BF4-4E83-9615-DB14FA25AF8A}" dt="2023-10-12T11:38:20.867" v="298"/>
          <ac:spMkLst>
            <pc:docMk/>
            <pc:sldMk cId="2376958513" sldId="260"/>
            <ac:spMk id="10180" creationId="{1354ABAE-2DC3-CAF0-ACD4-AD22B5F3E906}"/>
          </ac:spMkLst>
        </pc:spChg>
        <pc:spChg chg="mod">
          <ac:chgData name="White, Alex" userId="eff6cc8c-37d8-483b-9c6c-6b27e9afa9bc" providerId="ADAL" clId="{BF04C754-5BF4-4E83-9615-DB14FA25AF8A}" dt="2023-10-12T11:38:20.867" v="298"/>
          <ac:spMkLst>
            <pc:docMk/>
            <pc:sldMk cId="2376958513" sldId="260"/>
            <ac:spMk id="10181" creationId="{766C7566-8C04-70A3-199A-A24D8DEEE1B1}"/>
          </ac:spMkLst>
        </pc:spChg>
        <pc:spChg chg="mod">
          <ac:chgData name="White, Alex" userId="eff6cc8c-37d8-483b-9c6c-6b27e9afa9bc" providerId="ADAL" clId="{BF04C754-5BF4-4E83-9615-DB14FA25AF8A}" dt="2023-10-12T11:38:20.867" v="298"/>
          <ac:spMkLst>
            <pc:docMk/>
            <pc:sldMk cId="2376958513" sldId="260"/>
            <ac:spMk id="10182" creationId="{C181CE7C-E1FD-EA0F-932F-40094BDDEAA8}"/>
          </ac:spMkLst>
        </pc:spChg>
        <pc:spChg chg="mod">
          <ac:chgData name="White, Alex" userId="eff6cc8c-37d8-483b-9c6c-6b27e9afa9bc" providerId="ADAL" clId="{BF04C754-5BF4-4E83-9615-DB14FA25AF8A}" dt="2023-10-12T11:38:20.867" v="298"/>
          <ac:spMkLst>
            <pc:docMk/>
            <pc:sldMk cId="2376958513" sldId="260"/>
            <ac:spMk id="10183" creationId="{F8DC9CC3-12E0-D175-8BE2-787D0DC96343}"/>
          </ac:spMkLst>
        </pc:spChg>
        <pc:spChg chg="mod">
          <ac:chgData name="White, Alex" userId="eff6cc8c-37d8-483b-9c6c-6b27e9afa9bc" providerId="ADAL" clId="{BF04C754-5BF4-4E83-9615-DB14FA25AF8A}" dt="2023-10-12T11:38:20.867" v="298"/>
          <ac:spMkLst>
            <pc:docMk/>
            <pc:sldMk cId="2376958513" sldId="260"/>
            <ac:spMk id="10184" creationId="{450835B8-A4C3-EB78-0E47-B95255720FB5}"/>
          </ac:spMkLst>
        </pc:spChg>
        <pc:spChg chg="mod">
          <ac:chgData name="White, Alex" userId="eff6cc8c-37d8-483b-9c6c-6b27e9afa9bc" providerId="ADAL" clId="{BF04C754-5BF4-4E83-9615-DB14FA25AF8A}" dt="2023-10-12T11:38:20.867" v="298"/>
          <ac:spMkLst>
            <pc:docMk/>
            <pc:sldMk cId="2376958513" sldId="260"/>
            <ac:spMk id="10185" creationId="{F954DA7A-DE49-D477-23F7-2154E66B5EE5}"/>
          </ac:spMkLst>
        </pc:spChg>
        <pc:spChg chg="mod">
          <ac:chgData name="White, Alex" userId="eff6cc8c-37d8-483b-9c6c-6b27e9afa9bc" providerId="ADAL" clId="{BF04C754-5BF4-4E83-9615-DB14FA25AF8A}" dt="2023-10-12T11:38:20.867" v="298"/>
          <ac:spMkLst>
            <pc:docMk/>
            <pc:sldMk cId="2376958513" sldId="260"/>
            <ac:spMk id="10186" creationId="{948E7D04-D0EF-8B57-15E8-F5F6FEDD8690}"/>
          </ac:spMkLst>
        </pc:spChg>
        <pc:spChg chg="mod">
          <ac:chgData name="White, Alex" userId="eff6cc8c-37d8-483b-9c6c-6b27e9afa9bc" providerId="ADAL" clId="{BF04C754-5BF4-4E83-9615-DB14FA25AF8A}" dt="2023-10-12T11:38:20.867" v="298"/>
          <ac:spMkLst>
            <pc:docMk/>
            <pc:sldMk cId="2376958513" sldId="260"/>
            <ac:spMk id="10187" creationId="{166D6A83-5CC2-B6E7-0CDD-7DFD14E8E398}"/>
          </ac:spMkLst>
        </pc:spChg>
        <pc:spChg chg="mod">
          <ac:chgData name="White, Alex" userId="eff6cc8c-37d8-483b-9c6c-6b27e9afa9bc" providerId="ADAL" clId="{BF04C754-5BF4-4E83-9615-DB14FA25AF8A}" dt="2023-10-12T11:38:20.867" v="298"/>
          <ac:spMkLst>
            <pc:docMk/>
            <pc:sldMk cId="2376958513" sldId="260"/>
            <ac:spMk id="10188" creationId="{95B3E317-5C98-3CF8-1545-31E3E57C2296}"/>
          </ac:spMkLst>
        </pc:spChg>
        <pc:spChg chg="mod">
          <ac:chgData name="White, Alex" userId="eff6cc8c-37d8-483b-9c6c-6b27e9afa9bc" providerId="ADAL" clId="{BF04C754-5BF4-4E83-9615-DB14FA25AF8A}" dt="2023-10-12T11:38:20.867" v="298"/>
          <ac:spMkLst>
            <pc:docMk/>
            <pc:sldMk cId="2376958513" sldId="260"/>
            <ac:spMk id="10189" creationId="{69BDDA5D-7330-D97C-8C9B-C4F612E3D5E1}"/>
          </ac:spMkLst>
        </pc:spChg>
        <pc:spChg chg="mod">
          <ac:chgData name="White, Alex" userId="eff6cc8c-37d8-483b-9c6c-6b27e9afa9bc" providerId="ADAL" clId="{BF04C754-5BF4-4E83-9615-DB14FA25AF8A}" dt="2023-10-12T11:38:20.867" v="298"/>
          <ac:spMkLst>
            <pc:docMk/>
            <pc:sldMk cId="2376958513" sldId="260"/>
            <ac:spMk id="10190" creationId="{B02992B3-960B-2496-67EE-CA8D43463039}"/>
          </ac:spMkLst>
        </pc:spChg>
        <pc:spChg chg="mod">
          <ac:chgData name="White, Alex" userId="eff6cc8c-37d8-483b-9c6c-6b27e9afa9bc" providerId="ADAL" clId="{BF04C754-5BF4-4E83-9615-DB14FA25AF8A}" dt="2023-10-12T11:38:20.867" v="298"/>
          <ac:spMkLst>
            <pc:docMk/>
            <pc:sldMk cId="2376958513" sldId="260"/>
            <ac:spMk id="10191" creationId="{A1EC8DB1-03E3-9BF6-388A-F6CF62781E89}"/>
          </ac:spMkLst>
        </pc:spChg>
        <pc:spChg chg="mod">
          <ac:chgData name="White, Alex" userId="eff6cc8c-37d8-483b-9c6c-6b27e9afa9bc" providerId="ADAL" clId="{BF04C754-5BF4-4E83-9615-DB14FA25AF8A}" dt="2023-10-12T11:38:20.867" v="298"/>
          <ac:spMkLst>
            <pc:docMk/>
            <pc:sldMk cId="2376958513" sldId="260"/>
            <ac:spMk id="10192" creationId="{CDE50267-BE16-D75D-2D98-33BCBA871A26}"/>
          </ac:spMkLst>
        </pc:spChg>
        <pc:spChg chg="mod">
          <ac:chgData name="White, Alex" userId="eff6cc8c-37d8-483b-9c6c-6b27e9afa9bc" providerId="ADAL" clId="{BF04C754-5BF4-4E83-9615-DB14FA25AF8A}" dt="2023-10-12T11:38:20.867" v="298"/>
          <ac:spMkLst>
            <pc:docMk/>
            <pc:sldMk cId="2376958513" sldId="260"/>
            <ac:spMk id="10193" creationId="{DC6B1F65-0D99-564D-7055-04FD877BE2C2}"/>
          </ac:spMkLst>
        </pc:spChg>
        <pc:spChg chg="mod">
          <ac:chgData name="White, Alex" userId="eff6cc8c-37d8-483b-9c6c-6b27e9afa9bc" providerId="ADAL" clId="{BF04C754-5BF4-4E83-9615-DB14FA25AF8A}" dt="2023-10-12T11:38:20.867" v="298"/>
          <ac:spMkLst>
            <pc:docMk/>
            <pc:sldMk cId="2376958513" sldId="260"/>
            <ac:spMk id="10194" creationId="{0ABA48DF-5575-2F3B-0155-06BA773BD05A}"/>
          </ac:spMkLst>
        </pc:spChg>
        <pc:spChg chg="mod">
          <ac:chgData name="White, Alex" userId="eff6cc8c-37d8-483b-9c6c-6b27e9afa9bc" providerId="ADAL" clId="{BF04C754-5BF4-4E83-9615-DB14FA25AF8A}" dt="2023-10-12T11:38:20.867" v="298"/>
          <ac:spMkLst>
            <pc:docMk/>
            <pc:sldMk cId="2376958513" sldId="260"/>
            <ac:spMk id="10195" creationId="{6EAABA9D-9C3A-1170-374A-D862C19E03E8}"/>
          </ac:spMkLst>
        </pc:spChg>
        <pc:spChg chg="mod">
          <ac:chgData name="White, Alex" userId="eff6cc8c-37d8-483b-9c6c-6b27e9afa9bc" providerId="ADAL" clId="{BF04C754-5BF4-4E83-9615-DB14FA25AF8A}" dt="2023-10-12T11:38:20.867" v="298"/>
          <ac:spMkLst>
            <pc:docMk/>
            <pc:sldMk cId="2376958513" sldId="260"/>
            <ac:spMk id="10196" creationId="{10F1BF04-4EF8-550D-4222-E5C14DFCF9B4}"/>
          </ac:spMkLst>
        </pc:spChg>
        <pc:spChg chg="mod">
          <ac:chgData name="White, Alex" userId="eff6cc8c-37d8-483b-9c6c-6b27e9afa9bc" providerId="ADAL" clId="{BF04C754-5BF4-4E83-9615-DB14FA25AF8A}" dt="2023-10-12T11:38:20.867" v="298"/>
          <ac:spMkLst>
            <pc:docMk/>
            <pc:sldMk cId="2376958513" sldId="260"/>
            <ac:spMk id="10197" creationId="{0F4117A9-F309-AAFC-1E61-939380085F7E}"/>
          </ac:spMkLst>
        </pc:spChg>
        <pc:spChg chg="mod">
          <ac:chgData name="White, Alex" userId="eff6cc8c-37d8-483b-9c6c-6b27e9afa9bc" providerId="ADAL" clId="{BF04C754-5BF4-4E83-9615-DB14FA25AF8A}" dt="2023-10-12T11:38:20.867" v="298"/>
          <ac:spMkLst>
            <pc:docMk/>
            <pc:sldMk cId="2376958513" sldId="260"/>
            <ac:spMk id="10198" creationId="{DEF3A2E9-066D-8922-4E07-CA1C2F1147B1}"/>
          </ac:spMkLst>
        </pc:spChg>
        <pc:spChg chg="mod">
          <ac:chgData name="White, Alex" userId="eff6cc8c-37d8-483b-9c6c-6b27e9afa9bc" providerId="ADAL" clId="{BF04C754-5BF4-4E83-9615-DB14FA25AF8A}" dt="2023-10-12T11:38:20.867" v="298"/>
          <ac:spMkLst>
            <pc:docMk/>
            <pc:sldMk cId="2376958513" sldId="260"/>
            <ac:spMk id="10199" creationId="{5A4A06FA-24CB-BF79-00CE-7418ECDA5BD9}"/>
          </ac:spMkLst>
        </pc:spChg>
        <pc:spChg chg="mod">
          <ac:chgData name="White, Alex" userId="eff6cc8c-37d8-483b-9c6c-6b27e9afa9bc" providerId="ADAL" clId="{BF04C754-5BF4-4E83-9615-DB14FA25AF8A}" dt="2023-10-12T11:38:20.867" v="298"/>
          <ac:spMkLst>
            <pc:docMk/>
            <pc:sldMk cId="2376958513" sldId="260"/>
            <ac:spMk id="10200" creationId="{1D56AB0B-62A6-54C5-D891-A6DACBA386B2}"/>
          </ac:spMkLst>
        </pc:spChg>
        <pc:spChg chg="mod">
          <ac:chgData name="White, Alex" userId="eff6cc8c-37d8-483b-9c6c-6b27e9afa9bc" providerId="ADAL" clId="{BF04C754-5BF4-4E83-9615-DB14FA25AF8A}" dt="2023-10-12T11:38:20.867" v="298"/>
          <ac:spMkLst>
            <pc:docMk/>
            <pc:sldMk cId="2376958513" sldId="260"/>
            <ac:spMk id="10201" creationId="{D7A742EC-FF61-903B-4A17-96FE071C9397}"/>
          </ac:spMkLst>
        </pc:spChg>
        <pc:spChg chg="mod">
          <ac:chgData name="White, Alex" userId="eff6cc8c-37d8-483b-9c6c-6b27e9afa9bc" providerId="ADAL" clId="{BF04C754-5BF4-4E83-9615-DB14FA25AF8A}" dt="2023-10-12T11:38:20.867" v="298"/>
          <ac:spMkLst>
            <pc:docMk/>
            <pc:sldMk cId="2376958513" sldId="260"/>
            <ac:spMk id="10202" creationId="{97FAF5B2-76EF-F621-FBBF-67474855D290}"/>
          </ac:spMkLst>
        </pc:spChg>
        <pc:spChg chg="mod">
          <ac:chgData name="White, Alex" userId="eff6cc8c-37d8-483b-9c6c-6b27e9afa9bc" providerId="ADAL" clId="{BF04C754-5BF4-4E83-9615-DB14FA25AF8A}" dt="2023-10-12T11:38:20.867" v="298"/>
          <ac:spMkLst>
            <pc:docMk/>
            <pc:sldMk cId="2376958513" sldId="260"/>
            <ac:spMk id="10203" creationId="{80139147-F0B0-E60C-D92B-79ADEC1A7408}"/>
          </ac:spMkLst>
        </pc:spChg>
        <pc:spChg chg="mod">
          <ac:chgData name="White, Alex" userId="eff6cc8c-37d8-483b-9c6c-6b27e9afa9bc" providerId="ADAL" clId="{BF04C754-5BF4-4E83-9615-DB14FA25AF8A}" dt="2023-10-12T11:38:20.867" v="298"/>
          <ac:spMkLst>
            <pc:docMk/>
            <pc:sldMk cId="2376958513" sldId="260"/>
            <ac:spMk id="10204" creationId="{76F126A2-A2E3-D2FD-1533-935E620A524F}"/>
          </ac:spMkLst>
        </pc:spChg>
        <pc:spChg chg="mod">
          <ac:chgData name="White, Alex" userId="eff6cc8c-37d8-483b-9c6c-6b27e9afa9bc" providerId="ADAL" clId="{BF04C754-5BF4-4E83-9615-DB14FA25AF8A}" dt="2023-10-12T11:38:20.867" v="298"/>
          <ac:spMkLst>
            <pc:docMk/>
            <pc:sldMk cId="2376958513" sldId="260"/>
            <ac:spMk id="10205" creationId="{09F2B930-E0CE-EC72-3B92-997425B99FFE}"/>
          </ac:spMkLst>
        </pc:spChg>
        <pc:spChg chg="mod">
          <ac:chgData name="White, Alex" userId="eff6cc8c-37d8-483b-9c6c-6b27e9afa9bc" providerId="ADAL" clId="{BF04C754-5BF4-4E83-9615-DB14FA25AF8A}" dt="2023-10-12T11:38:20.867" v="298"/>
          <ac:spMkLst>
            <pc:docMk/>
            <pc:sldMk cId="2376958513" sldId="260"/>
            <ac:spMk id="10206" creationId="{7E34F635-5459-F4BA-D4B8-16E6465C2DA4}"/>
          </ac:spMkLst>
        </pc:spChg>
        <pc:spChg chg="mod">
          <ac:chgData name="White, Alex" userId="eff6cc8c-37d8-483b-9c6c-6b27e9afa9bc" providerId="ADAL" clId="{BF04C754-5BF4-4E83-9615-DB14FA25AF8A}" dt="2023-10-12T11:38:20.867" v="298"/>
          <ac:spMkLst>
            <pc:docMk/>
            <pc:sldMk cId="2376958513" sldId="260"/>
            <ac:spMk id="10207" creationId="{11E37B34-4072-4067-5F0F-406B75B4BA19}"/>
          </ac:spMkLst>
        </pc:spChg>
        <pc:spChg chg="mod">
          <ac:chgData name="White, Alex" userId="eff6cc8c-37d8-483b-9c6c-6b27e9afa9bc" providerId="ADAL" clId="{BF04C754-5BF4-4E83-9615-DB14FA25AF8A}" dt="2023-10-12T11:38:20.867" v="298"/>
          <ac:spMkLst>
            <pc:docMk/>
            <pc:sldMk cId="2376958513" sldId="260"/>
            <ac:spMk id="10208" creationId="{543C0F3D-999C-8188-38C2-E7A2B1C47B55}"/>
          </ac:spMkLst>
        </pc:spChg>
        <pc:spChg chg="mod">
          <ac:chgData name="White, Alex" userId="eff6cc8c-37d8-483b-9c6c-6b27e9afa9bc" providerId="ADAL" clId="{BF04C754-5BF4-4E83-9615-DB14FA25AF8A}" dt="2023-10-12T11:38:20.867" v="298"/>
          <ac:spMkLst>
            <pc:docMk/>
            <pc:sldMk cId="2376958513" sldId="260"/>
            <ac:spMk id="10209" creationId="{E7C8FC47-4691-7872-D9AA-CBEBA1DC84B9}"/>
          </ac:spMkLst>
        </pc:spChg>
        <pc:spChg chg="mod">
          <ac:chgData name="White, Alex" userId="eff6cc8c-37d8-483b-9c6c-6b27e9afa9bc" providerId="ADAL" clId="{BF04C754-5BF4-4E83-9615-DB14FA25AF8A}" dt="2023-10-12T11:38:20.867" v="298"/>
          <ac:spMkLst>
            <pc:docMk/>
            <pc:sldMk cId="2376958513" sldId="260"/>
            <ac:spMk id="10210" creationId="{AFEEE88D-FCF4-CCAC-CCAD-2F3EFA2CA1B6}"/>
          </ac:spMkLst>
        </pc:spChg>
        <pc:spChg chg="mod">
          <ac:chgData name="White, Alex" userId="eff6cc8c-37d8-483b-9c6c-6b27e9afa9bc" providerId="ADAL" clId="{BF04C754-5BF4-4E83-9615-DB14FA25AF8A}" dt="2023-10-12T11:38:20.867" v="298"/>
          <ac:spMkLst>
            <pc:docMk/>
            <pc:sldMk cId="2376958513" sldId="260"/>
            <ac:spMk id="10211" creationId="{2AC8D293-EAA7-5F9B-D11A-F05602A4FBE0}"/>
          </ac:spMkLst>
        </pc:spChg>
        <pc:spChg chg="mod">
          <ac:chgData name="White, Alex" userId="eff6cc8c-37d8-483b-9c6c-6b27e9afa9bc" providerId="ADAL" clId="{BF04C754-5BF4-4E83-9615-DB14FA25AF8A}" dt="2023-10-12T11:38:20.867" v="298"/>
          <ac:spMkLst>
            <pc:docMk/>
            <pc:sldMk cId="2376958513" sldId="260"/>
            <ac:spMk id="10212" creationId="{B96BD9F0-2FCA-89C1-F499-92E9F44A52CF}"/>
          </ac:spMkLst>
        </pc:spChg>
        <pc:spChg chg="mod">
          <ac:chgData name="White, Alex" userId="eff6cc8c-37d8-483b-9c6c-6b27e9afa9bc" providerId="ADAL" clId="{BF04C754-5BF4-4E83-9615-DB14FA25AF8A}" dt="2023-10-12T11:38:20.867" v="298"/>
          <ac:spMkLst>
            <pc:docMk/>
            <pc:sldMk cId="2376958513" sldId="260"/>
            <ac:spMk id="10213" creationId="{D3CAD5B2-BE49-F35D-BB53-8FB9996D4CBC}"/>
          </ac:spMkLst>
        </pc:spChg>
        <pc:spChg chg="mod">
          <ac:chgData name="White, Alex" userId="eff6cc8c-37d8-483b-9c6c-6b27e9afa9bc" providerId="ADAL" clId="{BF04C754-5BF4-4E83-9615-DB14FA25AF8A}" dt="2023-10-12T11:38:20.867" v="298"/>
          <ac:spMkLst>
            <pc:docMk/>
            <pc:sldMk cId="2376958513" sldId="260"/>
            <ac:spMk id="10214" creationId="{DC74A9E7-194A-9999-4907-98EC9013CB49}"/>
          </ac:spMkLst>
        </pc:spChg>
        <pc:spChg chg="mod">
          <ac:chgData name="White, Alex" userId="eff6cc8c-37d8-483b-9c6c-6b27e9afa9bc" providerId="ADAL" clId="{BF04C754-5BF4-4E83-9615-DB14FA25AF8A}" dt="2023-10-12T11:38:20.867" v="298"/>
          <ac:spMkLst>
            <pc:docMk/>
            <pc:sldMk cId="2376958513" sldId="260"/>
            <ac:spMk id="10215" creationId="{9C85DEA8-3044-0958-11C5-3DB527A7B9BC}"/>
          </ac:spMkLst>
        </pc:spChg>
        <pc:spChg chg="mod">
          <ac:chgData name="White, Alex" userId="eff6cc8c-37d8-483b-9c6c-6b27e9afa9bc" providerId="ADAL" clId="{BF04C754-5BF4-4E83-9615-DB14FA25AF8A}" dt="2023-10-12T11:38:20.867" v="298"/>
          <ac:spMkLst>
            <pc:docMk/>
            <pc:sldMk cId="2376958513" sldId="260"/>
            <ac:spMk id="10216" creationId="{42B3546F-73B0-7F00-FACA-13D41668B4CE}"/>
          </ac:spMkLst>
        </pc:spChg>
        <pc:spChg chg="mod">
          <ac:chgData name="White, Alex" userId="eff6cc8c-37d8-483b-9c6c-6b27e9afa9bc" providerId="ADAL" clId="{BF04C754-5BF4-4E83-9615-DB14FA25AF8A}" dt="2023-10-12T11:38:20.867" v="298"/>
          <ac:spMkLst>
            <pc:docMk/>
            <pc:sldMk cId="2376958513" sldId="260"/>
            <ac:spMk id="10217" creationId="{45639273-1D63-E34A-067B-1AB46E683FEF}"/>
          </ac:spMkLst>
        </pc:spChg>
        <pc:spChg chg="mod">
          <ac:chgData name="White, Alex" userId="eff6cc8c-37d8-483b-9c6c-6b27e9afa9bc" providerId="ADAL" clId="{BF04C754-5BF4-4E83-9615-DB14FA25AF8A}" dt="2023-10-12T11:38:20.867" v="298"/>
          <ac:spMkLst>
            <pc:docMk/>
            <pc:sldMk cId="2376958513" sldId="260"/>
            <ac:spMk id="10218" creationId="{A279E72D-A9AC-7EF5-2587-904C3D37B9F2}"/>
          </ac:spMkLst>
        </pc:spChg>
        <pc:spChg chg="mod">
          <ac:chgData name="White, Alex" userId="eff6cc8c-37d8-483b-9c6c-6b27e9afa9bc" providerId="ADAL" clId="{BF04C754-5BF4-4E83-9615-DB14FA25AF8A}" dt="2023-10-12T11:38:20.867" v="298"/>
          <ac:spMkLst>
            <pc:docMk/>
            <pc:sldMk cId="2376958513" sldId="260"/>
            <ac:spMk id="10219" creationId="{13116E3A-A6CA-F4B9-6262-204303C4DC6E}"/>
          </ac:spMkLst>
        </pc:spChg>
        <pc:spChg chg="mod">
          <ac:chgData name="White, Alex" userId="eff6cc8c-37d8-483b-9c6c-6b27e9afa9bc" providerId="ADAL" clId="{BF04C754-5BF4-4E83-9615-DB14FA25AF8A}" dt="2023-10-12T11:38:20.867" v="298"/>
          <ac:spMkLst>
            <pc:docMk/>
            <pc:sldMk cId="2376958513" sldId="260"/>
            <ac:spMk id="10220" creationId="{A76EC4D0-7F8B-3722-1016-978EBB6BD5CD}"/>
          </ac:spMkLst>
        </pc:spChg>
        <pc:spChg chg="mod">
          <ac:chgData name="White, Alex" userId="eff6cc8c-37d8-483b-9c6c-6b27e9afa9bc" providerId="ADAL" clId="{BF04C754-5BF4-4E83-9615-DB14FA25AF8A}" dt="2023-10-12T11:38:20.867" v="298"/>
          <ac:spMkLst>
            <pc:docMk/>
            <pc:sldMk cId="2376958513" sldId="260"/>
            <ac:spMk id="10221" creationId="{B985CA26-2FA3-66AD-99ED-D3DDF7A23653}"/>
          </ac:spMkLst>
        </pc:spChg>
        <pc:spChg chg="mod">
          <ac:chgData name="White, Alex" userId="eff6cc8c-37d8-483b-9c6c-6b27e9afa9bc" providerId="ADAL" clId="{BF04C754-5BF4-4E83-9615-DB14FA25AF8A}" dt="2023-10-12T11:38:20.867" v="298"/>
          <ac:spMkLst>
            <pc:docMk/>
            <pc:sldMk cId="2376958513" sldId="260"/>
            <ac:spMk id="10222" creationId="{32636077-D2C8-0DB7-8712-224A3263D448}"/>
          </ac:spMkLst>
        </pc:spChg>
        <pc:spChg chg="mod">
          <ac:chgData name="White, Alex" userId="eff6cc8c-37d8-483b-9c6c-6b27e9afa9bc" providerId="ADAL" clId="{BF04C754-5BF4-4E83-9615-DB14FA25AF8A}" dt="2023-10-12T11:38:20.867" v="298"/>
          <ac:spMkLst>
            <pc:docMk/>
            <pc:sldMk cId="2376958513" sldId="260"/>
            <ac:spMk id="10223" creationId="{409BD426-C533-E96A-1C92-D89E5DF16EDF}"/>
          </ac:spMkLst>
        </pc:spChg>
        <pc:spChg chg="mod">
          <ac:chgData name="White, Alex" userId="eff6cc8c-37d8-483b-9c6c-6b27e9afa9bc" providerId="ADAL" clId="{BF04C754-5BF4-4E83-9615-DB14FA25AF8A}" dt="2023-10-12T11:38:20.867" v="298"/>
          <ac:spMkLst>
            <pc:docMk/>
            <pc:sldMk cId="2376958513" sldId="260"/>
            <ac:spMk id="10224" creationId="{CA627B32-76A7-20A6-90E3-C39F61945751}"/>
          </ac:spMkLst>
        </pc:spChg>
        <pc:spChg chg="mod">
          <ac:chgData name="White, Alex" userId="eff6cc8c-37d8-483b-9c6c-6b27e9afa9bc" providerId="ADAL" clId="{BF04C754-5BF4-4E83-9615-DB14FA25AF8A}" dt="2023-10-12T11:38:20.867" v="298"/>
          <ac:spMkLst>
            <pc:docMk/>
            <pc:sldMk cId="2376958513" sldId="260"/>
            <ac:spMk id="10225" creationId="{EEB85DE2-B2FC-371F-5D1B-33747B5566E9}"/>
          </ac:spMkLst>
        </pc:spChg>
        <pc:spChg chg="mod">
          <ac:chgData name="White, Alex" userId="eff6cc8c-37d8-483b-9c6c-6b27e9afa9bc" providerId="ADAL" clId="{BF04C754-5BF4-4E83-9615-DB14FA25AF8A}" dt="2023-10-12T11:38:20.867" v="298"/>
          <ac:spMkLst>
            <pc:docMk/>
            <pc:sldMk cId="2376958513" sldId="260"/>
            <ac:spMk id="10226" creationId="{4DAA5C86-9021-701F-F180-65330FAC7677}"/>
          </ac:spMkLst>
        </pc:spChg>
        <pc:spChg chg="mod">
          <ac:chgData name="White, Alex" userId="eff6cc8c-37d8-483b-9c6c-6b27e9afa9bc" providerId="ADAL" clId="{BF04C754-5BF4-4E83-9615-DB14FA25AF8A}" dt="2023-10-12T11:38:20.867" v="298"/>
          <ac:spMkLst>
            <pc:docMk/>
            <pc:sldMk cId="2376958513" sldId="260"/>
            <ac:spMk id="10227" creationId="{BD5AE942-2327-36BD-B6F0-BB0182E17D9C}"/>
          </ac:spMkLst>
        </pc:spChg>
        <pc:spChg chg="mod">
          <ac:chgData name="White, Alex" userId="eff6cc8c-37d8-483b-9c6c-6b27e9afa9bc" providerId="ADAL" clId="{BF04C754-5BF4-4E83-9615-DB14FA25AF8A}" dt="2023-10-12T11:38:20.867" v="298"/>
          <ac:spMkLst>
            <pc:docMk/>
            <pc:sldMk cId="2376958513" sldId="260"/>
            <ac:spMk id="10228" creationId="{E7E2B451-8B87-DCFA-E4EF-782C28DF43C2}"/>
          </ac:spMkLst>
        </pc:spChg>
        <pc:spChg chg="mod">
          <ac:chgData name="White, Alex" userId="eff6cc8c-37d8-483b-9c6c-6b27e9afa9bc" providerId="ADAL" clId="{BF04C754-5BF4-4E83-9615-DB14FA25AF8A}" dt="2023-10-12T11:38:20.867" v="298"/>
          <ac:spMkLst>
            <pc:docMk/>
            <pc:sldMk cId="2376958513" sldId="260"/>
            <ac:spMk id="10229" creationId="{F658749B-DD4E-F85F-A1C0-334DE9600A30}"/>
          </ac:spMkLst>
        </pc:spChg>
        <pc:spChg chg="mod">
          <ac:chgData name="White, Alex" userId="eff6cc8c-37d8-483b-9c6c-6b27e9afa9bc" providerId="ADAL" clId="{BF04C754-5BF4-4E83-9615-DB14FA25AF8A}" dt="2023-10-12T11:38:20.867" v="298"/>
          <ac:spMkLst>
            <pc:docMk/>
            <pc:sldMk cId="2376958513" sldId="260"/>
            <ac:spMk id="10230" creationId="{77D9800F-A97C-E35E-3AFB-40F3B2DF431A}"/>
          </ac:spMkLst>
        </pc:spChg>
        <pc:spChg chg="mod">
          <ac:chgData name="White, Alex" userId="eff6cc8c-37d8-483b-9c6c-6b27e9afa9bc" providerId="ADAL" clId="{BF04C754-5BF4-4E83-9615-DB14FA25AF8A}" dt="2023-10-12T11:38:20.867" v="298"/>
          <ac:spMkLst>
            <pc:docMk/>
            <pc:sldMk cId="2376958513" sldId="260"/>
            <ac:spMk id="10231" creationId="{D0285BB2-D479-7E77-6256-F60F28385468}"/>
          </ac:spMkLst>
        </pc:spChg>
        <pc:spChg chg="mod">
          <ac:chgData name="White, Alex" userId="eff6cc8c-37d8-483b-9c6c-6b27e9afa9bc" providerId="ADAL" clId="{BF04C754-5BF4-4E83-9615-DB14FA25AF8A}" dt="2023-10-12T11:38:20.867" v="298"/>
          <ac:spMkLst>
            <pc:docMk/>
            <pc:sldMk cId="2376958513" sldId="260"/>
            <ac:spMk id="10232" creationId="{6AB5DEA3-622E-524C-AA6F-CDDED2D31F61}"/>
          </ac:spMkLst>
        </pc:spChg>
        <pc:spChg chg="mod">
          <ac:chgData name="White, Alex" userId="eff6cc8c-37d8-483b-9c6c-6b27e9afa9bc" providerId="ADAL" clId="{BF04C754-5BF4-4E83-9615-DB14FA25AF8A}" dt="2023-10-12T11:38:20.867" v="298"/>
          <ac:spMkLst>
            <pc:docMk/>
            <pc:sldMk cId="2376958513" sldId="260"/>
            <ac:spMk id="10233" creationId="{6371FD46-0B70-E0DC-DA8C-92B32B2F56F6}"/>
          </ac:spMkLst>
        </pc:spChg>
        <pc:spChg chg="mod">
          <ac:chgData name="White, Alex" userId="eff6cc8c-37d8-483b-9c6c-6b27e9afa9bc" providerId="ADAL" clId="{BF04C754-5BF4-4E83-9615-DB14FA25AF8A}" dt="2023-10-12T11:38:20.867" v="298"/>
          <ac:spMkLst>
            <pc:docMk/>
            <pc:sldMk cId="2376958513" sldId="260"/>
            <ac:spMk id="10234" creationId="{4BCB2DF3-2952-3E26-E0C8-BA560BB3DEFF}"/>
          </ac:spMkLst>
        </pc:spChg>
        <pc:spChg chg="mod">
          <ac:chgData name="White, Alex" userId="eff6cc8c-37d8-483b-9c6c-6b27e9afa9bc" providerId="ADAL" clId="{BF04C754-5BF4-4E83-9615-DB14FA25AF8A}" dt="2023-10-12T11:38:20.867" v="298"/>
          <ac:spMkLst>
            <pc:docMk/>
            <pc:sldMk cId="2376958513" sldId="260"/>
            <ac:spMk id="10235" creationId="{E7B59EE5-83D4-E4EE-8DF6-A9DCA321A1EF}"/>
          </ac:spMkLst>
        </pc:spChg>
        <pc:spChg chg="mod">
          <ac:chgData name="White, Alex" userId="eff6cc8c-37d8-483b-9c6c-6b27e9afa9bc" providerId="ADAL" clId="{BF04C754-5BF4-4E83-9615-DB14FA25AF8A}" dt="2023-10-12T11:38:20.867" v="298"/>
          <ac:spMkLst>
            <pc:docMk/>
            <pc:sldMk cId="2376958513" sldId="260"/>
            <ac:spMk id="10236" creationId="{BBD4E976-F91A-43EC-7007-7134F25D5CB7}"/>
          </ac:spMkLst>
        </pc:spChg>
        <pc:spChg chg="mod">
          <ac:chgData name="White, Alex" userId="eff6cc8c-37d8-483b-9c6c-6b27e9afa9bc" providerId="ADAL" clId="{BF04C754-5BF4-4E83-9615-DB14FA25AF8A}" dt="2023-10-12T11:38:20.867" v="298"/>
          <ac:spMkLst>
            <pc:docMk/>
            <pc:sldMk cId="2376958513" sldId="260"/>
            <ac:spMk id="10237" creationId="{2DAA07B0-28A7-BE33-DC09-5036278832C9}"/>
          </ac:spMkLst>
        </pc:spChg>
        <pc:spChg chg="mod">
          <ac:chgData name="White, Alex" userId="eff6cc8c-37d8-483b-9c6c-6b27e9afa9bc" providerId="ADAL" clId="{BF04C754-5BF4-4E83-9615-DB14FA25AF8A}" dt="2023-10-12T11:38:20.867" v="298"/>
          <ac:spMkLst>
            <pc:docMk/>
            <pc:sldMk cId="2376958513" sldId="260"/>
            <ac:spMk id="10238" creationId="{FA8989C3-D8B4-D9F1-3C08-30813A6FFE02}"/>
          </ac:spMkLst>
        </pc:spChg>
        <pc:spChg chg="mod">
          <ac:chgData name="White, Alex" userId="eff6cc8c-37d8-483b-9c6c-6b27e9afa9bc" providerId="ADAL" clId="{BF04C754-5BF4-4E83-9615-DB14FA25AF8A}" dt="2023-10-12T11:38:20.867" v="298"/>
          <ac:spMkLst>
            <pc:docMk/>
            <pc:sldMk cId="2376958513" sldId="260"/>
            <ac:spMk id="10239" creationId="{92B0C09C-B1F5-8528-D5DB-A6A602D29F69}"/>
          </ac:spMkLst>
        </pc:spChg>
        <pc:spChg chg="mod">
          <ac:chgData name="White, Alex" userId="eff6cc8c-37d8-483b-9c6c-6b27e9afa9bc" providerId="ADAL" clId="{BF04C754-5BF4-4E83-9615-DB14FA25AF8A}" dt="2023-10-12T11:38:20.867" v="298"/>
          <ac:spMkLst>
            <pc:docMk/>
            <pc:sldMk cId="2376958513" sldId="260"/>
            <ac:spMk id="10240" creationId="{D51DA81F-22F9-002B-38CA-3577CE22A16E}"/>
          </ac:spMkLst>
        </pc:spChg>
        <pc:spChg chg="mod">
          <ac:chgData name="White, Alex" userId="eff6cc8c-37d8-483b-9c6c-6b27e9afa9bc" providerId="ADAL" clId="{BF04C754-5BF4-4E83-9615-DB14FA25AF8A}" dt="2023-10-12T11:38:20.867" v="298"/>
          <ac:spMkLst>
            <pc:docMk/>
            <pc:sldMk cId="2376958513" sldId="260"/>
            <ac:spMk id="10241" creationId="{EF709D96-FD9C-4D2A-629A-77BCB3F4FD16}"/>
          </ac:spMkLst>
        </pc:spChg>
        <pc:spChg chg="mod">
          <ac:chgData name="White, Alex" userId="eff6cc8c-37d8-483b-9c6c-6b27e9afa9bc" providerId="ADAL" clId="{BF04C754-5BF4-4E83-9615-DB14FA25AF8A}" dt="2023-10-12T11:38:20.867" v="298"/>
          <ac:spMkLst>
            <pc:docMk/>
            <pc:sldMk cId="2376958513" sldId="260"/>
            <ac:spMk id="10242" creationId="{7F4E0B8C-8EE8-0C4E-9BA9-B51EDA274ADB}"/>
          </ac:spMkLst>
        </pc:spChg>
        <pc:spChg chg="mod">
          <ac:chgData name="White, Alex" userId="eff6cc8c-37d8-483b-9c6c-6b27e9afa9bc" providerId="ADAL" clId="{BF04C754-5BF4-4E83-9615-DB14FA25AF8A}" dt="2023-10-12T11:38:20.867" v="298"/>
          <ac:spMkLst>
            <pc:docMk/>
            <pc:sldMk cId="2376958513" sldId="260"/>
            <ac:spMk id="10243" creationId="{9CCF300F-5683-7336-5676-8D10807766F9}"/>
          </ac:spMkLst>
        </pc:spChg>
        <pc:spChg chg="mod">
          <ac:chgData name="White, Alex" userId="eff6cc8c-37d8-483b-9c6c-6b27e9afa9bc" providerId="ADAL" clId="{BF04C754-5BF4-4E83-9615-DB14FA25AF8A}" dt="2023-10-12T11:38:20.867" v="298"/>
          <ac:spMkLst>
            <pc:docMk/>
            <pc:sldMk cId="2376958513" sldId="260"/>
            <ac:spMk id="10244" creationId="{0A78B330-B1D1-1D90-8F58-1AF24C6DBD4E}"/>
          </ac:spMkLst>
        </pc:spChg>
        <pc:spChg chg="mod">
          <ac:chgData name="White, Alex" userId="eff6cc8c-37d8-483b-9c6c-6b27e9afa9bc" providerId="ADAL" clId="{BF04C754-5BF4-4E83-9615-DB14FA25AF8A}" dt="2023-10-12T11:38:20.867" v="298"/>
          <ac:spMkLst>
            <pc:docMk/>
            <pc:sldMk cId="2376958513" sldId="260"/>
            <ac:spMk id="10245" creationId="{43570173-59DC-A649-E803-A63F7EEED0D6}"/>
          </ac:spMkLst>
        </pc:spChg>
        <pc:spChg chg="mod">
          <ac:chgData name="White, Alex" userId="eff6cc8c-37d8-483b-9c6c-6b27e9afa9bc" providerId="ADAL" clId="{BF04C754-5BF4-4E83-9615-DB14FA25AF8A}" dt="2023-10-12T11:38:20.867" v="298"/>
          <ac:spMkLst>
            <pc:docMk/>
            <pc:sldMk cId="2376958513" sldId="260"/>
            <ac:spMk id="10246" creationId="{B3531DC0-C5E4-FBBF-3293-17718774051D}"/>
          </ac:spMkLst>
        </pc:spChg>
        <pc:spChg chg="mod">
          <ac:chgData name="White, Alex" userId="eff6cc8c-37d8-483b-9c6c-6b27e9afa9bc" providerId="ADAL" clId="{BF04C754-5BF4-4E83-9615-DB14FA25AF8A}" dt="2023-10-12T11:38:20.867" v="298"/>
          <ac:spMkLst>
            <pc:docMk/>
            <pc:sldMk cId="2376958513" sldId="260"/>
            <ac:spMk id="10247" creationId="{03574AD6-627F-B32B-0A16-671585D910D1}"/>
          </ac:spMkLst>
        </pc:spChg>
        <pc:spChg chg="mod">
          <ac:chgData name="White, Alex" userId="eff6cc8c-37d8-483b-9c6c-6b27e9afa9bc" providerId="ADAL" clId="{BF04C754-5BF4-4E83-9615-DB14FA25AF8A}" dt="2023-10-12T11:38:20.867" v="298"/>
          <ac:spMkLst>
            <pc:docMk/>
            <pc:sldMk cId="2376958513" sldId="260"/>
            <ac:spMk id="10248" creationId="{0B305D18-06E9-D984-EFCA-332CE70294F3}"/>
          </ac:spMkLst>
        </pc:spChg>
        <pc:spChg chg="mod">
          <ac:chgData name="White, Alex" userId="eff6cc8c-37d8-483b-9c6c-6b27e9afa9bc" providerId="ADAL" clId="{BF04C754-5BF4-4E83-9615-DB14FA25AF8A}" dt="2023-10-12T11:38:20.867" v="298"/>
          <ac:spMkLst>
            <pc:docMk/>
            <pc:sldMk cId="2376958513" sldId="260"/>
            <ac:spMk id="10249" creationId="{1CD23202-ECFA-6802-7239-69E8170FA49D}"/>
          </ac:spMkLst>
        </pc:spChg>
        <pc:spChg chg="mod">
          <ac:chgData name="White, Alex" userId="eff6cc8c-37d8-483b-9c6c-6b27e9afa9bc" providerId="ADAL" clId="{BF04C754-5BF4-4E83-9615-DB14FA25AF8A}" dt="2023-10-12T11:38:20.867" v="298"/>
          <ac:spMkLst>
            <pc:docMk/>
            <pc:sldMk cId="2376958513" sldId="260"/>
            <ac:spMk id="10250" creationId="{BDB69B9D-F502-4808-FF18-D1E523F33ABB}"/>
          </ac:spMkLst>
        </pc:spChg>
        <pc:spChg chg="mod">
          <ac:chgData name="White, Alex" userId="eff6cc8c-37d8-483b-9c6c-6b27e9afa9bc" providerId="ADAL" clId="{BF04C754-5BF4-4E83-9615-DB14FA25AF8A}" dt="2023-10-12T11:38:20.867" v="298"/>
          <ac:spMkLst>
            <pc:docMk/>
            <pc:sldMk cId="2376958513" sldId="260"/>
            <ac:spMk id="10251" creationId="{093A3160-8E4C-10D4-2399-BCE60CB06904}"/>
          </ac:spMkLst>
        </pc:spChg>
        <pc:spChg chg="mod">
          <ac:chgData name="White, Alex" userId="eff6cc8c-37d8-483b-9c6c-6b27e9afa9bc" providerId="ADAL" clId="{BF04C754-5BF4-4E83-9615-DB14FA25AF8A}" dt="2023-10-12T11:38:20.867" v="298"/>
          <ac:spMkLst>
            <pc:docMk/>
            <pc:sldMk cId="2376958513" sldId="260"/>
            <ac:spMk id="10252" creationId="{B706A7A9-3F19-2BD3-38C5-BB46BC918DBC}"/>
          </ac:spMkLst>
        </pc:spChg>
        <pc:spChg chg="mod">
          <ac:chgData name="White, Alex" userId="eff6cc8c-37d8-483b-9c6c-6b27e9afa9bc" providerId="ADAL" clId="{BF04C754-5BF4-4E83-9615-DB14FA25AF8A}" dt="2023-10-12T11:38:20.867" v="298"/>
          <ac:spMkLst>
            <pc:docMk/>
            <pc:sldMk cId="2376958513" sldId="260"/>
            <ac:spMk id="10253" creationId="{72804B77-0C84-392A-F990-87E8B272E9E7}"/>
          </ac:spMkLst>
        </pc:spChg>
        <pc:spChg chg="mod">
          <ac:chgData name="White, Alex" userId="eff6cc8c-37d8-483b-9c6c-6b27e9afa9bc" providerId="ADAL" clId="{BF04C754-5BF4-4E83-9615-DB14FA25AF8A}" dt="2023-10-12T11:38:20.867" v="298"/>
          <ac:spMkLst>
            <pc:docMk/>
            <pc:sldMk cId="2376958513" sldId="260"/>
            <ac:spMk id="10254" creationId="{4E9C1300-9B17-7611-E42B-C88A6D6F7590}"/>
          </ac:spMkLst>
        </pc:spChg>
        <pc:spChg chg="mod">
          <ac:chgData name="White, Alex" userId="eff6cc8c-37d8-483b-9c6c-6b27e9afa9bc" providerId="ADAL" clId="{BF04C754-5BF4-4E83-9615-DB14FA25AF8A}" dt="2023-10-12T11:38:20.867" v="298"/>
          <ac:spMkLst>
            <pc:docMk/>
            <pc:sldMk cId="2376958513" sldId="260"/>
            <ac:spMk id="10255" creationId="{C01A45A0-06CC-A544-5678-26619558AD55}"/>
          </ac:spMkLst>
        </pc:spChg>
        <pc:spChg chg="mod">
          <ac:chgData name="White, Alex" userId="eff6cc8c-37d8-483b-9c6c-6b27e9afa9bc" providerId="ADAL" clId="{BF04C754-5BF4-4E83-9615-DB14FA25AF8A}" dt="2023-10-12T11:38:20.867" v="298"/>
          <ac:spMkLst>
            <pc:docMk/>
            <pc:sldMk cId="2376958513" sldId="260"/>
            <ac:spMk id="10256" creationId="{3237AA9D-09ED-418B-986E-2ED8ADAA625D}"/>
          </ac:spMkLst>
        </pc:spChg>
        <pc:spChg chg="mod">
          <ac:chgData name="White, Alex" userId="eff6cc8c-37d8-483b-9c6c-6b27e9afa9bc" providerId="ADAL" clId="{BF04C754-5BF4-4E83-9615-DB14FA25AF8A}" dt="2023-10-12T11:38:20.867" v="298"/>
          <ac:spMkLst>
            <pc:docMk/>
            <pc:sldMk cId="2376958513" sldId="260"/>
            <ac:spMk id="10257" creationId="{83836FD4-C7CE-D6F0-C3C9-A392A06BFC57}"/>
          </ac:spMkLst>
        </pc:spChg>
        <pc:spChg chg="mod">
          <ac:chgData name="White, Alex" userId="eff6cc8c-37d8-483b-9c6c-6b27e9afa9bc" providerId="ADAL" clId="{BF04C754-5BF4-4E83-9615-DB14FA25AF8A}" dt="2023-10-12T11:38:20.867" v="298"/>
          <ac:spMkLst>
            <pc:docMk/>
            <pc:sldMk cId="2376958513" sldId="260"/>
            <ac:spMk id="10258" creationId="{0F7DD91D-EA99-5509-051E-62D06CF273E1}"/>
          </ac:spMkLst>
        </pc:spChg>
        <pc:spChg chg="mod">
          <ac:chgData name="White, Alex" userId="eff6cc8c-37d8-483b-9c6c-6b27e9afa9bc" providerId="ADAL" clId="{BF04C754-5BF4-4E83-9615-DB14FA25AF8A}" dt="2023-10-12T11:38:20.867" v="298"/>
          <ac:spMkLst>
            <pc:docMk/>
            <pc:sldMk cId="2376958513" sldId="260"/>
            <ac:spMk id="10259" creationId="{BF34787F-B8F8-1D75-574F-AD55E2096064}"/>
          </ac:spMkLst>
        </pc:spChg>
        <pc:spChg chg="mod">
          <ac:chgData name="White, Alex" userId="eff6cc8c-37d8-483b-9c6c-6b27e9afa9bc" providerId="ADAL" clId="{BF04C754-5BF4-4E83-9615-DB14FA25AF8A}" dt="2023-10-12T11:38:20.867" v="298"/>
          <ac:spMkLst>
            <pc:docMk/>
            <pc:sldMk cId="2376958513" sldId="260"/>
            <ac:spMk id="10260" creationId="{0FC75C10-8A9F-DBD1-CF52-C1F91DB77BBA}"/>
          </ac:spMkLst>
        </pc:spChg>
        <pc:spChg chg="mod">
          <ac:chgData name="White, Alex" userId="eff6cc8c-37d8-483b-9c6c-6b27e9afa9bc" providerId="ADAL" clId="{BF04C754-5BF4-4E83-9615-DB14FA25AF8A}" dt="2023-10-12T11:38:20.867" v="298"/>
          <ac:spMkLst>
            <pc:docMk/>
            <pc:sldMk cId="2376958513" sldId="260"/>
            <ac:spMk id="10261" creationId="{0006434D-84ED-DE89-464E-AF90424B22FF}"/>
          </ac:spMkLst>
        </pc:spChg>
        <pc:spChg chg="mod">
          <ac:chgData name="White, Alex" userId="eff6cc8c-37d8-483b-9c6c-6b27e9afa9bc" providerId="ADAL" clId="{BF04C754-5BF4-4E83-9615-DB14FA25AF8A}" dt="2023-10-12T11:38:20.867" v="298"/>
          <ac:spMkLst>
            <pc:docMk/>
            <pc:sldMk cId="2376958513" sldId="260"/>
            <ac:spMk id="10262" creationId="{C6166CA4-FAC2-85CD-FA14-9E2F27202F2A}"/>
          </ac:spMkLst>
        </pc:spChg>
        <pc:spChg chg="mod">
          <ac:chgData name="White, Alex" userId="eff6cc8c-37d8-483b-9c6c-6b27e9afa9bc" providerId="ADAL" clId="{BF04C754-5BF4-4E83-9615-DB14FA25AF8A}" dt="2023-10-12T11:38:20.867" v="298"/>
          <ac:spMkLst>
            <pc:docMk/>
            <pc:sldMk cId="2376958513" sldId="260"/>
            <ac:spMk id="10263" creationId="{31623AB3-3A7B-369B-7761-25451C2B0543}"/>
          </ac:spMkLst>
        </pc:spChg>
        <pc:spChg chg="mod">
          <ac:chgData name="White, Alex" userId="eff6cc8c-37d8-483b-9c6c-6b27e9afa9bc" providerId="ADAL" clId="{BF04C754-5BF4-4E83-9615-DB14FA25AF8A}" dt="2023-10-12T11:38:20.867" v="298"/>
          <ac:spMkLst>
            <pc:docMk/>
            <pc:sldMk cId="2376958513" sldId="260"/>
            <ac:spMk id="10264" creationId="{1474B6AB-5C60-682E-2F38-EDF0F2712CD2}"/>
          </ac:spMkLst>
        </pc:spChg>
        <pc:spChg chg="mod">
          <ac:chgData name="White, Alex" userId="eff6cc8c-37d8-483b-9c6c-6b27e9afa9bc" providerId="ADAL" clId="{BF04C754-5BF4-4E83-9615-DB14FA25AF8A}" dt="2023-10-12T11:38:20.867" v="298"/>
          <ac:spMkLst>
            <pc:docMk/>
            <pc:sldMk cId="2376958513" sldId="260"/>
            <ac:spMk id="10265" creationId="{5D0266E0-99EB-CD9A-F7A2-B80D19BFE320}"/>
          </ac:spMkLst>
        </pc:spChg>
        <pc:spChg chg="mod">
          <ac:chgData name="White, Alex" userId="eff6cc8c-37d8-483b-9c6c-6b27e9afa9bc" providerId="ADAL" clId="{BF04C754-5BF4-4E83-9615-DB14FA25AF8A}" dt="2023-10-12T11:38:20.867" v="298"/>
          <ac:spMkLst>
            <pc:docMk/>
            <pc:sldMk cId="2376958513" sldId="260"/>
            <ac:spMk id="10266" creationId="{271E8ED3-D97A-155B-5AD3-500A42BA0010}"/>
          </ac:spMkLst>
        </pc:spChg>
        <pc:spChg chg="mod">
          <ac:chgData name="White, Alex" userId="eff6cc8c-37d8-483b-9c6c-6b27e9afa9bc" providerId="ADAL" clId="{BF04C754-5BF4-4E83-9615-DB14FA25AF8A}" dt="2023-10-12T11:38:20.867" v="298"/>
          <ac:spMkLst>
            <pc:docMk/>
            <pc:sldMk cId="2376958513" sldId="260"/>
            <ac:spMk id="10267" creationId="{03ECBC96-255B-6964-97B2-36C0E2949085}"/>
          </ac:spMkLst>
        </pc:spChg>
        <pc:spChg chg="mod">
          <ac:chgData name="White, Alex" userId="eff6cc8c-37d8-483b-9c6c-6b27e9afa9bc" providerId="ADAL" clId="{BF04C754-5BF4-4E83-9615-DB14FA25AF8A}" dt="2023-10-12T11:38:20.867" v="298"/>
          <ac:spMkLst>
            <pc:docMk/>
            <pc:sldMk cId="2376958513" sldId="260"/>
            <ac:spMk id="10268" creationId="{C502BC4E-AD67-4124-1384-9E0D623F90CC}"/>
          </ac:spMkLst>
        </pc:spChg>
        <pc:spChg chg="mod">
          <ac:chgData name="White, Alex" userId="eff6cc8c-37d8-483b-9c6c-6b27e9afa9bc" providerId="ADAL" clId="{BF04C754-5BF4-4E83-9615-DB14FA25AF8A}" dt="2023-10-12T11:38:20.867" v="298"/>
          <ac:spMkLst>
            <pc:docMk/>
            <pc:sldMk cId="2376958513" sldId="260"/>
            <ac:spMk id="10269" creationId="{2E280CB8-B8DF-98ED-AFB2-218D23BB72B5}"/>
          </ac:spMkLst>
        </pc:spChg>
        <pc:spChg chg="mod">
          <ac:chgData name="White, Alex" userId="eff6cc8c-37d8-483b-9c6c-6b27e9afa9bc" providerId="ADAL" clId="{BF04C754-5BF4-4E83-9615-DB14FA25AF8A}" dt="2023-10-12T11:38:20.867" v="298"/>
          <ac:spMkLst>
            <pc:docMk/>
            <pc:sldMk cId="2376958513" sldId="260"/>
            <ac:spMk id="10270" creationId="{996D0C63-07FE-0E74-F1C4-8CED25478FCD}"/>
          </ac:spMkLst>
        </pc:spChg>
        <pc:spChg chg="mod">
          <ac:chgData name="White, Alex" userId="eff6cc8c-37d8-483b-9c6c-6b27e9afa9bc" providerId="ADAL" clId="{BF04C754-5BF4-4E83-9615-DB14FA25AF8A}" dt="2023-10-12T11:38:20.867" v="298"/>
          <ac:spMkLst>
            <pc:docMk/>
            <pc:sldMk cId="2376958513" sldId="260"/>
            <ac:spMk id="10271" creationId="{87751286-85E2-8C82-812E-FB8F9DBBAC43}"/>
          </ac:spMkLst>
        </pc:spChg>
        <pc:spChg chg="mod">
          <ac:chgData name="White, Alex" userId="eff6cc8c-37d8-483b-9c6c-6b27e9afa9bc" providerId="ADAL" clId="{BF04C754-5BF4-4E83-9615-DB14FA25AF8A}" dt="2023-10-12T11:38:20.867" v="298"/>
          <ac:spMkLst>
            <pc:docMk/>
            <pc:sldMk cId="2376958513" sldId="260"/>
            <ac:spMk id="10272" creationId="{A1FBCEE0-04C4-B156-DCFF-7957C73E1291}"/>
          </ac:spMkLst>
        </pc:spChg>
        <pc:spChg chg="mod">
          <ac:chgData name="White, Alex" userId="eff6cc8c-37d8-483b-9c6c-6b27e9afa9bc" providerId="ADAL" clId="{BF04C754-5BF4-4E83-9615-DB14FA25AF8A}" dt="2023-10-12T11:38:20.867" v="298"/>
          <ac:spMkLst>
            <pc:docMk/>
            <pc:sldMk cId="2376958513" sldId="260"/>
            <ac:spMk id="10273" creationId="{5F954139-6CB2-D45F-D83C-144C4A30E346}"/>
          </ac:spMkLst>
        </pc:spChg>
        <pc:spChg chg="mod">
          <ac:chgData name="White, Alex" userId="eff6cc8c-37d8-483b-9c6c-6b27e9afa9bc" providerId="ADAL" clId="{BF04C754-5BF4-4E83-9615-DB14FA25AF8A}" dt="2023-10-12T11:38:20.867" v="298"/>
          <ac:spMkLst>
            <pc:docMk/>
            <pc:sldMk cId="2376958513" sldId="260"/>
            <ac:spMk id="10274" creationId="{2BD30C05-43D1-109B-266A-0FFAC03F4E20}"/>
          </ac:spMkLst>
        </pc:spChg>
        <pc:spChg chg="mod">
          <ac:chgData name="White, Alex" userId="eff6cc8c-37d8-483b-9c6c-6b27e9afa9bc" providerId="ADAL" clId="{BF04C754-5BF4-4E83-9615-DB14FA25AF8A}" dt="2023-10-12T11:38:20.867" v="298"/>
          <ac:spMkLst>
            <pc:docMk/>
            <pc:sldMk cId="2376958513" sldId="260"/>
            <ac:spMk id="10275" creationId="{8E5FFAF8-7620-F343-4658-F717D02D8F22}"/>
          </ac:spMkLst>
        </pc:spChg>
        <pc:spChg chg="mod">
          <ac:chgData name="White, Alex" userId="eff6cc8c-37d8-483b-9c6c-6b27e9afa9bc" providerId="ADAL" clId="{BF04C754-5BF4-4E83-9615-DB14FA25AF8A}" dt="2023-10-12T11:38:20.867" v="298"/>
          <ac:spMkLst>
            <pc:docMk/>
            <pc:sldMk cId="2376958513" sldId="260"/>
            <ac:spMk id="10276" creationId="{BA408F90-C114-ABF2-A944-3205492D3A0C}"/>
          </ac:spMkLst>
        </pc:spChg>
        <pc:spChg chg="mod">
          <ac:chgData name="White, Alex" userId="eff6cc8c-37d8-483b-9c6c-6b27e9afa9bc" providerId="ADAL" clId="{BF04C754-5BF4-4E83-9615-DB14FA25AF8A}" dt="2023-10-12T11:38:20.867" v="298"/>
          <ac:spMkLst>
            <pc:docMk/>
            <pc:sldMk cId="2376958513" sldId="260"/>
            <ac:spMk id="10277" creationId="{7ABA9133-B770-A621-F6A2-EA80552D0077}"/>
          </ac:spMkLst>
        </pc:spChg>
        <pc:spChg chg="mod">
          <ac:chgData name="White, Alex" userId="eff6cc8c-37d8-483b-9c6c-6b27e9afa9bc" providerId="ADAL" clId="{BF04C754-5BF4-4E83-9615-DB14FA25AF8A}" dt="2023-10-12T11:38:20.867" v="298"/>
          <ac:spMkLst>
            <pc:docMk/>
            <pc:sldMk cId="2376958513" sldId="260"/>
            <ac:spMk id="10278" creationId="{7516070F-AA87-10FD-1E7F-32900BB657DC}"/>
          </ac:spMkLst>
        </pc:spChg>
        <pc:spChg chg="mod">
          <ac:chgData name="White, Alex" userId="eff6cc8c-37d8-483b-9c6c-6b27e9afa9bc" providerId="ADAL" clId="{BF04C754-5BF4-4E83-9615-DB14FA25AF8A}" dt="2023-10-12T11:38:20.867" v="298"/>
          <ac:spMkLst>
            <pc:docMk/>
            <pc:sldMk cId="2376958513" sldId="260"/>
            <ac:spMk id="10279" creationId="{D711D891-9AA9-63D4-8648-E3CFFFCE9BE2}"/>
          </ac:spMkLst>
        </pc:spChg>
        <pc:spChg chg="mod">
          <ac:chgData name="White, Alex" userId="eff6cc8c-37d8-483b-9c6c-6b27e9afa9bc" providerId="ADAL" clId="{BF04C754-5BF4-4E83-9615-DB14FA25AF8A}" dt="2023-10-12T11:38:20.867" v="298"/>
          <ac:spMkLst>
            <pc:docMk/>
            <pc:sldMk cId="2376958513" sldId="260"/>
            <ac:spMk id="10280" creationId="{2DE0F4CE-7857-3FD4-5904-22EB1833C1E9}"/>
          </ac:spMkLst>
        </pc:spChg>
        <pc:spChg chg="mod">
          <ac:chgData name="White, Alex" userId="eff6cc8c-37d8-483b-9c6c-6b27e9afa9bc" providerId="ADAL" clId="{BF04C754-5BF4-4E83-9615-DB14FA25AF8A}" dt="2023-10-12T11:38:20.867" v="298"/>
          <ac:spMkLst>
            <pc:docMk/>
            <pc:sldMk cId="2376958513" sldId="260"/>
            <ac:spMk id="10281" creationId="{F1658746-50C0-FF36-E4B4-224E2E22F732}"/>
          </ac:spMkLst>
        </pc:spChg>
        <pc:spChg chg="mod">
          <ac:chgData name="White, Alex" userId="eff6cc8c-37d8-483b-9c6c-6b27e9afa9bc" providerId="ADAL" clId="{BF04C754-5BF4-4E83-9615-DB14FA25AF8A}" dt="2023-10-12T11:38:20.867" v="298"/>
          <ac:spMkLst>
            <pc:docMk/>
            <pc:sldMk cId="2376958513" sldId="260"/>
            <ac:spMk id="10282" creationId="{36B92A33-FEAE-811C-5288-098D40A75236}"/>
          </ac:spMkLst>
        </pc:spChg>
        <pc:spChg chg="mod">
          <ac:chgData name="White, Alex" userId="eff6cc8c-37d8-483b-9c6c-6b27e9afa9bc" providerId="ADAL" clId="{BF04C754-5BF4-4E83-9615-DB14FA25AF8A}" dt="2023-10-12T11:38:20.867" v="298"/>
          <ac:spMkLst>
            <pc:docMk/>
            <pc:sldMk cId="2376958513" sldId="260"/>
            <ac:spMk id="10283" creationId="{C855EFE6-E630-A761-4E45-EA63EC035856}"/>
          </ac:spMkLst>
        </pc:spChg>
        <pc:spChg chg="mod">
          <ac:chgData name="White, Alex" userId="eff6cc8c-37d8-483b-9c6c-6b27e9afa9bc" providerId="ADAL" clId="{BF04C754-5BF4-4E83-9615-DB14FA25AF8A}" dt="2023-10-12T11:38:20.867" v="298"/>
          <ac:spMkLst>
            <pc:docMk/>
            <pc:sldMk cId="2376958513" sldId="260"/>
            <ac:spMk id="10284" creationId="{D16645DE-E79A-C8E8-5AE0-C82131417383}"/>
          </ac:spMkLst>
        </pc:spChg>
        <pc:spChg chg="mod">
          <ac:chgData name="White, Alex" userId="eff6cc8c-37d8-483b-9c6c-6b27e9afa9bc" providerId="ADAL" clId="{BF04C754-5BF4-4E83-9615-DB14FA25AF8A}" dt="2023-10-12T11:38:20.867" v="298"/>
          <ac:spMkLst>
            <pc:docMk/>
            <pc:sldMk cId="2376958513" sldId="260"/>
            <ac:spMk id="10285" creationId="{FDB575EB-26EA-38CA-F414-B918080D1B44}"/>
          </ac:spMkLst>
        </pc:spChg>
        <pc:spChg chg="mod">
          <ac:chgData name="White, Alex" userId="eff6cc8c-37d8-483b-9c6c-6b27e9afa9bc" providerId="ADAL" clId="{BF04C754-5BF4-4E83-9615-DB14FA25AF8A}" dt="2023-10-12T11:38:20.867" v="298"/>
          <ac:spMkLst>
            <pc:docMk/>
            <pc:sldMk cId="2376958513" sldId="260"/>
            <ac:spMk id="10286" creationId="{0E25426E-346A-A6DD-13F3-990FE3EF39AD}"/>
          </ac:spMkLst>
        </pc:spChg>
        <pc:spChg chg="mod">
          <ac:chgData name="White, Alex" userId="eff6cc8c-37d8-483b-9c6c-6b27e9afa9bc" providerId="ADAL" clId="{BF04C754-5BF4-4E83-9615-DB14FA25AF8A}" dt="2023-10-12T11:38:20.867" v="298"/>
          <ac:spMkLst>
            <pc:docMk/>
            <pc:sldMk cId="2376958513" sldId="260"/>
            <ac:spMk id="10287" creationId="{1F06027C-E055-286A-A279-4E8831BBE6E2}"/>
          </ac:spMkLst>
        </pc:spChg>
        <pc:spChg chg="mod">
          <ac:chgData name="White, Alex" userId="eff6cc8c-37d8-483b-9c6c-6b27e9afa9bc" providerId="ADAL" clId="{BF04C754-5BF4-4E83-9615-DB14FA25AF8A}" dt="2023-10-12T11:38:20.867" v="298"/>
          <ac:spMkLst>
            <pc:docMk/>
            <pc:sldMk cId="2376958513" sldId="260"/>
            <ac:spMk id="10288" creationId="{BC5260F1-71F7-3591-0DAF-23327CA840E3}"/>
          </ac:spMkLst>
        </pc:spChg>
        <pc:spChg chg="mod">
          <ac:chgData name="White, Alex" userId="eff6cc8c-37d8-483b-9c6c-6b27e9afa9bc" providerId="ADAL" clId="{BF04C754-5BF4-4E83-9615-DB14FA25AF8A}" dt="2023-10-12T11:38:20.867" v="298"/>
          <ac:spMkLst>
            <pc:docMk/>
            <pc:sldMk cId="2376958513" sldId="260"/>
            <ac:spMk id="10289" creationId="{36451DBD-FE17-B637-C3D3-9B105BA01A4B}"/>
          </ac:spMkLst>
        </pc:spChg>
        <pc:spChg chg="mod">
          <ac:chgData name="White, Alex" userId="eff6cc8c-37d8-483b-9c6c-6b27e9afa9bc" providerId="ADAL" clId="{BF04C754-5BF4-4E83-9615-DB14FA25AF8A}" dt="2023-10-12T11:38:20.867" v="298"/>
          <ac:spMkLst>
            <pc:docMk/>
            <pc:sldMk cId="2376958513" sldId="260"/>
            <ac:spMk id="10290" creationId="{2B4F8E5F-6147-F13C-C079-57F08FB2352C}"/>
          </ac:spMkLst>
        </pc:spChg>
        <pc:spChg chg="mod">
          <ac:chgData name="White, Alex" userId="eff6cc8c-37d8-483b-9c6c-6b27e9afa9bc" providerId="ADAL" clId="{BF04C754-5BF4-4E83-9615-DB14FA25AF8A}" dt="2023-10-12T11:38:20.867" v="298"/>
          <ac:spMkLst>
            <pc:docMk/>
            <pc:sldMk cId="2376958513" sldId="260"/>
            <ac:spMk id="10291" creationId="{ACE439DD-712E-ACB3-72DF-6095D0CB69DE}"/>
          </ac:spMkLst>
        </pc:spChg>
        <pc:spChg chg="mod">
          <ac:chgData name="White, Alex" userId="eff6cc8c-37d8-483b-9c6c-6b27e9afa9bc" providerId="ADAL" clId="{BF04C754-5BF4-4E83-9615-DB14FA25AF8A}" dt="2023-10-12T11:38:20.867" v="298"/>
          <ac:spMkLst>
            <pc:docMk/>
            <pc:sldMk cId="2376958513" sldId="260"/>
            <ac:spMk id="10292" creationId="{BB78DE8E-CC57-925C-C5FB-B7C8DD7DA24E}"/>
          </ac:spMkLst>
        </pc:spChg>
        <pc:spChg chg="mod">
          <ac:chgData name="White, Alex" userId="eff6cc8c-37d8-483b-9c6c-6b27e9afa9bc" providerId="ADAL" clId="{BF04C754-5BF4-4E83-9615-DB14FA25AF8A}" dt="2023-10-12T11:38:20.867" v="298"/>
          <ac:spMkLst>
            <pc:docMk/>
            <pc:sldMk cId="2376958513" sldId="260"/>
            <ac:spMk id="10293" creationId="{3A09FEEA-9A71-16D9-8774-52B615172305}"/>
          </ac:spMkLst>
        </pc:spChg>
        <pc:spChg chg="mod">
          <ac:chgData name="White, Alex" userId="eff6cc8c-37d8-483b-9c6c-6b27e9afa9bc" providerId="ADAL" clId="{BF04C754-5BF4-4E83-9615-DB14FA25AF8A}" dt="2023-10-12T11:38:20.867" v="298"/>
          <ac:spMkLst>
            <pc:docMk/>
            <pc:sldMk cId="2376958513" sldId="260"/>
            <ac:spMk id="10294" creationId="{3006457B-0C0D-FD5F-FCEF-CED879370477}"/>
          </ac:spMkLst>
        </pc:spChg>
        <pc:spChg chg="mod">
          <ac:chgData name="White, Alex" userId="eff6cc8c-37d8-483b-9c6c-6b27e9afa9bc" providerId="ADAL" clId="{BF04C754-5BF4-4E83-9615-DB14FA25AF8A}" dt="2023-10-12T11:38:20.867" v="298"/>
          <ac:spMkLst>
            <pc:docMk/>
            <pc:sldMk cId="2376958513" sldId="260"/>
            <ac:spMk id="10295" creationId="{4D836E89-9BCD-7BAC-0224-603E89FFCE2A}"/>
          </ac:spMkLst>
        </pc:spChg>
        <pc:spChg chg="mod">
          <ac:chgData name="White, Alex" userId="eff6cc8c-37d8-483b-9c6c-6b27e9afa9bc" providerId="ADAL" clId="{BF04C754-5BF4-4E83-9615-DB14FA25AF8A}" dt="2023-10-12T11:38:20.867" v="298"/>
          <ac:spMkLst>
            <pc:docMk/>
            <pc:sldMk cId="2376958513" sldId="260"/>
            <ac:spMk id="10296" creationId="{E3154FB9-DD1A-0618-9B98-0D69D062AFE6}"/>
          </ac:spMkLst>
        </pc:spChg>
        <pc:spChg chg="mod">
          <ac:chgData name="White, Alex" userId="eff6cc8c-37d8-483b-9c6c-6b27e9afa9bc" providerId="ADAL" clId="{BF04C754-5BF4-4E83-9615-DB14FA25AF8A}" dt="2023-10-12T11:38:20.867" v="298"/>
          <ac:spMkLst>
            <pc:docMk/>
            <pc:sldMk cId="2376958513" sldId="260"/>
            <ac:spMk id="10297" creationId="{5CE5BBE0-0EF4-ED7B-8079-5DA569AF5CA6}"/>
          </ac:spMkLst>
        </pc:spChg>
        <pc:spChg chg="mod">
          <ac:chgData name="White, Alex" userId="eff6cc8c-37d8-483b-9c6c-6b27e9afa9bc" providerId="ADAL" clId="{BF04C754-5BF4-4E83-9615-DB14FA25AF8A}" dt="2023-10-12T11:38:20.867" v="298"/>
          <ac:spMkLst>
            <pc:docMk/>
            <pc:sldMk cId="2376958513" sldId="260"/>
            <ac:spMk id="10298" creationId="{5DFA0BAA-D125-74C5-92D3-A631B904480A}"/>
          </ac:spMkLst>
        </pc:spChg>
        <pc:spChg chg="mod">
          <ac:chgData name="White, Alex" userId="eff6cc8c-37d8-483b-9c6c-6b27e9afa9bc" providerId="ADAL" clId="{BF04C754-5BF4-4E83-9615-DB14FA25AF8A}" dt="2023-10-12T11:38:20.867" v="298"/>
          <ac:spMkLst>
            <pc:docMk/>
            <pc:sldMk cId="2376958513" sldId="260"/>
            <ac:spMk id="10299" creationId="{188F9F95-4B85-E1C3-23B1-4D2C1445C7D4}"/>
          </ac:spMkLst>
        </pc:spChg>
        <pc:spChg chg="mod">
          <ac:chgData name="White, Alex" userId="eff6cc8c-37d8-483b-9c6c-6b27e9afa9bc" providerId="ADAL" clId="{BF04C754-5BF4-4E83-9615-DB14FA25AF8A}" dt="2023-10-12T11:38:20.867" v="298"/>
          <ac:spMkLst>
            <pc:docMk/>
            <pc:sldMk cId="2376958513" sldId="260"/>
            <ac:spMk id="10300" creationId="{92857C20-53CD-1B42-DF44-0C9786DC6856}"/>
          </ac:spMkLst>
        </pc:spChg>
        <pc:spChg chg="mod">
          <ac:chgData name="White, Alex" userId="eff6cc8c-37d8-483b-9c6c-6b27e9afa9bc" providerId="ADAL" clId="{BF04C754-5BF4-4E83-9615-DB14FA25AF8A}" dt="2023-10-12T11:38:20.867" v="298"/>
          <ac:spMkLst>
            <pc:docMk/>
            <pc:sldMk cId="2376958513" sldId="260"/>
            <ac:spMk id="10301" creationId="{70F88234-AD0B-39D4-C0B6-60D18FBF5377}"/>
          </ac:spMkLst>
        </pc:spChg>
        <pc:spChg chg="mod">
          <ac:chgData name="White, Alex" userId="eff6cc8c-37d8-483b-9c6c-6b27e9afa9bc" providerId="ADAL" clId="{BF04C754-5BF4-4E83-9615-DB14FA25AF8A}" dt="2023-10-12T11:38:20.867" v="298"/>
          <ac:spMkLst>
            <pc:docMk/>
            <pc:sldMk cId="2376958513" sldId="260"/>
            <ac:spMk id="10302" creationId="{F114DDCC-2B56-30C0-325D-2F07240AB226}"/>
          </ac:spMkLst>
        </pc:spChg>
        <pc:spChg chg="mod">
          <ac:chgData name="White, Alex" userId="eff6cc8c-37d8-483b-9c6c-6b27e9afa9bc" providerId="ADAL" clId="{BF04C754-5BF4-4E83-9615-DB14FA25AF8A}" dt="2023-10-12T11:38:20.867" v="298"/>
          <ac:spMkLst>
            <pc:docMk/>
            <pc:sldMk cId="2376958513" sldId="260"/>
            <ac:spMk id="10303" creationId="{7C300048-8948-1BAC-5495-B0594B593993}"/>
          </ac:spMkLst>
        </pc:spChg>
        <pc:spChg chg="mod">
          <ac:chgData name="White, Alex" userId="eff6cc8c-37d8-483b-9c6c-6b27e9afa9bc" providerId="ADAL" clId="{BF04C754-5BF4-4E83-9615-DB14FA25AF8A}" dt="2023-10-12T11:38:20.867" v="298"/>
          <ac:spMkLst>
            <pc:docMk/>
            <pc:sldMk cId="2376958513" sldId="260"/>
            <ac:spMk id="10304" creationId="{9BD578FE-775D-D9E6-4645-C4E026B55FD7}"/>
          </ac:spMkLst>
        </pc:spChg>
        <pc:spChg chg="mod">
          <ac:chgData name="White, Alex" userId="eff6cc8c-37d8-483b-9c6c-6b27e9afa9bc" providerId="ADAL" clId="{BF04C754-5BF4-4E83-9615-DB14FA25AF8A}" dt="2023-10-12T11:38:20.867" v="298"/>
          <ac:spMkLst>
            <pc:docMk/>
            <pc:sldMk cId="2376958513" sldId="260"/>
            <ac:spMk id="10305" creationId="{FA4318BA-FAAC-4FF6-F875-E6D130028CC6}"/>
          </ac:spMkLst>
        </pc:spChg>
        <pc:spChg chg="mod">
          <ac:chgData name="White, Alex" userId="eff6cc8c-37d8-483b-9c6c-6b27e9afa9bc" providerId="ADAL" clId="{BF04C754-5BF4-4E83-9615-DB14FA25AF8A}" dt="2023-10-12T11:38:20.867" v="298"/>
          <ac:spMkLst>
            <pc:docMk/>
            <pc:sldMk cId="2376958513" sldId="260"/>
            <ac:spMk id="10306" creationId="{F682B93F-5C34-4AB5-223E-9CDFBD407EF6}"/>
          </ac:spMkLst>
        </pc:spChg>
        <pc:spChg chg="mod">
          <ac:chgData name="White, Alex" userId="eff6cc8c-37d8-483b-9c6c-6b27e9afa9bc" providerId="ADAL" clId="{BF04C754-5BF4-4E83-9615-DB14FA25AF8A}" dt="2023-10-12T11:38:20.867" v="298"/>
          <ac:spMkLst>
            <pc:docMk/>
            <pc:sldMk cId="2376958513" sldId="260"/>
            <ac:spMk id="10307" creationId="{BA120579-072F-EBD2-45CC-1F4EB1F892D8}"/>
          </ac:spMkLst>
        </pc:spChg>
        <pc:spChg chg="mod">
          <ac:chgData name="White, Alex" userId="eff6cc8c-37d8-483b-9c6c-6b27e9afa9bc" providerId="ADAL" clId="{BF04C754-5BF4-4E83-9615-DB14FA25AF8A}" dt="2023-10-12T11:38:20.867" v="298"/>
          <ac:spMkLst>
            <pc:docMk/>
            <pc:sldMk cId="2376958513" sldId="260"/>
            <ac:spMk id="10308" creationId="{CBB22217-800D-639A-AC0A-EE4CF6B43CCF}"/>
          </ac:spMkLst>
        </pc:spChg>
        <pc:spChg chg="mod">
          <ac:chgData name="White, Alex" userId="eff6cc8c-37d8-483b-9c6c-6b27e9afa9bc" providerId="ADAL" clId="{BF04C754-5BF4-4E83-9615-DB14FA25AF8A}" dt="2023-10-12T11:38:20.867" v="298"/>
          <ac:spMkLst>
            <pc:docMk/>
            <pc:sldMk cId="2376958513" sldId="260"/>
            <ac:spMk id="10309" creationId="{05C5976F-187E-2761-9474-DE70696838AC}"/>
          </ac:spMkLst>
        </pc:spChg>
        <pc:spChg chg="mod">
          <ac:chgData name="White, Alex" userId="eff6cc8c-37d8-483b-9c6c-6b27e9afa9bc" providerId="ADAL" clId="{BF04C754-5BF4-4E83-9615-DB14FA25AF8A}" dt="2023-10-12T11:38:20.867" v="298"/>
          <ac:spMkLst>
            <pc:docMk/>
            <pc:sldMk cId="2376958513" sldId="260"/>
            <ac:spMk id="10310" creationId="{875D08F1-A8EC-7A13-B652-D84B4EB187EE}"/>
          </ac:spMkLst>
        </pc:spChg>
        <pc:spChg chg="mod">
          <ac:chgData name="White, Alex" userId="eff6cc8c-37d8-483b-9c6c-6b27e9afa9bc" providerId="ADAL" clId="{BF04C754-5BF4-4E83-9615-DB14FA25AF8A}" dt="2023-10-12T11:38:20.867" v="298"/>
          <ac:spMkLst>
            <pc:docMk/>
            <pc:sldMk cId="2376958513" sldId="260"/>
            <ac:spMk id="10311" creationId="{AB9A3BC8-A1B8-917C-96BC-0431DC8BEBB8}"/>
          </ac:spMkLst>
        </pc:spChg>
        <pc:spChg chg="mod">
          <ac:chgData name="White, Alex" userId="eff6cc8c-37d8-483b-9c6c-6b27e9afa9bc" providerId="ADAL" clId="{BF04C754-5BF4-4E83-9615-DB14FA25AF8A}" dt="2023-10-12T11:38:20.867" v="298"/>
          <ac:spMkLst>
            <pc:docMk/>
            <pc:sldMk cId="2376958513" sldId="260"/>
            <ac:spMk id="10312" creationId="{09B9C928-6022-4F09-3255-0D4E03ADC54B}"/>
          </ac:spMkLst>
        </pc:spChg>
        <pc:spChg chg="mod">
          <ac:chgData name="White, Alex" userId="eff6cc8c-37d8-483b-9c6c-6b27e9afa9bc" providerId="ADAL" clId="{BF04C754-5BF4-4E83-9615-DB14FA25AF8A}" dt="2023-10-12T11:38:20.867" v="298"/>
          <ac:spMkLst>
            <pc:docMk/>
            <pc:sldMk cId="2376958513" sldId="260"/>
            <ac:spMk id="10313" creationId="{2EFDC7A3-99F3-902E-B9F0-D9387125EA32}"/>
          </ac:spMkLst>
        </pc:spChg>
        <pc:spChg chg="mod">
          <ac:chgData name="White, Alex" userId="eff6cc8c-37d8-483b-9c6c-6b27e9afa9bc" providerId="ADAL" clId="{BF04C754-5BF4-4E83-9615-DB14FA25AF8A}" dt="2023-10-12T11:38:20.867" v="298"/>
          <ac:spMkLst>
            <pc:docMk/>
            <pc:sldMk cId="2376958513" sldId="260"/>
            <ac:spMk id="10314" creationId="{DA10F23D-CA2E-1AFD-7050-A3D062B34235}"/>
          </ac:spMkLst>
        </pc:spChg>
        <pc:spChg chg="mod">
          <ac:chgData name="White, Alex" userId="eff6cc8c-37d8-483b-9c6c-6b27e9afa9bc" providerId="ADAL" clId="{BF04C754-5BF4-4E83-9615-DB14FA25AF8A}" dt="2023-10-12T11:38:20.867" v="298"/>
          <ac:spMkLst>
            <pc:docMk/>
            <pc:sldMk cId="2376958513" sldId="260"/>
            <ac:spMk id="10315" creationId="{F186D2D8-4B01-E16D-4697-D62452F24278}"/>
          </ac:spMkLst>
        </pc:spChg>
        <pc:spChg chg="mod">
          <ac:chgData name="White, Alex" userId="eff6cc8c-37d8-483b-9c6c-6b27e9afa9bc" providerId="ADAL" clId="{BF04C754-5BF4-4E83-9615-DB14FA25AF8A}" dt="2023-10-12T11:38:20.867" v="298"/>
          <ac:spMkLst>
            <pc:docMk/>
            <pc:sldMk cId="2376958513" sldId="260"/>
            <ac:spMk id="10316" creationId="{E5355D1D-5360-8CBE-6A65-7280E5A18327}"/>
          </ac:spMkLst>
        </pc:spChg>
        <pc:spChg chg="mod">
          <ac:chgData name="White, Alex" userId="eff6cc8c-37d8-483b-9c6c-6b27e9afa9bc" providerId="ADAL" clId="{BF04C754-5BF4-4E83-9615-DB14FA25AF8A}" dt="2023-10-12T11:38:20.867" v="298"/>
          <ac:spMkLst>
            <pc:docMk/>
            <pc:sldMk cId="2376958513" sldId="260"/>
            <ac:spMk id="10317" creationId="{0F5AF3BA-FA37-74A7-1B72-BEFE186A7D34}"/>
          </ac:spMkLst>
        </pc:spChg>
        <pc:spChg chg="mod">
          <ac:chgData name="White, Alex" userId="eff6cc8c-37d8-483b-9c6c-6b27e9afa9bc" providerId="ADAL" clId="{BF04C754-5BF4-4E83-9615-DB14FA25AF8A}" dt="2023-10-12T11:38:20.867" v="298"/>
          <ac:spMkLst>
            <pc:docMk/>
            <pc:sldMk cId="2376958513" sldId="260"/>
            <ac:spMk id="10318" creationId="{3D5C26E7-4246-A0CD-C45E-710BF14C2249}"/>
          </ac:spMkLst>
        </pc:spChg>
        <pc:spChg chg="mod">
          <ac:chgData name="White, Alex" userId="eff6cc8c-37d8-483b-9c6c-6b27e9afa9bc" providerId="ADAL" clId="{BF04C754-5BF4-4E83-9615-DB14FA25AF8A}" dt="2023-10-12T11:38:20.867" v="298"/>
          <ac:spMkLst>
            <pc:docMk/>
            <pc:sldMk cId="2376958513" sldId="260"/>
            <ac:spMk id="10319" creationId="{8135C5EB-255F-4D87-7D32-6629271ED624}"/>
          </ac:spMkLst>
        </pc:spChg>
        <pc:spChg chg="mod">
          <ac:chgData name="White, Alex" userId="eff6cc8c-37d8-483b-9c6c-6b27e9afa9bc" providerId="ADAL" clId="{BF04C754-5BF4-4E83-9615-DB14FA25AF8A}" dt="2023-10-12T11:38:20.867" v="298"/>
          <ac:spMkLst>
            <pc:docMk/>
            <pc:sldMk cId="2376958513" sldId="260"/>
            <ac:spMk id="10320" creationId="{C3503B68-E7FC-9554-1DC0-6B1B509B05DD}"/>
          </ac:spMkLst>
        </pc:spChg>
        <pc:spChg chg="mod">
          <ac:chgData name="White, Alex" userId="eff6cc8c-37d8-483b-9c6c-6b27e9afa9bc" providerId="ADAL" clId="{BF04C754-5BF4-4E83-9615-DB14FA25AF8A}" dt="2023-10-12T11:38:20.867" v="298"/>
          <ac:spMkLst>
            <pc:docMk/>
            <pc:sldMk cId="2376958513" sldId="260"/>
            <ac:spMk id="10321" creationId="{61AC8149-6534-A971-CF28-19B2BA27F90A}"/>
          </ac:spMkLst>
        </pc:spChg>
        <pc:spChg chg="mod">
          <ac:chgData name="White, Alex" userId="eff6cc8c-37d8-483b-9c6c-6b27e9afa9bc" providerId="ADAL" clId="{BF04C754-5BF4-4E83-9615-DB14FA25AF8A}" dt="2023-10-12T11:38:20.867" v="298"/>
          <ac:spMkLst>
            <pc:docMk/>
            <pc:sldMk cId="2376958513" sldId="260"/>
            <ac:spMk id="10322" creationId="{10BD7926-E0AB-1141-4A5D-33226519C0B1}"/>
          </ac:spMkLst>
        </pc:spChg>
        <pc:spChg chg="mod">
          <ac:chgData name="White, Alex" userId="eff6cc8c-37d8-483b-9c6c-6b27e9afa9bc" providerId="ADAL" clId="{BF04C754-5BF4-4E83-9615-DB14FA25AF8A}" dt="2023-10-12T11:38:20.867" v="298"/>
          <ac:spMkLst>
            <pc:docMk/>
            <pc:sldMk cId="2376958513" sldId="260"/>
            <ac:spMk id="10323" creationId="{70C714C7-FFF2-E89A-E832-17A85DC02984}"/>
          </ac:spMkLst>
        </pc:spChg>
        <pc:spChg chg="mod">
          <ac:chgData name="White, Alex" userId="eff6cc8c-37d8-483b-9c6c-6b27e9afa9bc" providerId="ADAL" clId="{BF04C754-5BF4-4E83-9615-DB14FA25AF8A}" dt="2023-10-12T11:38:20.867" v="298"/>
          <ac:spMkLst>
            <pc:docMk/>
            <pc:sldMk cId="2376958513" sldId="260"/>
            <ac:spMk id="10324" creationId="{47119EDC-5912-7071-0EFC-790D3C6EEB78}"/>
          </ac:spMkLst>
        </pc:spChg>
        <pc:spChg chg="mod">
          <ac:chgData name="White, Alex" userId="eff6cc8c-37d8-483b-9c6c-6b27e9afa9bc" providerId="ADAL" clId="{BF04C754-5BF4-4E83-9615-DB14FA25AF8A}" dt="2023-10-12T11:38:20.867" v="298"/>
          <ac:spMkLst>
            <pc:docMk/>
            <pc:sldMk cId="2376958513" sldId="260"/>
            <ac:spMk id="10325" creationId="{4925AA61-D867-2362-9A23-0B49B949AA8A}"/>
          </ac:spMkLst>
        </pc:spChg>
        <pc:spChg chg="mod">
          <ac:chgData name="White, Alex" userId="eff6cc8c-37d8-483b-9c6c-6b27e9afa9bc" providerId="ADAL" clId="{BF04C754-5BF4-4E83-9615-DB14FA25AF8A}" dt="2023-10-12T11:38:20.867" v="298"/>
          <ac:spMkLst>
            <pc:docMk/>
            <pc:sldMk cId="2376958513" sldId="260"/>
            <ac:spMk id="10326" creationId="{3FC20BE4-DBB4-378F-0A9C-F79A34D54A95}"/>
          </ac:spMkLst>
        </pc:spChg>
        <pc:spChg chg="mod">
          <ac:chgData name="White, Alex" userId="eff6cc8c-37d8-483b-9c6c-6b27e9afa9bc" providerId="ADAL" clId="{BF04C754-5BF4-4E83-9615-DB14FA25AF8A}" dt="2023-10-12T11:38:20.867" v="298"/>
          <ac:spMkLst>
            <pc:docMk/>
            <pc:sldMk cId="2376958513" sldId="260"/>
            <ac:spMk id="10327" creationId="{0627CC5B-B4C6-6923-CCB7-EC4D1EB1B9B0}"/>
          </ac:spMkLst>
        </pc:spChg>
        <pc:spChg chg="mod">
          <ac:chgData name="White, Alex" userId="eff6cc8c-37d8-483b-9c6c-6b27e9afa9bc" providerId="ADAL" clId="{BF04C754-5BF4-4E83-9615-DB14FA25AF8A}" dt="2023-10-12T11:38:20.867" v="298"/>
          <ac:spMkLst>
            <pc:docMk/>
            <pc:sldMk cId="2376958513" sldId="260"/>
            <ac:spMk id="10328" creationId="{9D8FE5F5-9303-DA53-DCBD-0A42D797C5B2}"/>
          </ac:spMkLst>
        </pc:spChg>
        <pc:spChg chg="mod">
          <ac:chgData name="White, Alex" userId="eff6cc8c-37d8-483b-9c6c-6b27e9afa9bc" providerId="ADAL" clId="{BF04C754-5BF4-4E83-9615-DB14FA25AF8A}" dt="2023-10-12T11:38:20.867" v="298"/>
          <ac:spMkLst>
            <pc:docMk/>
            <pc:sldMk cId="2376958513" sldId="260"/>
            <ac:spMk id="10329" creationId="{E006EFFF-8857-8C75-F56B-61BE95B84AFA}"/>
          </ac:spMkLst>
        </pc:spChg>
        <pc:spChg chg="mod">
          <ac:chgData name="White, Alex" userId="eff6cc8c-37d8-483b-9c6c-6b27e9afa9bc" providerId="ADAL" clId="{BF04C754-5BF4-4E83-9615-DB14FA25AF8A}" dt="2023-10-12T11:38:20.867" v="298"/>
          <ac:spMkLst>
            <pc:docMk/>
            <pc:sldMk cId="2376958513" sldId="260"/>
            <ac:spMk id="10330" creationId="{8430D78E-6CF2-43AB-7563-F40B8ABDA3B1}"/>
          </ac:spMkLst>
        </pc:spChg>
        <pc:spChg chg="mod">
          <ac:chgData name="White, Alex" userId="eff6cc8c-37d8-483b-9c6c-6b27e9afa9bc" providerId="ADAL" clId="{BF04C754-5BF4-4E83-9615-DB14FA25AF8A}" dt="2023-10-12T11:38:20.867" v="298"/>
          <ac:spMkLst>
            <pc:docMk/>
            <pc:sldMk cId="2376958513" sldId="260"/>
            <ac:spMk id="10331" creationId="{745E9C62-8031-B83A-9D48-9CC3CF9F99B3}"/>
          </ac:spMkLst>
        </pc:spChg>
        <pc:spChg chg="mod">
          <ac:chgData name="White, Alex" userId="eff6cc8c-37d8-483b-9c6c-6b27e9afa9bc" providerId="ADAL" clId="{BF04C754-5BF4-4E83-9615-DB14FA25AF8A}" dt="2023-10-12T11:38:20.867" v="298"/>
          <ac:spMkLst>
            <pc:docMk/>
            <pc:sldMk cId="2376958513" sldId="260"/>
            <ac:spMk id="10332" creationId="{EF906A7B-B114-8B7C-224B-3217DE9B3204}"/>
          </ac:spMkLst>
        </pc:spChg>
        <pc:spChg chg="mod">
          <ac:chgData name="White, Alex" userId="eff6cc8c-37d8-483b-9c6c-6b27e9afa9bc" providerId="ADAL" clId="{BF04C754-5BF4-4E83-9615-DB14FA25AF8A}" dt="2023-10-12T11:38:20.867" v="298"/>
          <ac:spMkLst>
            <pc:docMk/>
            <pc:sldMk cId="2376958513" sldId="260"/>
            <ac:spMk id="10333" creationId="{96570EE6-CF3F-9C6D-5537-4035F942BAA4}"/>
          </ac:spMkLst>
        </pc:spChg>
        <pc:spChg chg="mod">
          <ac:chgData name="White, Alex" userId="eff6cc8c-37d8-483b-9c6c-6b27e9afa9bc" providerId="ADAL" clId="{BF04C754-5BF4-4E83-9615-DB14FA25AF8A}" dt="2023-10-12T11:38:20.867" v="298"/>
          <ac:spMkLst>
            <pc:docMk/>
            <pc:sldMk cId="2376958513" sldId="260"/>
            <ac:spMk id="10334" creationId="{E21718D0-A063-ACA3-7177-02488BD937D2}"/>
          </ac:spMkLst>
        </pc:spChg>
        <pc:spChg chg="mod">
          <ac:chgData name="White, Alex" userId="eff6cc8c-37d8-483b-9c6c-6b27e9afa9bc" providerId="ADAL" clId="{BF04C754-5BF4-4E83-9615-DB14FA25AF8A}" dt="2023-10-12T11:38:20.867" v="298"/>
          <ac:spMkLst>
            <pc:docMk/>
            <pc:sldMk cId="2376958513" sldId="260"/>
            <ac:spMk id="10335" creationId="{E0547E4F-E281-30DE-C897-694EA4D99CCB}"/>
          </ac:spMkLst>
        </pc:spChg>
        <pc:spChg chg="mod">
          <ac:chgData name="White, Alex" userId="eff6cc8c-37d8-483b-9c6c-6b27e9afa9bc" providerId="ADAL" clId="{BF04C754-5BF4-4E83-9615-DB14FA25AF8A}" dt="2023-10-12T11:38:20.867" v="298"/>
          <ac:spMkLst>
            <pc:docMk/>
            <pc:sldMk cId="2376958513" sldId="260"/>
            <ac:spMk id="10336" creationId="{AB11BBFD-231C-44C2-8EFA-7E76D124867D}"/>
          </ac:spMkLst>
        </pc:spChg>
        <pc:spChg chg="mod">
          <ac:chgData name="White, Alex" userId="eff6cc8c-37d8-483b-9c6c-6b27e9afa9bc" providerId="ADAL" clId="{BF04C754-5BF4-4E83-9615-DB14FA25AF8A}" dt="2023-10-12T11:38:20.867" v="298"/>
          <ac:spMkLst>
            <pc:docMk/>
            <pc:sldMk cId="2376958513" sldId="260"/>
            <ac:spMk id="10337" creationId="{17F214BF-E1C2-54A0-44F4-AC7B1C68467A}"/>
          </ac:spMkLst>
        </pc:spChg>
        <pc:spChg chg="mod">
          <ac:chgData name="White, Alex" userId="eff6cc8c-37d8-483b-9c6c-6b27e9afa9bc" providerId="ADAL" clId="{BF04C754-5BF4-4E83-9615-DB14FA25AF8A}" dt="2023-10-12T11:38:20.867" v="298"/>
          <ac:spMkLst>
            <pc:docMk/>
            <pc:sldMk cId="2376958513" sldId="260"/>
            <ac:spMk id="10338" creationId="{AA51136C-B9D2-4B82-DB6E-C1323A26BE11}"/>
          </ac:spMkLst>
        </pc:spChg>
        <pc:spChg chg="mod">
          <ac:chgData name="White, Alex" userId="eff6cc8c-37d8-483b-9c6c-6b27e9afa9bc" providerId="ADAL" clId="{BF04C754-5BF4-4E83-9615-DB14FA25AF8A}" dt="2023-10-12T11:38:20.867" v="298"/>
          <ac:spMkLst>
            <pc:docMk/>
            <pc:sldMk cId="2376958513" sldId="260"/>
            <ac:spMk id="10339" creationId="{AE517471-7AD7-19A7-7F08-A02929821495}"/>
          </ac:spMkLst>
        </pc:spChg>
        <pc:spChg chg="mod">
          <ac:chgData name="White, Alex" userId="eff6cc8c-37d8-483b-9c6c-6b27e9afa9bc" providerId="ADAL" clId="{BF04C754-5BF4-4E83-9615-DB14FA25AF8A}" dt="2023-10-12T11:38:20.867" v="298"/>
          <ac:spMkLst>
            <pc:docMk/>
            <pc:sldMk cId="2376958513" sldId="260"/>
            <ac:spMk id="10340" creationId="{386744CB-2758-FFFB-2847-D6AEB85A67FF}"/>
          </ac:spMkLst>
        </pc:spChg>
        <pc:spChg chg="mod">
          <ac:chgData name="White, Alex" userId="eff6cc8c-37d8-483b-9c6c-6b27e9afa9bc" providerId="ADAL" clId="{BF04C754-5BF4-4E83-9615-DB14FA25AF8A}" dt="2023-10-12T11:38:20.867" v="298"/>
          <ac:spMkLst>
            <pc:docMk/>
            <pc:sldMk cId="2376958513" sldId="260"/>
            <ac:spMk id="10341" creationId="{1CAE565F-C1F3-9AD2-D284-DC53DE297CF8}"/>
          </ac:spMkLst>
        </pc:spChg>
        <pc:spChg chg="mod">
          <ac:chgData name="White, Alex" userId="eff6cc8c-37d8-483b-9c6c-6b27e9afa9bc" providerId="ADAL" clId="{BF04C754-5BF4-4E83-9615-DB14FA25AF8A}" dt="2023-10-12T11:38:20.867" v="298"/>
          <ac:spMkLst>
            <pc:docMk/>
            <pc:sldMk cId="2376958513" sldId="260"/>
            <ac:spMk id="10342" creationId="{3E830C4C-CD62-1C8E-B725-14DE55CCE96B}"/>
          </ac:spMkLst>
        </pc:spChg>
        <pc:spChg chg="mod">
          <ac:chgData name="White, Alex" userId="eff6cc8c-37d8-483b-9c6c-6b27e9afa9bc" providerId="ADAL" clId="{BF04C754-5BF4-4E83-9615-DB14FA25AF8A}" dt="2023-10-12T11:38:20.867" v="298"/>
          <ac:spMkLst>
            <pc:docMk/>
            <pc:sldMk cId="2376958513" sldId="260"/>
            <ac:spMk id="10343" creationId="{B533DBD5-875A-A272-5920-751E27C94089}"/>
          </ac:spMkLst>
        </pc:spChg>
        <pc:spChg chg="mod">
          <ac:chgData name="White, Alex" userId="eff6cc8c-37d8-483b-9c6c-6b27e9afa9bc" providerId="ADAL" clId="{BF04C754-5BF4-4E83-9615-DB14FA25AF8A}" dt="2023-10-12T11:38:20.867" v="298"/>
          <ac:spMkLst>
            <pc:docMk/>
            <pc:sldMk cId="2376958513" sldId="260"/>
            <ac:spMk id="10344" creationId="{611D3A18-F4FF-F452-12A7-E64351ECB6DE}"/>
          </ac:spMkLst>
        </pc:spChg>
        <pc:spChg chg="mod">
          <ac:chgData name="White, Alex" userId="eff6cc8c-37d8-483b-9c6c-6b27e9afa9bc" providerId="ADAL" clId="{BF04C754-5BF4-4E83-9615-DB14FA25AF8A}" dt="2023-10-12T11:38:20.867" v="298"/>
          <ac:spMkLst>
            <pc:docMk/>
            <pc:sldMk cId="2376958513" sldId="260"/>
            <ac:spMk id="10345" creationId="{55349FAF-BC4B-9333-F511-5ACB5FDBFE55}"/>
          </ac:spMkLst>
        </pc:spChg>
        <pc:spChg chg="mod">
          <ac:chgData name="White, Alex" userId="eff6cc8c-37d8-483b-9c6c-6b27e9afa9bc" providerId="ADAL" clId="{BF04C754-5BF4-4E83-9615-DB14FA25AF8A}" dt="2023-10-12T11:38:20.867" v="298"/>
          <ac:spMkLst>
            <pc:docMk/>
            <pc:sldMk cId="2376958513" sldId="260"/>
            <ac:spMk id="10346" creationId="{1C7213B4-E553-BD71-88C8-162D7B944E5B}"/>
          </ac:spMkLst>
        </pc:spChg>
        <pc:spChg chg="mod">
          <ac:chgData name="White, Alex" userId="eff6cc8c-37d8-483b-9c6c-6b27e9afa9bc" providerId="ADAL" clId="{BF04C754-5BF4-4E83-9615-DB14FA25AF8A}" dt="2023-10-12T11:38:20.867" v="298"/>
          <ac:spMkLst>
            <pc:docMk/>
            <pc:sldMk cId="2376958513" sldId="260"/>
            <ac:spMk id="10347" creationId="{C5CAE9A1-160E-3C16-5D86-4AA9E8B1EAED}"/>
          </ac:spMkLst>
        </pc:spChg>
        <pc:spChg chg="mod">
          <ac:chgData name="White, Alex" userId="eff6cc8c-37d8-483b-9c6c-6b27e9afa9bc" providerId="ADAL" clId="{BF04C754-5BF4-4E83-9615-DB14FA25AF8A}" dt="2023-10-12T11:38:20.867" v="298"/>
          <ac:spMkLst>
            <pc:docMk/>
            <pc:sldMk cId="2376958513" sldId="260"/>
            <ac:spMk id="10348" creationId="{BC1BE21F-E200-BB41-B5F8-491413F83DB8}"/>
          </ac:spMkLst>
        </pc:spChg>
        <pc:spChg chg="mod">
          <ac:chgData name="White, Alex" userId="eff6cc8c-37d8-483b-9c6c-6b27e9afa9bc" providerId="ADAL" clId="{BF04C754-5BF4-4E83-9615-DB14FA25AF8A}" dt="2023-10-12T11:38:20.867" v="298"/>
          <ac:spMkLst>
            <pc:docMk/>
            <pc:sldMk cId="2376958513" sldId="260"/>
            <ac:spMk id="10349" creationId="{95650811-57D1-17E4-DF3F-EE86FB80D4CB}"/>
          </ac:spMkLst>
        </pc:spChg>
        <pc:spChg chg="mod">
          <ac:chgData name="White, Alex" userId="eff6cc8c-37d8-483b-9c6c-6b27e9afa9bc" providerId="ADAL" clId="{BF04C754-5BF4-4E83-9615-DB14FA25AF8A}" dt="2023-10-12T11:38:20.867" v="298"/>
          <ac:spMkLst>
            <pc:docMk/>
            <pc:sldMk cId="2376958513" sldId="260"/>
            <ac:spMk id="10350" creationId="{7FDF53F1-6F87-67D0-910A-BECF8EC87E2C}"/>
          </ac:spMkLst>
        </pc:spChg>
        <pc:spChg chg="mod">
          <ac:chgData name="White, Alex" userId="eff6cc8c-37d8-483b-9c6c-6b27e9afa9bc" providerId="ADAL" clId="{BF04C754-5BF4-4E83-9615-DB14FA25AF8A}" dt="2023-10-12T11:38:20.867" v="298"/>
          <ac:spMkLst>
            <pc:docMk/>
            <pc:sldMk cId="2376958513" sldId="260"/>
            <ac:spMk id="10351" creationId="{285BCA67-B6DB-9AB5-9EA0-849D8EDDFC51}"/>
          </ac:spMkLst>
        </pc:spChg>
        <pc:spChg chg="mod">
          <ac:chgData name="White, Alex" userId="eff6cc8c-37d8-483b-9c6c-6b27e9afa9bc" providerId="ADAL" clId="{BF04C754-5BF4-4E83-9615-DB14FA25AF8A}" dt="2023-10-12T11:38:20.867" v="298"/>
          <ac:spMkLst>
            <pc:docMk/>
            <pc:sldMk cId="2376958513" sldId="260"/>
            <ac:spMk id="10352" creationId="{F7F8A422-03DB-66A1-B3BE-7B5EB2816A5D}"/>
          </ac:spMkLst>
        </pc:spChg>
        <pc:spChg chg="mod">
          <ac:chgData name="White, Alex" userId="eff6cc8c-37d8-483b-9c6c-6b27e9afa9bc" providerId="ADAL" clId="{BF04C754-5BF4-4E83-9615-DB14FA25AF8A}" dt="2023-10-12T11:38:20.867" v="298"/>
          <ac:spMkLst>
            <pc:docMk/>
            <pc:sldMk cId="2376958513" sldId="260"/>
            <ac:spMk id="10353" creationId="{0AD1FE6E-07EA-8532-A186-E3486949489C}"/>
          </ac:spMkLst>
        </pc:spChg>
        <pc:spChg chg="mod">
          <ac:chgData name="White, Alex" userId="eff6cc8c-37d8-483b-9c6c-6b27e9afa9bc" providerId="ADAL" clId="{BF04C754-5BF4-4E83-9615-DB14FA25AF8A}" dt="2023-10-12T11:38:20.867" v="298"/>
          <ac:spMkLst>
            <pc:docMk/>
            <pc:sldMk cId="2376958513" sldId="260"/>
            <ac:spMk id="10354" creationId="{5E6EDA3D-AAC2-7050-C948-0993D79E6224}"/>
          </ac:spMkLst>
        </pc:spChg>
        <pc:spChg chg="mod">
          <ac:chgData name="White, Alex" userId="eff6cc8c-37d8-483b-9c6c-6b27e9afa9bc" providerId="ADAL" clId="{BF04C754-5BF4-4E83-9615-DB14FA25AF8A}" dt="2023-10-12T11:38:20.867" v="298"/>
          <ac:spMkLst>
            <pc:docMk/>
            <pc:sldMk cId="2376958513" sldId="260"/>
            <ac:spMk id="10355" creationId="{142D7F13-CF47-7166-E17D-033EC2291884}"/>
          </ac:spMkLst>
        </pc:spChg>
        <pc:spChg chg="mod">
          <ac:chgData name="White, Alex" userId="eff6cc8c-37d8-483b-9c6c-6b27e9afa9bc" providerId="ADAL" clId="{BF04C754-5BF4-4E83-9615-DB14FA25AF8A}" dt="2023-10-12T11:38:20.867" v="298"/>
          <ac:spMkLst>
            <pc:docMk/>
            <pc:sldMk cId="2376958513" sldId="260"/>
            <ac:spMk id="10356" creationId="{F847B126-C075-14C1-B903-61CC27D82775}"/>
          </ac:spMkLst>
        </pc:spChg>
        <pc:spChg chg="mod">
          <ac:chgData name="White, Alex" userId="eff6cc8c-37d8-483b-9c6c-6b27e9afa9bc" providerId="ADAL" clId="{BF04C754-5BF4-4E83-9615-DB14FA25AF8A}" dt="2023-10-12T11:38:20.867" v="298"/>
          <ac:spMkLst>
            <pc:docMk/>
            <pc:sldMk cId="2376958513" sldId="260"/>
            <ac:spMk id="10357" creationId="{ADF916BD-045B-4C9A-8C73-6FDC9F529D6E}"/>
          </ac:spMkLst>
        </pc:spChg>
        <pc:spChg chg="mod">
          <ac:chgData name="White, Alex" userId="eff6cc8c-37d8-483b-9c6c-6b27e9afa9bc" providerId="ADAL" clId="{BF04C754-5BF4-4E83-9615-DB14FA25AF8A}" dt="2023-10-12T11:38:20.867" v="298"/>
          <ac:spMkLst>
            <pc:docMk/>
            <pc:sldMk cId="2376958513" sldId="260"/>
            <ac:spMk id="10358" creationId="{8BBEB225-04F8-17D0-BEB5-A1D6DB1C8445}"/>
          </ac:spMkLst>
        </pc:spChg>
        <pc:spChg chg="mod">
          <ac:chgData name="White, Alex" userId="eff6cc8c-37d8-483b-9c6c-6b27e9afa9bc" providerId="ADAL" clId="{BF04C754-5BF4-4E83-9615-DB14FA25AF8A}" dt="2023-10-12T11:38:20.867" v="298"/>
          <ac:spMkLst>
            <pc:docMk/>
            <pc:sldMk cId="2376958513" sldId="260"/>
            <ac:spMk id="10359" creationId="{EA98BA87-B51C-9F5D-086F-2E590700ACBB}"/>
          </ac:spMkLst>
        </pc:spChg>
        <pc:spChg chg="mod">
          <ac:chgData name="White, Alex" userId="eff6cc8c-37d8-483b-9c6c-6b27e9afa9bc" providerId="ADAL" clId="{BF04C754-5BF4-4E83-9615-DB14FA25AF8A}" dt="2023-10-12T11:38:20.867" v="298"/>
          <ac:spMkLst>
            <pc:docMk/>
            <pc:sldMk cId="2376958513" sldId="260"/>
            <ac:spMk id="10360" creationId="{9CCAB30D-153C-8832-C72F-91258A380636}"/>
          </ac:spMkLst>
        </pc:spChg>
        <pc:spChg chg="mod">
          <ac:chgData name="White, Alex" userId="eff6cc8c-37d8-483b-9c6c-6b27e9afa9bc" providerId="ADAL" clId="{BF04C754-5BF4-4E83-9615-DB14FA25AF8A}" dt="2023-10-12T11:38:20.867" v="298"/>
          <ac:spMkLst>
            <pc:docMk/>
            <pc:sldMk cId="2376958513" sldId="260"/>
            <ac:spMk id="10361" creationId="{6B0D80FC-B226-C211-AB1B-C83EB8B09260}"/>
          </ac:spMkLst>
        </pc:spChg>
        <pc:spChg chg="mod">
          <ac:chgData name="White, Alex" userId="eff6cc8c-37d8-483b-9c6c-6b27e9afa9bc" providerId="ADAL" clId="{BF04C754-5BF4-4E83-9615-DB14FA25AF8A}" dt="2023-10-12T11:38:20.867" v="298"/>
          <ac:spMkLst>
            <pc:docMk/>
            <pc:sldMk cId="2376958513" sldId="260"/>
            <ac:spMk id="10362" creationId="{67ADD78C-0122-66D4-59E4-FAC6FAA8F044}"/>
          </ac:spMkLst>
        </pc:spChg>
        <pc:spChg chg="mod">
          <ac:chgData name="White, Alex" userId="eff6cc8c-37d8-483b-9c6c-6b27e9afa9bc" providerId="ADAL" clId="{BF04C754-5BF4-4E83-9615-DB14FA25AF8A}" dt="2023-10-12T11:38:20.867" v="298"/>
          <ac:spMkLst>
            <pc:docMk/>
            <pc:sldMk cId="2376958513" sldId="260"/>
            <ac:spMk id="10363" creationId="{F7DB0C72-D779-4F61-6CC2-A968749CF694}"/>
          </ac:spMkLst>
        </pc:spChg>
        <pc:spChg chg="mod">
          <ac:chgData name="White, Alex" userId="eff6cc8c-37d8-483b-9c6c-6b27e9afa9bc" providerId="ADAL" clId="{BF04C754-5BF4-4E83-9615-DB14FA25AF8A}" dt="2023-10-12T11:38:20.867" v="298"/>
          <ac:spMkLst>
            <pc:docMk/>
            <pc:sldMk cId="2376958513" sldId="260"/>
            <ac:spMk id="10364" creationId="{531C70B1-37D1-F610-A32B-04A0383F12B0}"/>
          </ac:spMkLst>
        </pc:spChg>
        <pc:spChg chg="mod">
          <ac:chgData name="White, Alex" userId="eff6cc8c-37d8-483b-9c6c-6b27e9afa9bc" providerId="ADAL" clId="{BF04C754-5BF4-4E83-9615-DB14FA25AF8A}" dt="2023-10-12T11:38:20.867" v="298"/>
          <ac:spMkLst>
            <pc:docMk/>
            <pc:sldMk cId="2376958513" sldId="260"/>
            <ac:spMk id="10365" creationId="{51306228-8CD4-98EB-269B-C2B08535D0ED}"/>
          </ac:spMkLst>
        </pc:spChg>
        <pc:spChg chg="mod">
          <ac:chgData name="White, Alex" userId="eff6cc8c-37d8-483b-9c6c-6b27e9afa9bc" providerId="ADAL" clId="{BF04C754-5BF4-4E83-9615-DB14FA25AF8A}" dt="2023-10-12T11:38:20.867" v="298"/>
          <ac:spMkLst>
            <pc:docMk/>
            <pc:sldMk cId="2376958513" sldId="260"/>
            <ac:spMk id="10366" creationId="{54F985B0-33A3-D018-B3B1-13276BDB7FEE}"/>
          </ac:spMkLst>
        </pc:spChg>
        <pc:spChg chg="mod">
          <ac:chgData name="White, Alex" userId="eff6cc8c-37d8-483b-9c6c-6b27e9afa9bc" providerId="ADAL" clId="{BF04C754-5BF4-4E83-9615-DB14FA25AF8A}" dt="2023-10-12T11:38:20.867" v="298"/>
          <ac:spMkLst>
            <pc:docMk/>
            <pc:sldMk cId="2376958513" sldId="260"/>
            <ac:spMk id="10367" creationId="{0E2865E5-4EFF-7D82-DC5E-B28C8C40D80A}"/>
          </ac:spMkLst>
        </pc:spChg>
        <pc:spChg chg="mod">
          <ac:chgData name="White, Alex" userId="eff6cc8c-37d8-483b-9c6c-6b27e9afa9bc" providerId="ADAL" clId="{BF04C754-5BF4-4E83-9615-DB14FA25AF8A}" dt="2023-10-12T11:38:20.867" v="298"/>
          <ac:spMkLst>
            <pc:docMk/>
            <pc:sldMk cId="2376958513" sldId="260"/>
            <ac:spMk id="10368" creationId="{C6ACA499-D39E-A9F8-F9F6-1A9748DB5F57}"/>
          </ac:spMkLst>
        </pc:spChg>
        <pc:spChg chg="mod">
          <ac:chgData name="White, Alex" userId="eff6cc8c-37d8-483b-9c6c-6b27e9afa9bc" providerId="ADAL" clId="{BF04C754-5BF4-4E83-9615-DB14FA25AF8A}" dt="2023-10-12T11:38:20.867" v="298"/>
          <ac:spMkLst>
            <pc:docMk/>
            <pc:sldMk cId="2376958513" sldId="260"/>
            <ac:spMk id="10369" creationId="{2C777BD8-E397-9323-115E-34BAE0F03415}"/>
          </ac:spMkLst>
        </pc:spChg>
        <pc:spChg chg="mod">
          <ac:chgData name="White, Alex" userId="eff6cc8c-37d8-483b-9c6c-6b27e9afa9bc" providerId="ADAL" clId="{BF04C754-5BF4-4E83-9615-DB14FA25AF8A}" dt="2023-10-12T11:38:20.867" v="298"/>
          <ac:spMkLst>
            <pc:docMk/>
            <pc:sldMk cId="2376958513" sldId="260"/>
            <ac:spMk id="10370" creationId="{154CD55A-26C6-7107-78D3-021BF90896F0}"/>
          </ac:spMkLst>
        </pc:spChg>
        <pc:spChg chg="mod">
          <ac:chgData name="White, Alex" userId="eff6cc8c-37d8-483b-9c6c-6b27e9afa9bc" providerId="ADAL" clId="{BF04C754-5BF4-4E83-9615-DB14FA25AF8A}" dt="2023-10-12T11:38:20.867" v="298"/>
          <ac:spMkLst>
            <pc:docMk/>
            <pc:sldMk cId="2376958513" sldId="260"/>
            <ac:spMk id="10371" creationId="{9C5D38D2-8F03-0BB3-FC1A-444847E75969}"/>
          </ac:spMkLst>
        </pc:spChg>
        <pc:spChg chg="mod">
          <ac:chgData name="White, Alex" userId="eff6cc8c-37d8-483b-9c6c-6b27e9afa9bc" providerId="ADAL" clId="{BF04C754-5BF4-4E83-9615-DB14FA25AF8A}" dt="2023-10-12T11:38:20.867" v="298"/>
          <ac:spMkLst>
            <pc:docMk/>
            <pc:sldMk cId="2376958513" sldId="260"/>
            <ac:spMk id="10372" creationId="{DD598E44-BE43-7128-7C9A-1EA9507342A7}"/>
          </ac:spMkLst>
        </pc:spChg>
        <pc:spChg chg="mod">
          <ac:chgData name="White, Alex" userId="eff6cc8c-37d8-483b-9c6c-6b27e9afa9bc" providerId="ADAL" clId="{BF04C754-5BF4-4E83-9615-DB14FA25AF8A}" dt="2023-10-12T11:38:20.867" v="298"/>
          <ac:spMkLst>
            <pc:docMk/>
            <pc:sldMk cId="2376958513" sldId="260"/>
            <ac:spMk id="10373" creationId="{0563D30C-B591-BCF3-717A-96DBD5640610}"/>
          </ac:spMkLst>
        </pc:spChg>
        <pc:spChg chg="mod">
          <ac:chgData name="White, Alex" userId="eff6cc8c-37d8-483b-9c6c-6b27e9afa9bc" providerId="ADAL" clId="{BF04C754-5BF4-4E83-9615-DB14FA25AF8A}" dt="2023-10-12T11:38:20.867" v="298"/>
          <ac:spMkLst>
            <pc:docMk/>
            <pc:sldMk cId="2376958513" sldId="260"/>
            <ac:spMk id="10374" creationId="{42C17B4B-7FDC-F493-474D-8B540885AA88}"/>
          </ac:spMkLst>
        </pc:spChg>
        <pc:spChg chg="mod">
          <ac:chgData name="White, Alex" userId="eff6cc8c-37d8-483b-9c6c-6b27e9afa9bc" providerId="ADAL" clId="{BF04C754-5BF4-4E83-9615-DB14FA25AF8A}" dt="2023-10-12T11:38:20.867" v="298"/>
          <ac:spMkLst>
            <pc:docMk/>
            <pc:sldMk cId="2376958513" sldId="260"/>
            <ac:spMk id="10375" creationId="{59E7BF03-FC1E-2002-457A-2A40BF041FD1}"/>
          </ac:spMkLst>
        </pc:spChg>
        <pc:spChg chg="mod">
          <ac:chgData name="White, Alex" userId="eff6cc8c-37d8-483b-9c6c-6b27e9afa9bc" providerId="ADAL" clId="{BF04C754-5BF4-4E83-9615-DB14FA25AF8A}" dt="2023-10-12T11:38:20.867" v="298"/>
          <ac:spMkLst>
            <pc:docMk/>
            <pc:sldMk cId="2376958513" sldId="260"/>
            <ac:spMk id="10376" creationId="{D01B05FA-06DE-6AAB-CB46-31F4B262F60B}"/>
          </ac:spMkLst>
        </pc:spChg>
        <pc:spChg chg="mod">
          <ac:chgData name="White, Alex" userId="eff6cc8c-37d8-483b-9c6c-6b27e9afa9bc" providerId="ADAL" clId="{BF04C754-5BF4-4E83-9615-DB14FA25AF8A}" dt="2023-10-12T11:38:20.867" v="298"/>
          <ac:spMkLst>
            <pc:docMk/>
            <pc:sldMk cId="2376958513" sldId="260"/>
            <ac:spMk id="10377" creationId="{46AF8EDD-4FB4-9FB2-5ED0-855AB51AA8D7}"/>
          </ac:spMkLst>
        </pc:spChg>
        <pc:spChg chg="mod">
          <ac:chgData name="White, Alex" userId="eff6cc8c-37d8-483b-9c6c-6b27e9afa9bc" providerId="ADAL" clId="{BF04C754-5BF4-4E83-9615-DB14FA25AF8A}" dt="2023-10-12T11:38:20.867" v="298"/>
          <ac:spMkLst>
            <pc:docMk/>
            <pc:sldMk cId="2376958513" sldId="260"/>
            <ac:spMk id="10378" creationId="{D45D4055-70E1-6DF0-622D-BF260E3E60D5}"/>
          </ac:spMkLst>
        </pc:spChg>
        <pc:spChg chg="mod">
          <ac:chgData name="White, Alex" userId="eff6cc8c-37d8-483b-9c6c-6b27e9afa9bc" providerId="ADAL" clId="{BF04C754-5BF4-4E83-9615-DB14FA25AF8A}" dt="2023-10-12T11:38:20.867" v="298"/>
          <ac:spMkLst>
            <pc:docMk/>
            <pc:sldMk cId="2376958513" sldId="260"/>
            <ac:spMk id="10379" creationId="{1D2F89F3-9158-DC84-D757-BA3C55AD744E}"/>
          </ac:spMkLst>
        </pc:spChg>
        <pc:spChg chg="mod">
          <ac:chgData name="White, Alex" userId="eff6cc8c-37d8-483b-9c6c-6b27e9afa9bc" providerId="ADAL" clId="{BF04C754-5BF4-4E83-9615-DB14FA25AF8A}" dt="2023-10-12T11:38:20.867" v="298"/>
          <ac:spMkLst>
            <pc:docMk/>
            <pc:sldMk cId="2376958513" sldId="260"/>
            <ac:spMk id="10380" creationId="{6C939C2D-CA47-ECB1-3CC4-B98D430E3B86}"/>
          </ac:spMkLst>
        </pc:spChg>
        <pc:spChg chg="mod">
          <ac:chgData name="White, Alex" userId="eff6cc8c-37d8-483b-9c6c-6b27e9afa9bc" providerId="ADAL" clId="{BF04C754-5BF4-4E83-9615-DB14FA25AF8A}" dt="2023-10-12T11:38:20.867" v="298"/>
          <ac:spMkLst>
            <pc:docMk/>
            <pc:sldMk cId="2376958513" sldId="260"/>
            <ac:spMk id="10381" creationId="{78FC2A50-3305-522C-063B-0252A1B37050}"/>
          </ac:spMkLst>
        </pc:spChg>
        <pc:spChg chg="mod">
          <ac:chgData name="White, Alex" userId="eff6cc8c-37d8-483b-9c6c-6b27e9afa9bc" providerId="ADAL" clId="{BF04C754-5BF4-4E83-9615-DB14FA25AF8A}" dt="2023-10-12T11:38:20.867" v="298"/>
          <ac:spMkLst>
            <pc:docMk/>
            <pc:sldMk cId="2376958513" sldId="260"/>
            <ac:spMk id="10382" creationId="{0DDB0D03-AEF5-A766-E82A-05D12F40EECB}"/>
          </ac:spMkLst>
        </pc:spChg>
        <pc:spChg chg="mod">
          <ac:chgData name="White, Alex" userId="eff6cc8c-37d8-483b-9c6c-6b27e9afa9bc" providerId="ADAL" clId="{BF04C754-5BF4-4E83-9615-DB14FA25AF8A}" dt="2023-10-12T11:38:20.867" v="298"/>
          <ac:spMkLst>
            <pc:docMk/>
            <pc:sldMk cId="2376958513" sldId="260"/>
            <ac:spMk id="10383" creationId="{B3A88BD7-66B7-BA1C-A308-A36FFA181FBF}"/>
          </ac:spMkLst>
        </pc:spChg>
        <pc:spChg chg="mod">
          <ac:chgData name="White, Alex" userId="eff6cc8c-37d8-483b-9c6c-6b27e9afa9bc" providerId="ADAL" clId="{BF04C754-5BF4-4E83-9615-DB14FA25AF8A}" dt="2023-10-12T11:38:20.867" v="298"/>
          <ac:spMkLst>
            <pc:docMk/>
            <pc:sldMk cId="2376958513" sldId="260"/>
            <ac:spMk id="10384" creationId="{CF9D9F4D-1985-A633-9061-2EB48295E223}"/>
          </ac:spMkLst>
        </pc:spChg>
        <pc:spChg chg="mod">
          <ac:chgData name="White, Alex" userId="eff6cc8c-37d8-483b-9c6c-6b27e9afa9bc" providerId="ADAL" clId="{BF04C754-5BF4-4E83-9615-DB14FA25AF8A}" dt="2023-10-12T11:38:20.867" v="298"/>
          <ac:spMkLst>
            <pc:docMk/>
            <pc:sldMk cId="2376958513" sldId="260"/>
            <ac:spMk id="10385" creationId="{DDFDF453-5071-151A-22AE-C4898C36A078}"/>
          </ac:spMkLst>
        </pc:spChg>
        <pc:spChg chg="mod">
          <ac:chgData name="White, Alex" userId="eff6cc8c-37d8-483b-9c6c-6b27e9afa9bc" providerId="ADAL" clId="{BF04C754-5BF4-4E83-9615-DB14FA25AF8A}" dt="2023-10-12T11:38:20.867" v="298"/>
          <ac:spMkLst>
            <pc:docMk/>
            <pc:sldMk cId="2376958513" sldId="260"/>
            <ac:spMk id="10386" creationId="{7C1B94AD-C71F-D37A-8D35-AB1327F7C77E}"/>
          </ac:spMkLst>
        </pc:spChg>
        <pc:spChg chg="mod">
          <ac:chgData name="White, Alex" userId="eff6cc8c-37d8-483b-9c6c-6b27e9afa9bc" providerId="ADAL" clId="{BF04C754-5BF4-4E83-9615-DB14FA25AF8A}" dt="2023-10-12T11:38:20.867" v="298"/>
          <ac:spMkLst>
            <pc:docMk/>
            <pc:sldMk cId="2376958513" sldId="260"/>
            <ac:spMk id="10387" creationId="{BE47FBEF-CF32-404C-F4F1-06D69926A7B5}"/>
          </ac:spMkLst>
        </pc:spChg>
        <pc:spChg chg="mod">
          <ac:chgData name="White, Alex" userId="eff6cc8c-37d8-483b-9c6c-6b27e9afa9bc" providerId="ADAL" clId="{BF04C754-5BF4-4E83-9615-DB14FA25AF8A}" dt="2023-10-12T11:38:20.867" v="298"/>
          <ac:spMkLst>
            <pc:docMk/>
            <pc:sldMk cId="2376958513" sldId="260"/>
            <ac:spMk id="10388" creationId="{229B46E6-B7A8-D3FE-7846-D67F0D39128E}"/>
          </ac:spMkLst>
        </pc:spChg>
        <pc:spChg chg="mod">
          <ac:chgData name="White, Alex" userId="eff6cc8c-37d8-483b-9c6c-6b27e9afa9bc" providerId="ADAL" clId="{BF04C754-5BF4-4E83-9615-DB14FA25AF8A}" dt="2023-10-12T11:38:20.867" v="298"/>
          <ac:spMkLst>
            <pc:docMk/>
            <pc:sldMk cId="2376958513" sldId="260"/>
            <ac:spMk id="10389" creationId="{1E322527-FBE0-D7CA-E00C-22CF1985536F}"/>
          </ac:spMkLst>
        </pc:spChg>
        <pc:spChg chg="mod">
          <ac:chgData name="White, Alex" userId="eff6cc8c-37d8-483b-9c6c-6b27e9afa9bc" providerId="ADAL" clId="{BF04C754-5BF4-4E83-9615-DB14FA25AF8A}" dt="2023-10-12T11:38:20.867" v="298"/>
          <ac:spMkLst>
            <pc:docMk/>
            <pc:sldMk cId="2376958513" sldId="260"/>
            <ac:spMk id="10390" creationId="{ED65F9E0-A50C-62A6-1EC2-9B671FCCC3F9}"/>
          </ac:spMkLst>
        </pc:spChg>
        <pc:spChg chg="mod">
          <ac:chgData name="White, Alex" userId="eff6cc8c-37d8-483b-9c6c-6b27e9afa9bc" providerId="ADAL" clId="{BF04C754-5BF4-4E83-9615-DB14FA25AF8A}" dt="2023-10-12T11:38:20.867" v="298"/>
          <ac:spMkLst>
            <pc:docMk/>
            <pc:sldMk cId="2376958513" sldId="260"/>
            <ac:spMk id="10391" creationId="{BA79D650-A0A0-75D1-11F4-1A067E27F9B9}"/>
          </ac:spMkLst>
        </pc:spChg>
        <pc:spChg chg="mod">
          <ac:chgData name="White, Alex" userId="eff6cc8c-37d8-483b-9c6c-6b27e9afa9bc" providerId="ADAL" clId="{BF04C754-5BF4-4E83-9615-DB14FA25AF8A}" dt="2023-10-12T11:38:20.867" v="298"/>
          <ac:spMkLst>
            <pc:docMk/>
            <pc:sldMk cId="2376958513" sldId="260"/>
            <ac:spMk id="10392" creationId="{34B66BB2-B284-DBC5-21C4-96507A9BA890}"/>
          </ac:spMkLst>
        </pc:spChg>
        <pc:spChg chg="mod">
          <ac:chgData name="White, Alex" userId="eff6cc8c-37d8-483b-9c6c-6b27e9afa9bc" providerId="ADAL" clId="{BF04C754-5BF4-4E83-9615-DB14FA25AF8A}" dt="2023-10-12T11:38:20.867" v="298"/>
          <ac:spMkLst>
            <pc:docMk/>
            <pc:sldMk cId="2376958513" sldId="260"/>
            <ac:spMk id="10393" creationId="{30CC8352-DF6B-4280-08D1-FCCBFA070330}"/>
          </ac:spMkLst>
        </pc:spChg>
        <pc:spChg chg="mod">
          <ac:chgData name="White, Alex" userId="eff6cc8c-37d8-483b-9c6c-6b27e9afa9bc" providerId="ADAL" clId="{BF04C754-5BF4-4E83-9615-DB14FA25AF8A}" dt="2023-10-12T11:38:20.867" v="298"/>
          <ac:spMkLst>
            <pc:docMk/>
            <pc:sldMk cId="2376958513" sldId="260"/>
            <ac:spMk id="10394" creationId="{7ED9316D-3E3F-F632-C953-AAAF0BF307DA}"/>
          </ac:spMkLst>
        </pc:spChg>
        <pc:spChg chg="mod">
          <ac:chgData name="White, Alex" userId="eff6cc8c-37d8-483b-9c6c-6b27e9afa9bc" providerId="ADAL" clId="{BF04C754-5BF4-4E83-9615-DB14FA25AF8A}" dt="2023-10-12T11:38:20.867" v="298"/>
          <ac:spMkLst>
            <pc:docMk/>
            <pc:sldMk cId="2376958513" sldId="260"/>
            <ac:spMk id="10395" creationId="{BA53371D-F226-44BC-9900-82A99AC10C30}"/>
          </ac:spMkLst>
        </pc:spChg>
        <pc:spChg chg="mod">
          <ac:chgData name="White, Alex" userId="eff6cc8c-37d8-483b-9c6c-6b27e9afa9bc" providerId="ADAL" clId="{BF04C754-5BF4-4E83-9615-DB14FA25AF8A}" dt="2023-10-12T11:38:20.867" v="298"/>
          <ac:spMkLst>
            <pc:docMk/>
            <pc:sldMk cId="2376958513" sldId="260"/>
            <ac:spMk id="10396" creationId="{347C0F0D-917F-C5A6-B30E-BC65C43DCF0B}"/>
          </ac:spMkLst>
        </pc:spChg>
        <pc:spChg chg="mod">
          <ac:chgData name="White, Alex" userId="eff6cc8c-37d8-483b-9c6c-6b27e9afa9bc" providerId="ADAL" clId="{BF04C754-5BF4-4E83-9615-DB14FA25AF8A}" dt="2023-10-12T11:38:20.867" v="298"/>
          <ac:spMkLst>
            <pc:docMk/>
            <pc:sldMk cId="2376958513" sldId="260"/>
            <ac:spMk id="10397" creationId="{16DE2774-1677-097C-4253-9FE3369D4D82}"/>
          </ac:spMkLst>
        </pc:spChg>
        <pc:spChg chg="mod">
          <ac:chgData name="White, Alex" userId="eff6cc8c-37d8-483b-9c6c-6b27e9afa9bc" providerId="ADAL" clId="{BF04C754-5BF4-4E83-9615-DB14FA25AF8A}" dt="2023-10-12T11:38:20.867" v="298"/>
          <ac:spMkLst>
            <pc:docMk/>
            <pc:sldMk cId="2376958513" sldId="260"/>
            <ac:spMk id="10398" creationId="{8861EB60-CDA9-4EA0-7FCC-0FB81FEF210E}"/>
          </ac:spMkLst>
        </pc:spChg>
        <pc:spChg chg="mod">
          <ac:chgData name="White, Alex" userId="eff6cc8c-37d8-483b-9c6c-6b27e9afa9bc" providerId="ADAL" clId="{BF04C754-5BF4-4E83-9615-DB14FA25AF8A}" dt="2023-10-12T11:38:20.867" v="298"/>
          <ac:spMkLst>
            <pc:docMk/>
            <pc:sldMk cId="2376958513" sldId="260"/>
            <ac:spMk id="10399" creationId="{A183F26B-E326-687C-5F6E-42B7EEBC2509}"/>
          </ac:spMkLst>
        </pc:spChg>
        <pc:spChg chg="mod">
          <ac:chgData name="White, Alex" userId="eff6cc8c-37d8-483b-9c6c-6b27e9afa9bc" providerId="ADAL" clId="{BF04C754-5BF4-4E83-9615-DB14FA25AF8A}" dt="2023-10-12T11:38:20.867" v="298"/>
          <ac:spMkLst>
            <pc:docMk/>
            <pc:sldMk cId="2376958513" sldId="260"/>
            <ac:spMk id="10400" creationId="{D8E58036-9CE6-6536-F444-6EBB6A254B0F}"/>
          </ac:spMkLst>
        </pc:spChg>
        <pc:spChg chg="mod">
          <ac:chgData name="White, Alex" userId="eff6cc8c-37d8-483b-9c6c-6b27e9afa9bc" providerId="ADAL" clId="{BF04C754-5BF4-4E83-9615-DB14FA25AF8A}" dt="2023-10-12T11:38:20.867" v="298"/>
          <ac:spMkLst>
            <pc:docMk/>
            <pc:sldMk cId="2376958513" sldId="260"/>
            <ac:spMk id="10401" creationId="{CACD209C-9022-FAC1-83CE-9CCBA8DDF273}"/>
          </ac:spMkLst>
        </pc:spChg>
        <pc:spChg chg="mod">
          <ac:chgData name="White, Alex" userId="eff6cc8c-37d8-483b-9c6c-6b27e9afa9bc" providerId="ADAL" clId="{BF04C754-5BF4-4E83-9615-DB14FA25AF8A}" dt="2023-10-12T11:38:20.867" v="298"/>
          <ac:spMkLst>
            <pc:docMk/>
            <pc:sldMk cId="2376958513" sldId="260"/>
            <ac:spMk id="10402" creationId="{622DD180-030E-95B3-6CFB-B3899C26A891}"/>
          </ac:spMkLst>
        </pc:spChg>
        <pc:spChg chg="mod">
          <ac:chgData name="White, Alex" userId="eff6cc8c-37d8-483b-9c6c-6b27e9afa9bc" providerId="ADAL" clId="{BF04C754-5BF4-4E83-9615-DB14FA25AF8A}" dt="2023-10-12T11:38:20.867" v="298"/>
          <ac:spMkLst>
            <pc:docMk/>
            <pc:sldMk cId="2376958513" sldId="260"/>
            <ac:spMk id="10403" creationId="{08715523-C2B1-8433-CBBE-DC1C090EEE22}"/>
          </ac:spMkLst>
        </pc:spChg>
        <pc:spChg chg="mod">
          <ac:chgData name="White, Alex" userId="eff6cc8c-37d8-483b-9c6c-6b27e9afa9bc" providerId="ADAL" clId="{BF04C754-5BF4-4E83-9615-DB14FA25AF8A}" dt="2023-10-12T11:38:20.867" v="298"/>
          <ac:spMkLst>
            <pc:docMk/>
            <pc:sldMk cId="2376958513" sldId="260"/>
            <ac:spMk id="10404" creationId="{786837DC-2681-692F-67D9-416B22EF7234}"/>
          </ac:spMkLst>
        </pc:spChg>
        <pc:spChg chg="mod">
          <ac:chgData name="White, Alex" userId="eff6cc8c-37d8-483b-9c6c-6b27e9afa9bc" providerId="ADAL" clId="{BF04C754-5BF4-4E83-9615-DB14FA25AF8A}" dt="2023-10-12T11:38:20.867" v="298"/>
          <ac:spMkLst>
            <pc:docMk/>
            <pc:sldMk cId="2376958513" sldId="260"/>
            <ac:spMk id="10405" creationId="{B80FB0CE-050F-4303-EB11-8A776A8AAAC4}"/>
          </ac:spMkLst>
        </pc:spChg>
        <pc:spChg chg="mod">
          <ac:chgData name="White, Alex" userId="eff6cc8c-37d8-483b-9c6c-6b27e9afa9bc" providerId="ADAL" clId="{BF04C754-5BF4-4E83-9615-DB14FA25AF8A}" dt="2023-10-12T11:38:20.867" v="298"/>
          <ac:spMkLst>
            <pc:docMk/>
            <pc:sldMk cId="2376958513" sldId="260"/>
            <ac:spMk id="10406" creationId="{02A96C2B-8802-5104-5DDF-8C7DDDE31705}"/>
          </ac:spMkLst>
        </pc:spChg>
        <pc:spChg chg="mod">
          <ac:chgData name="White, Alex" userId="eff6cc8c-37d8-483b-9c6c-6b27e9afa9bc" providerId="ADAL" clId="{BF04C754-5BF4-4E83-9615-DB14FA25AF8A}" dt="2023-10-12T11:38:20.867" v="298"/>
          <ac:spMkLst>
            <pc:docMk/>
            <pc:sldMk cId="2376958513" sldId="260"/>
            <ac:spMk id="10407" creationId="{EEAC08C9-0BDA-C684-CB52-8850F34943C3}"/>
          </ac:spMkLst>
        </pc:spChg>
        <pc:spChg chg="mod">
          <ac:chgData name="White, Alex" userId="eff6cc8c-37d8-483b-9c6c-6b27e9afa9bc" providerId="ADAL" clId="{BF04C754-5BF4-4E83-9615-DB14FA25AF8A}" dt="2023-10-12T11:38:20.867" v="298"/>
          <ac:spMkLst>
            <pc:docMk/>
            <pc:sldMk cId="2376958513" sldId="260"/>
            <ac:spMk id="10408" creationId="{149CA6E2-6EA8-0258-616A-22A6F096507B}"/>
          </ac:spMkLst>
        </pc:spChg>
        <pc:spChg chg="mod">
          <ac:chgData name="White, Alex" userId="eff6cc8c-37d8-483b-9c6c-6b27e9afa9bc" providerId="ADAL" clId="{BF04C754-5BF4-4E83-9615-DB14FA25AF8A}" dt="2023-10-12T11:38:20.867" v="298"/>
          <ac:spMkLst>
            <pc:docMk/>
            <pc:sldMk cId="2376958513" sldId="260"/>
            <ac:spMk id="10409" creationId="{03EB1EEB-2736-3833-AD5E-9ADC2680BFE5}"/>
          </ac:spMkLst>
        </pc:spChg>
        <pc:spChg chg="mod">
          <ac:chgData name="White, Alex" userId="eff6cc8c-37d8-483b-9c6c-6b27e9afa9bc" providerId="ADAL" clId="{BF04C754-5BF4-4E83-9615-DB14FA25AF8A}" dt="2023-10-12T11:38:20.867" v="298"/>
          <ac:spMkLst>
            <pc:docMk/>
            <pc:sldMk cId="2376958513" sldId="260"/>
            <ac:spMk id="10410" creationId="{13D472C2-A6FA-A2B4-DFF6-B7E2794B501A}"/>
          </ac:spMkLst>
        </pc:spChg>
        <pc:spChg chg="mod">
          <ac:chgData name="White, Alex" userId="eff6cc8c-37d8-483b-9c6c-6b27e9afa9bc" providerId="ADAL" clId="{BF04C754-5BF4-4E83-9615-DB14FA25AF8A}" dt="2023-10-12T11:38:20.867" v="298"/>
          <ac:spMkLst>
            <pc:docMk/>
            <pc:sldMk cId="2376958513" sldId="260"/>
            <ac:spMk id="10411" creationId="{A0BDD016-1F27-6A21-DA92-0827BD61D7E6}"/>
          </ac:spMkLst>
        </pc:spChg>
        <pc:spChg chg="mod">
          <ac:chgData name="White, Alex" userId="eff6cc8c-37d8-483b-9c6c-6b27e9afa9bc" providerId="ADAL" clId="{BF04C754-5BF4-4E83-9615-DB14FA25AF8A}" dt="2023-10-12T11:38:20.867" v="298"/>
          <ac:spMkLst>
            <pc:docMk/>
            <pc:sldMk cId="2376958513" sldId="260"/>
            <ac:spMk id="10412" creationId="{5B9ABA8C-FA52-F03A-7129-3A5D73EB5688}"/>
          </ac:spMkLst>
        </pc:spChg>
        <pc:spChg chg="mod">
          <ac:chgData name="White, Alex" userId="eff6cc8c-37d8-483b-9c6c-6b27e9afa9bc" providerId="ADAL" clId="{BF04C754-5BF4-4E83-9615-DB14FA25AF8A}" dt="2023-10-12T11:38:20.867" v="298"/>
          <ac:spMkLst>
            <pc:docMk/>
            <pc:sldMk cId="2376958513" sldId="260"/>
            <ac:spMk id="10413" creationId="{62E674C3-6586-7E71-9C1A-BE7183A19564}"/>
          </ac:spMkLst>
        </pc:spChg>
        <pc:spChg chg="mod">
          <ac:chgData name="White, Alex" userId="eff6cc8c-37d8-483b-9c6c-6b27e9afa9bc" providerId="ADAL" clId="{BF04C754-5BF4-4E83-9615-DB14FA25AF8A}" dt="2023-10-12T11:38:20.867" v="298"/>
          <ac:spMkLst>
            <pc:docMk/>
            <pc:sldMk cId="2376958513" sldId="260"/>
            <ac:spMk id="10414" creationId="{70BB7CD6-505D-9CD1-8100-6672598ED489}"/>
          </ac:spMkLst>
        </pc:spChg>
        <pc:spChg chg="mod">
          <ac:chgData name="White, Alex" userId="eff6cc8c-37d8-483b-9c6c-6b27e9afa9bc" providerId="ADAL" clId="{BF04C754-5BF4-4E83-9615-DB14FA25AF8A}" dt="2023-10-12T11:38:20.867" v="298"/>
          <ac:spMkLst>
            <pc:docMk/>
            <pc:sldMk cId="2376958513" sldId="260"/>
            <ac:spMk id="10415" creationId="{EBACC8D4-9EC7-2C7B-37DD-EEBDD35BCD2D}"/>
          </ac:spMkLst>
        </pc:spChg>
        <pc:spChg chg="mod">
          <ac:chgData name="White, Alex" userId="eff6cc8c-37d8-483b-9c6c-6b27e9afa9bc" providerId="ADAL" clId="{BF04C754-5BF4-4E83-9615-DB14FA25AF8A}" dt="2023-10-12T11:38:20.867" v="298"/>
          <ac:spMkLst>
            <pc:docMk/>
            <pc:sldMk cId="2376958513" sldId="260"/>
            <ac:spMk id="10416" creationId="{90752247-46E3-DD34-7757-8E1D69AEFC4C}"/>
          </ac:spMkLst>
        </pc:spChg>
        <pc:spChg chg="mod">
          <ac:chgData name="White, Alex" userId="eff6cc8c-37d8-483b-9c6c-6b27e9afa9bc" providerId="ADAL" clId="{BF04C754-5BF4-4E83-9615-DB14FA25AF8A}" dt="2023-10-12T11:38:20.867" v="298"/>
          <ac:spMkLst>
            <pc:docMk/>
            <pc:sldMk cId="2376958513" sldId="260"/>
            <ac:spMk id="10417" creationId="{3D59BEF4-4750-077D-C875-0DE2BD9D4270}"/>
          </ac:spMkLst>
        </pc:spChg>
        <pc:spChg chg="mod">
          <ac:chgData name="White, Alex" userId="eff6cc8c-37d8-483b-9c6c-6b27e9afa9bc" providerId="ADAL" clId="{BF04C754-5BF4-4E83-9615-DB14FA25AF8A}" dt="2023-10-12T11:38:20.867" v="298"/>
          <ac:spMkLst>
            <pc:docMk/>
            <pc:sldMk cId="2376958513" sldId="260"/>
            <ac:spMk id="10418" creationId="{EFC4EC78-16F9-6DB0-A18D-C638F107FDD5}"/>
          </ac:spMkLst>
        </pc:spChg>
        <pc:spChg chg="mod">
          <ac:chgData name="White, Alex" userId="eff6cc8c-37d8-483b-9c6c-6b27e9afa9bc" providerId="ADAL" clId="{BF04C754-5BF4-4E83-9615-DB14FA25AF8A}" dt="2023-10-12T11:38:20.867" v="298"/>
          <ac:spMkLst>
            <pc:docMk/>
            <pc:sldMk cId="2376958513" sldId="260"/>
            <ac:spMk id="10419" creationId="{9FA82787-6E4E-A682-13F8-A5DFC4C4EC3F}"/>
          </ac:spMkLst>
        </pc:spChg>
        <pc:spChg chg="mod">
          <ac:chgData name="White, Alex" userId="eff6cc8c-37d8-483b-9c6c-6b27e9afa9bc" providerId="ADAL" clId="{BF04C754-5BF4-4E83-9615-DB14FA25AF8A}" dt="2023-10-12T11:38:20.867" v="298"/>
          <ac:spMkLst>
            <pc:docMk/>
            <pc:sldMk cId="2376958513" sldId="260"/>
            <ac:spMk id="10420" creationId="{2A6EF6A6-3603-2567-086F-ACC532D7DABD}"/>
          </ac:spMkLst>
        </pc:spChg>
        <pc:spChg chg="mod">
          <ac:chgData name="White, Alex" userId="eff6cc8c-37d8-483b-9c6c-6b27e9afa9bc" providerId="ADAL" clId="{BF04C754-5BF4-4E83-9615-DB14FA25AF8A}" dt="2023-10-12T11:38:20.867" v="298"/>
          <ac:spMkLst>
            <pc:docMk/>
            <pc:sldMk cId="2376958513" sldId="260"/>
            <ac:spMk id="10421" creationId="{43D8CD24-86EE-4DAB-F7D2-7C2726B4DD31}"/>
          </ac:spMkLst>
        </pc:spChg>
        <pc:spChg chg="mod">
          <ac:chgData name="White, Alex" userId="eff6cc8c-37d8-483b-9c6c-6b27e9afa9bc" providerId="ADAL" clId="{BF04C754-5BF4-4E83-9615-DB14FA25AF8A}" dt="2023-10-12T11:38:20.867" v="298"/>
          <ac:spMkLst>
            <pc:docMk/>
            <pc:sldMk cId="2376958513" sldId="260"/>
            <ac:spMk id="10422" creationId="{B6C54DBC-8DF7-D897-B34F-853C19FCEEDE}"/>
          </ac:spMkLst>
        </pc:spChg>
        <pc:spChg chg="mod">
          <ac:chgData name="White, Alex" userId="eff6cc8c-37d8-483b-9c6c-6b27e9afa9bc" providerId="ADAL" clId="{BF04C754-5BF4-4E83-9615-DB14FA25AF8A}" dt="2023-10-12T11:38:20.867" v="298"/>
          <ac:spMkLst>
            <pc:docMk/>
            <pc:sldMk cId="2376958513" sldId="260"/>
            <ac:spMk id="10423" creationId="{C1AF15E5-BC27-5307-56F1-81D79D792292}"/>
          </ac:spMkLst>
        </pc:spChg>
        <pc:spChg chg="mod">
          <ac:chgData name="White, Alex" userId="eff6cc8c-37d8-483b-9c6c-6b27e9afa9bc" providerId="ADAL" clId="{BF04C754-5BF4-4E83-9615-DB14FA25AF8A}" dt="2023-10-12T11:38:20.867" v="298"/>
          <ac:spMkLst>
            <pc:docMk/>
            <pc:sldMk cId="2376958513" sldId="260"/>
            <ac:spMk id="10424" creationId="{BCDE9DB9-26AA-269C-3D57-E85ABFD99C5E}"/>
          </ac:spMkLst>
        </pc:spChg>
        <pc:spChg chg="mod">
          <ac:chgData name="White, Alex" userId="eff6cc8c-37d8-483b-9c6c-6b27e9afa9bc" providerId="ADAL" clId="{BF04C754-5BF4-4E83-9615-DB14FA25AF8A}" dt="2023-10-12T11:38:20.867" v="298"/>
          <ac:spMkLst>
            <pc:docMk/>
            <pc:sldMk cId="2376958513" sldId="260"/>
            <ac:spMk id="10425" creationId="{3EE92EC5-936C-C8C9-D7B4-36FA20640BFB}"/>
          </ac:spMkLst>
        </pc:spChg>
        <pc:spChg chg="mod">
          <ac:chgData name="White, Alex" userId="eff6cc8c-37d8-483b-9c6c-6b27e9afa9bc" providerId="ADAL" clId="{BF04C754-5BF4-4E83-9615-DB14FA25AF8A}" dt="2023-10-12T11:38:20.867" v="298"/>
          <ac:spMkLst>
            <pc:docMk/>
            <pc:sldMk cId="2376958513" sldId="260"/>
            <ac:spMk id="10426" creationId="{111CB84F-C30F-4C72-6802-F8A86B7DB0EC}"/>
          </ac:spMkLst>
        </pc:spChg>
        <pc:spChg chg="mod">
          <ac:chgData name="White, Alex" userId="eff6cc8c-37d8-483b-9c6c-6b27e9afa9bc" providerId="ADAL" clId="{BF04C754-5BF4-4E83-9615-DB14FA25AF8A}" dt="2023-10-12T11:38:20.867" v="298"/>
          <ac:spMkLst>
            <pc:docMk/>
            <pc:sldMk cId="2376958513" sldId="260"/>
            <ac:spMk id="10427" creationId="{BBAE8330-DA4A-5FCA-A15D-BBE6A4947CB8}"/>
          </ac:spMkLst>
        </pc:spChg>
        <pc:spChg chg="mod">
          <ac:chgData name="White, Alex" userId="eff6cc8c-37d8-483b-9c6c-6b27e9afa9bc" providerId="ADAL" clId="{BF04C754-5BF4-4E83-9615-DB14FA25AF8A}" dt="2023-10-12T11:38:20.867" v="298"/>
          <ac:spMkLst>
            <pc:docMk/>
            <pc:sldMk cId="2376958513" sldId="260"/>
            <ac:spMk id="10428" creationId="{690C3B8F-6525-F31E-CD53-B99CE3AC8700}"/>
          </ac:spMkLst>
        </pc:spChg>
        <pc:spChg chg="mod">
          <ac:chgData name="White, Alex" userId="eff6cc8c-37d8-483b-9c6c-6b27e9afa9bc" providerId="ADAL" clId="{BF04C754-5BF4-4E83-9615-DB14FA25AF8A}" dt="2023-10-12T11:38:20.867" v="298"/>
          <ac:spMkLst>
            <pc:docMk/>
            <pc:sldMk cId="2376958513" sldId="260"/>
            <ac:spMk id="10429" creationId="{EF3CF312-B1CA-C0BC-762D-830E55CC272D}"/>
          </ac:spMkLst>
        </pc:spChg>
        <pc:spChg chg="mod">
          <ac:chgData name="White, Alex" userId="eff6cc8c-37d8-483b-9c6c-6b27e9afa9bc" providerId="ADAL" clId="{BF04C754-5BF4-4E83-9615-DB14FA25AF8A}" dt="2023-10-12T11:38:20.867" v="298"/>
          <ac:spMkLst>
            <pc:docMk/>
            <pc:sldMk cId="2376958513" sldId="260"/>
            <ac:spMk id="10430" creationId="{5F76BED9-FED4-52E6-1F68-F4AD6EDE7A58}"/>
          </ac:spMkLst>
        </pc:spChg>
        <pc:spChg chg="mod">
          <ac:chgData name="White, Alex" userId="eff6cc8c-37d8-483b-9c6c-6b27e9afa9bc" providerId="ADAL" clId="{BF04C754-5BF4-4E83-9615-DB14FA25AF8A}" dt="2023-10-12T11:38:20.867" v="298"/>
          <ac:spMkLst>
            <pc:docMk/>
            <pc:sldMk cId="2376958513" sldId="260"/>
            <ac:spMk id="10431" creationId="{38D1F0E0-9B1E-8C89-4936-C6D22617AF08}"/>
          </ac:spMkLst>
        </pc:spChg>
        <pc:spChg chg="mod">
          <ac:chgData name="White, Alex" userId="eff6cc8c-37d8-483b-9c6c-6b27e9afa9bc" providerId="ADAL" clId="{BF04C754-5BF4-4E83-9615-DB14FA25AF8A}" dt="2023-10-12T11:38:20.867" v="298"/>
          <ac:spMkLst>
            <pc:docMk/>
            <pc:sldMk cId="2376958513" sldId="260"/>
            <ac:spMk id="10432" creationId="{16692A7F-EEF9-C012-0F02-D2EDB8D55DB2}"/>
          </ac:spMkLst>
        </pc:spChg>
        <pc:spChg chg="mod">
          <ac:chgData name="White, Alex" userId="eff6cc8c-37d8-483b-9c6c-6b27e9afa9bc" providerId="ADAL" clId="{BF04C754-5BF4-4E83-9615-DB14FA25AF8A}" dt="2023-10-12T11:38:20.867" v="298"/>
          <ac:spMkLst>
            <pc:docMk/>
            <pc:sldMk cId="2376958513" sldId="260"/>
            <ac:spMk id="10433" creationId="{7A9FF042-FCAE-5CEC-E000-61AAA4B57B8C}"/>
          </ac:spMkLst>
        </pc:spChg>
        <pc:spChg chg="mod">
          <ac:chgData name="White, Alex" userId="eff6cc8c-37d8-483b-9c6c-6b27e9afa9bc" providerId="ADAL" clId="{BF04C754-5BF4-4E83-9615-DB14FA25AF8A}" dt="2023-10-12T11:38:20.867" v="298"/>
          <ac:spMkLst>
            <pc:docMk/>
            <pc:sldMk cId="2376958513" sldId="260"/>
            <ac:spMk id="10434" creationId="{AFCD571F-6644-5F27-2D86-6634B53C20D8}"/>
          </ac:spMkLst>
        </pc:spChg>
        <pc:spChg chg="mod">
          <ac:chgData name="White, Alex" userId="eff6cc8c-37d8-483b-9c6c-6b27e9afa9bc" providerId="ADAL" clId="{BF04C754-5BF4-4E83-9615-DB14FA25AF8A}" dt="2023-10-12T11:38:20.867" v="298"/>
          <ac:spMkLst>
            <pc:docMk/>
            <pc:sldMk cId="2376958513" sldId="260"/>
            <ac:spMk id="10435" creationId="{BF4A2394-C31A-B737-9DEA-C4DC86B5C81A}"/>
          </ac:spMkLst>
        </pc:spChg>
        <pc:spChg chg="mod">
          <ac:chgData name="White, Alex" userId="eff6cc8c-37d8-483b-9c6c-6b27e9afa9bc" providerId="ADAL" clId="{BF04C754-5BF4-4E83-9615-DB14FA25AF8A}" dt="2023-10-12T11:38:20.867" v="298"/>
          <ac:spMkLst>
            <pc:docMk/>
            <pc:sldMk cId="2376958513" sldId="260"/>
            <ac:spMk id="10436" creationId="{12B54E2B-FD86-59BE-764F-FC295A9A4243}"/>
          </ac:spMkLst>
        </pc:spChg>
        <pc:spChg chg="mod">
          <ac:chgData name="White, Alex" userId="eff6cc8c-37d8-483b-9c6c-6b27e9afa9bc" providerId="ADAL" clId="{BF04C754-5BF4-4E83-9615-DB14FA25AF8A}" dt="2023-10-12T11:38:20.867" v="298"/>
          <ac:spMkLst>
            <pc:docMk/>
            <pc:sldMk cId="2376958513" sldId="260"/>
            <ac:spMk id="10437" creationId="{F63CD7C8-1DD2-708D-F1FF-6616ECF21573}"/>
          </ac:spMkLst>
        </pc:spChg>
        <pc:spChg chg="mod">
          <ac:chgData name="White, Alex" userId="eff6cc8c-37d8-483b-9c6c-6b27e9afa9bc" providerId="ADAL" clId="{BF04C754-5BF4-4E83-9615-DB14FA25AF8A}" dt="2023-10-12T11:38:20.867" v="298"/>
          <ac:spMkLst>
            <pc:docMk/>
            <pc:sldMk cId="2376958513" sldId="260"/>
            <ac:spMk id="10438" creationId="{AE6C361B-B21D-41BC-5EDB-921F219FA955}"/>
          </ac:spMkLst>
        </pc:spChg>
        <pc:spChg chg="mod">
          <ac:chgData name="White, Alex" userId="eff6cc8c-37d8-483b-9c6c-6b27e9afa9bc" providerId="ADAL" clId="{BF04C754-5BF4-4E83-9615-DB14FA25AF8A}" dt="2023-10-12T11:38:20.867" v="298"/>
          <ac:spMkLst>
            <pc:docMk/>
            <pc:sldMk cId="2376958513" sldId="260"/>
            <ac:spMk id="10439" creationId="{477DD342-DBC9-BB7A-1926-38C37155B3F2}"/>
          </ac:spMkLst>
        </pc:spChg>
        <pc:spChg chg="mod">
          <ac:chgData name="White, Alex" userId="eff6cc8c-37d8-483b-9c6c-6b27e9afa9bc" providerId="ADAL" clId="{BF04C754-5BF4-4E83-9615-DB14FA25AF8A}" dt="2023-10-12T11:38:20.867" v="298"/>
          <ac:spMkLst>
            <pc:docMk/>
            <pc:sldMk cId="2376958513" sldId="260"/>
            <ac:spMk id="10440" creationId="{6929D693-40D9-4ECC-3A7D-F335DA5FB352}"/>
          </ac:spMkLst>
        </pc:spChg>
        <pc:spChg chg="mod">
          <ac:chgData name="White, Alex" userId="eff6cc8c-37d8-483b-9c6c-6b27e9afa9bc" providerId="ADAL" clId="{BF04C754-5BF4-4E83-9615-DB14FA25AF8A}" dt="2023-10-12T11:38:20.867" v="298"/>
          <ac:spMkLst>
            <pc:docMk/>
            <pc:sldMk cId="2376958513" sldId="260"/>
            <ac:spMk id="10441" creationId="{990BAE9A-DDC7-0596-D737-6616778017C4}"/>
          </ac:spMkLst>
        </pc:spChg>
        <pc:spChg chg="mod">
          <ac:chgData name="White, Alex" userId="eff6cc8c-37d8-483b-9c6c-6b27e9afa9bc" providerId="ADAL" clId="{BF04C754-5BF4-4E83-9615-DB14FA25AF8A}" dt="2023-10-12T11:38:20.867" v="298"/>
          <ac:spMkLst>
            <pc:docMk/>
            <pc:sldMk cId="2376958513" sldId="260"/>
            <ac:spMk id="10442" creationId="{A2E93D1C-789E-797B-1752-9A005F774F3D}"/>
          </ac:spMkLst>
        </pc:spChg>
        <pc:spChg chg="mod">
          <ac:chgData name="White, Alex" userId="eff6cc8c-37d8-483b-9c6c-6b27e9afa9bc" providerId="ADAL" clId="{BF04C754-5BF4-4E83-9615-DB14FA25AF8A}" dt="2023-10-12T11:38:20.867" v="298"/>
          <ac:spMkLst>
            <pc:docMk/>
            <pc:sldMk cId="2376958513" sldId="260"/>
            <ac:spMk id="10443" creationId="{C8C48AF3-0E4E-236A-95F7-1AC2D126855A}"/>
          </ac:spMkLst>
        </pc:spChg>
        <pc:spChg chg="mod">
          <ac:chgData name="White, Alex" userId="eff6cc8c-37d8-483b-9c6c-6b27e9afa9bc" providerId="ADAL" clId="{BF04C754-5BF4-4E83-9615-DB14FA25AF8A}" dt="2023-10-12T11:38:20.867" v="298"/>
          <ac:spMkLst>
            <pc:docMk/>
            <pc:sldMk cId="2376958513" sldId="260"/>
            <ac:spMk id="10444" creationId="{30652E8E-8C36-8C6B-7AF0-7CD10A8CF430}"/>
          </ac:spMkLst>
        </pc:spChg>
        <pc:spChg chg="mod">
          <ac:chgData name="White, Alex" userId="eff6cc8c-37d8-483b-9c6c-6b27e9afa9bc" providerId="ADAL" clId="{BF04C754-5BF4-4E83-9615-DB14FA25AF8A}" dt="2023-10-12T11:38:20.867" v="298"/>
          <ac:spMkLst>
            <pc:docMk/>
            <pc:sldMk cId="2376958513" sldId="260"/>
            <ac:spMk id="10445" creationId="{6CD348D0-9ACB-A50C-6CD3-BF9D231218D0}"/>
          </ac:spMkLst>
        </pc:spChg>
        <pc:spChg chg="mod">
          <ac:chgData name="White, Alex" userId="eff6cc8c-37d8-483b-9c6c-6b27e9afa9bc" providerId="ADAL" clId="{BF04C754-5BF4-4E83-9615-DB14FA25AF8A}" dt="2023-10-12T11:38:20.867" v="298"/>
          <ac:spMkLst>
            <pc:docMk/>
            <pc:sldMk cId="2376958513" sldId="260"/>
            <ac:spMk id="10446" creationId="{0D581818-60E4-8484-4F80-36498E6234FC}"/>
          </ac:spMkLst>
        </pc:spChg>
        <pc:spChg chg="mod">
          <ac:chgData name="White, Alex" userId="eff6cc8c-37d8-483b-9c6c-6b27e9afa9bc" providerId="ADAL" clId="{BF04C754-5BF4-4E83-9615-DB14FA25AF8A}" dt="2023-10-12T11:38:20.867" v="298"/>
          <ac:spMkLst>
            <pc:docMk/>
            <pc:sldMk cId="2376958513" sldId="260"/>
            <ac:spMk id="10447" creationId="{895F55C4-2487-1058-27C0-B508C577E420}"/>
          </ac:spMkLst>
        </pc:spChg>
        <pc:spChg chg="mod">
          <ac:chgData name="White, Alex" userId="eff6cc8c-37d8-483b-9c6c-6b27e9afa9bc" providerId="ADAL" clId="{BF04C754-5BF4-4E83-9615-DB14FA25AF8A}" dt="2023-10-12T11:38:20.867" v="298"/>
          <ac:spMkLst>
            <pc:docMk/>
            <pc:sldMk cId="2376958513" sldId="260"/>
            <ac:spMk id="10448" creationId="{70721248-47BC-F661-F179-8B5D3DBB7AD6}"/>
          </ac:spMkLst>
        </pc:spChg>
        <pc:spChg chg="mod">
          <ac:chgData name="White, Alex" userId="eff6cc8c-37d8-483b-9c6c-6b27e9afa9bc" providerId="ADAL" clId="{BF04C754-5BF4-4E83-9615-DB14FA25AF8A}" dt="2023-10-12T11:38:20.867" v="298"/>
          <ac:spMkLst>
            <pc:docMk/>
            <pc:sldMk cId="2376958513" sldId="260"/>
            <ac:spMk id="10449" creationId="{0695FF17-1456-9416-9A01-C6888488857A}"/>
          </ac:spMkLst>
        </pc:spChg>
        <pc:spChg chg="mod">
          <ac:chgData name="White, Alex" userId="eff6cc8c-37d8-483b-9c6c-6b27e9afa9bc" providerId="ADAL" clId="{BF04C754-5BF4-4E83-9615-DB14FA25AF8A}" dt="2023-10-12T11:38:20.867" v="298"/>
          <ac:spMkLst>
            <pc:docMk/>
            <pc:sldMk cId="2376958513" sldId="260"/>
            <ac:spMk id="10450" creationId="{C8DDCB8B-63CF-9136-75E9-8CC7B0721F4C}"/>
          </ac:spMkLst>
        </pc:spChg>
        <pc:spChg chg="mod">
          <ac:chgData name="White, Alex" userId="eff6cc8c-37d8-483b-9c6c-6b27e9afa9bc" providerId="ADAL" clId="{BF04C754-5BF4-4E83-9615-DB14FA25AF8A}" dt="2023-10-12T11:38:20.867" v="298"/>
          <ac:spMkLst>
            <pc:docMk/>
            <pc:sldMk cId="2376958513" sldId="260"/>
            <ac:spMk id="10451" creationId="{61736837-5B69-30BB-B9D0-D860BE83AD5F}"/>
          </ac:spMkLst>
        </pc:spChg>
        <pc:spChg chg="mod">
          <ac:chgData name="White, Alex" userId="eff6cc8c-37d8-483b-9c6c-6b27e9afa9bc" providerId="ADAL" clId="{BF04C754-5BF4-4E83-9615-DB14FA25AF8A}" dt="2023-10-12T11:38:20.867" v="298"/>
          <ac:spMkLst>
            <pc:docMk/>
            <pc:sldMk cId="2376958513" sldId="260"/>
            <ac:spMk id="10452" creationId="{89296ED0-84DD-AA41-1DBA-4B535C38458B}"/>
          </ac:spMkLst>
        </pc:spChg>
        <pc:spChg chg="mod">
          <ac:chgData name="White, Alex" userId="eff6cc8c-37d8-483b-9c6c-6b27e9afa9bc" providerId="ADAL" clId="{BF04C754-5BF4-4E83-9615-DB14FA25AF8A}" dt="2023-10-12T11:38:20.867" v="298"/>
          <ac:spMkLst>
            <pc:docMk/>
            <pc:sldMk cId="2376958513" sldId="260"/>
            <ac:spMk id="10453" creationId="{500D988E-4D7F-B7A4-9EE8-227DEF8A1A17}"/>
          </ac:spMkLst>
        </pc:spChg>
        <pc:spChg chg="mod">
          <ac:chgData name="White, Alex" userId="eff6cc8c-37d8-483b-9c6c-6b27e9afa9bc" providerId="ADAL" clId="{BF04C754-5BF4-4E83-9615-DB14FA25AF8A}" dt="2023-10-12T11:38:20.867" v="298"/>
          <ac:spMkLst>
            <pc:docMk/>
            <pc:sldMk cId="2376958513" sldId="260"/>
            <ac:spMk id="10454" creationId="{A75C14FA-F574-87E5-79ED-AB7362E316B1}"/>
          </ac:spMkLst>
        </pc:spChg>
        <pc:spChg chg="mod">
          <ac:chgData name="White, Alex" userId="eff6cc8c-37d8-483b-9c6c-6b27e9afa9bc" providerId="ADAL" clId="{BF04C754-5BF4-4E83-9615-DB14FA25AF8A}" dt="2023-10-12T11:38:20.867" v="298"/>
          <ac:spMkLst>
            <pc:docMk/>
            <pc:sldMk cId="2376958513" sldId="260"/>
            <ac:spMk id="10455" creationId="{E521EFFC-5F24-5BB4-452C-18505FFB630E}"/>
          </ac:spMkLst>
        </pc:spChg>
        <pc:spChg chg="mod">
          <ac:chgData name="White, Alex" userId="eff6cc8c-37d8-483b-9c6c-6b27e9afa9bc" providerId="ADAL" clId="{BF04C754-5BF4-4E83-9615-DB14FA25AF8A}" dt="2023-10-12T11:38:20.867" v="298"/>
          <ac:spMkLst>
            <pc:docMk/>
            <pc:sldMk cId="2376958513" sldId="260"/>
            <ac:spMk id="10456" creationId="{71B335D8-DF11-F89F-C51B-13F3556081A8}"/>
          </ac:spMkLst>
        </pc:spChg>
        <pc:spChg chg="mod">
          <ac:chgData name="White, Alex" userId="eff6cc8c-37d8-483b-9c6c-6b27e9afa9bc" providerId="ADAL" clId="{BF04C754-5BF4-4E83-9615-DB14FA25AF8A}" dt="2023-10-12T11:38:20.867" v="298"/>
          <ac:spMkLst>
            <pc:docMk/>
            <pc:sldMk cId="2376958513" sldId="260"/>
            <ac:spMk id="10457" creationId="{755A0ACB-074E-BA37-8D10-16D09D92D365}"/>
          </ac:spMkLst>
        </pc:spChg>
        <pc:spChg chg="mod">
          <ac:chgData name="White, Alex" userId="eff6cc8c-37d8-483b-9c6c-6b27e9afa9bc" providerId="ADAL" clId="{BF04C754-5BF4-4E83-9615-DB14FA25AF8A}" dt="2023-10-12T11:38:20.867" v="298"/>
          <ac:spMkLst>
            <pc:docMk/>
            <pc:sldMk cId="2376958513" sldId="260"/>
            <ac:spMk id="10458" creationId="{50261327-4C25-8EA9-29B9-C0BC8D591DF0}"/>
          </ac:spMkLst>
        </pc:spChg>
        <pc:spChg chg="mod">
          <ac:chgData name="White, Alex" userId="eff6cc8c-37d8-483b-9c6c-6b27e9afa9bc" providerId="ADAL" clId="{BF04C754-5BF4-4E83-9615-DB14FA25AF8A}" dt="2023-10-12T11:38:20.867" v="298"/>
          <ac:spMkLst>
            <pc:docMk/>
            <pc:sldMk cId="2376958513" sldId="260"/>
            <ac:spMk id="10459" creationId="{B6FF3C2F-BE76-76BB-363C-754D32F666FD}"/>
          </ac:spMkLst>
        </pc:spChg>
        <pc:spChg chg="mod">
          <ac:chgData name="White, Alex" userId="eff6cc8c-37d8-483b-9c6c-6b27e9afa9bc" providerId="ADAL" clId="{BF04C754-5BF4-4E83-9615-DB14FA25AF8A}" dt="2023-10-12T11:38:20.867" v="298"/>
          <ac:spMkLst>
            <pc:docMk/>
            <pc:sldMk cId="2376958513" sldId="260"/>
            <ac:spMk id="10460" creationId="{D2A47F72-B33F-5E4D-0D8E-0D40BF392465}"/>
          </ac:spMkLst>
        </pc:spChg>
        <pc:spChg chg="mod">
          <ac:chgData name="White, Alex" userId="eff6cc8c-37d8-483b-9c6c-6b27e9afa9bc" providerId="ADAL" clId="{BF04C754-5BF4-4E83-9615-DB14FA25AF8A}" dt="2023-10-12T11:38:20.867" v="298"/>
          <ac:spMkLst>
            <pc:docMk/>
            <pc:sldMk cId="2376958513" sldId="260"/>
            <ac:spMk id="10461" creationId="{747877ED-9AEF-3831-A169-14A8C8EDA363}"/>
          </ac:spMkLst>
        </pc:spChg>
        <pc:spChg chg="mod">
          <ac:chgData name="White, Alex" userId="eff6cc8c-37d8-483b-9c6c-6b27e9afa9bc" providerId="ADAL" clId="{BF04C754-5BF4-4E83-9615-DB14FA25AF8A}" dt="2023-10-12T11:38:20.867" v="298"/>
          <ac:spMkLst>
            <pc:docMk/>
            <pc:sldMk cId="2376958513" sldId="260"/>
            <ac:spMk id="10462" creationId="{B936C1CB-0CBB-EA99-DD34-4D409FB3D587}"/>
          </ac:spMkLst>
        </pc:spChg>
        <pc:spChg chg="mod">
          <ac:chgData name="White, Alex" userId="eff6cc8c-37d8-483b-9c6c-6b27e9afa9bc" providerId="ADAL" clId="{BF04C754-5BF4-4E83-9615-DB14FA25AF8A}" dt="2023-10-12T11:38:20.867" v="298"/>
          <ac:spMkLst>
            <pc:docMk/>
            <pc:sldMk cId="2376958513" sldId="260"/>
            <ac:spMk id="10463" creationId="{6981BD5F-F412-7FF8-A740-3F32D246BED3}"/>
          </ac:spMkLst>
        </pc:spChg>
        <pc:spChg chg="mod">
          <ac:chgData name="White, Alex" userId="eff6cc8c-37d8-483b-9c6c-6b27e9afa9bc" providerId="ADAL" clId="{BF04C754-5BF4-4E83-9615-DB14FA25AF8A}" dt="2023-10-12T11:38:20.867" v="298"/>
          <ac:spMkLst>
            <pc:docMk/>
            <pc:sldMk cId="2376958513" sldId="260"/>
            <ac:spMk id="10464" creationId="{9185E602-72CE-313C-050C-6FE424AACAB7}"/>
          </ac:spMkLst>
        </pc:spChg>
        <pc:spChg chg="mod">
          <ac:chgData name="White, Alex" userId="eff6cc8c-37d8-483b-9c6c-6b27e9afa9bc" providerId="ADAL" clId="{BF04C754-5BF4-4E83-9615-DB14FA25AF8A}" dt="2023-10-12T11:38:20.867" v="298"/>
          <ac:spMkLst>
            <pc:docMk/>
            <pc:sldMk cId="2376958513" sldId="260"/>
            <ac:spMk id="10465" creationId="{37B35840-C64F-1F7D-7C03-3F89F8188317}"/>
          </ac:spMkLst>
        </pc:spChg>
        <pc:spChg chg="mod">
          <ac:chgData name="White, Alex" userId="eff6cc8c-37d8-483b-9c6c-6b27e9afa9bc" providerId="ADAL" clId="{BF04C754-5BF4-4E83-9615-DB14FA25AF8A}" dt="2023-10-12T11:38:20.867" v="298"/>
          <ac:spMkLst>
            <pc:docMk/>
            <pc:sldMk cId="2376958513" sldId="260"/>
            <ac:spMk id="10466" creationId="{6817790D-D597-0F49-2D64-E7D1A3F2B311}"/>
          </ac:spMkLst>
        </pc:spChg>
        <pc:spChg chg="mod">
          <ac:chgData name="White, Alex" userId="eff6cc8c-37d8-483b-9c6c-6b27e9afa9bc" providerId="ADAL" clId="{BF04C754-5BF4-4E83-9615-DB14FA25AF8A}" dt="2023-10-12T11:38:20.867" v="298"/>
          <ac:spMkLst>
            <pc:docMk/>
            <pc:sldMk cId="2376958513" sldId="260"/>
            <ac:spMk id="10467" creationId="{E54B3BB1-A99C-4537-D90F-76F61D6695A4}"/>
          </ac:spMkLst>
        </pc:spChg>
        <pc:spChg chg="mod">
          <ac:chgData name="White, Alex" userId="eff6cc8c-37d8-483b-9c6c-6b27e9afa9bc" providerId="ADAL" clId="{BF04C754-5BF4-4E83-9615-DB14FA25AF8A}" dt="2023-10-12T11:38:20.867" v="298"/>
          <ac:spMkLst>
            <pc:docMk/>
            <pc:sldMk cId="2376958513" sldId="260"/>
            <ac:spMk id="10468" creationId="{1A14C15E-06A7-8CFB-62DE-40D657CDF8DC}"/>
          </ac:spMkLst>
        </pc:spChg>
        <pc:spChg chg="mod">
          <ac:chgData name="White, Alex" userId="eff6cc8c-37d8-483b-9c6c-6b27e9afa9bc" providerId="ADAL" clId="{BF04C754-5BF4-4E83-9615-DB14FA25AF8A}" dt="2023-10-12T11:38:20.867" v="298"/>
          <ac:spMkLst>
            <pc:docMk/>
            <pc:sldMk cId="2376958513" sldId="260"/>
            <ac:spMk id="10469" creationId="{6B9CDA6D-AE65-C97C-E968-BF2F828DCFDD}"/>
          </ac:spMkLst>
        </pc:spChg>
        <pc:spChg chg="mod">
          <ac:chgData name="White, Alex" userId="eff6cc8c-37d8-483b-9c6c-6b27e9afa9bc" providerId="ADAL" clId="{BF04C754-5BF4-4E83-9615-DB14FA25AF8A}" dt="2023-10-12T11:38:20.867" v="298"/>
          <ac:spMkLst>
            <pc:docMk/>
            <pc:sldMk cId="2376958513" sldId="260"/>
            <ac:spMk id="10470" creationId="{64ED0F45-7FBE-C508-4C4B-2B01394A59AD}"/>
          </ac:spMkLst>
        </pc:spChg>
        <pc:spChg chg="mod">
          <ac:chgData name="White, Alex" userId="eff6cc8c-37d8-483b-9c6c-6b27e9afa9bc" providerId="ADAL" clId="{BF04C754-5BF4-4E83-9615-DB14FA25AF8A}" dt="2023-10-12T11:38:20.867" v="298"/>
          <ac:spMkLst>
            <pc:docMk/>
            <pc:sldMk cId="2376958513" sldId="260"/>
            <ac:spMk id="10471" creationId="{29399A0A-2638-459E-931F-A602CB11C46B}"/>
          </ac:spMkLst>
        </pc:spChg>
        <pc:spChg chg="mod">
          <ac:chgData name="White, Alex" userId="eff6cc8c-37d8-483b-9c6c-6b27e9afa9bc" providerId="ADAL" clId="{BF04C754-5BF4-4E83-9615-DB14FA25AF8A}" dt="2023-10-12T11:38:20.867" v="298"/>
          <ac:spMkLst>
            <pc:docMk/>
            <pc:sldMk cId="2376958513" sldId="260"/>
            <ac:spMk id="10472" creationId="{1CFB0ADC-33CE-BC57-2F58-FDB361AC86A8}"/>
          </ac:spMkLst>
        </pc:spChg>
        <pc:spChg chg="mod">
          <ac:chgData name="White, Alex" userId="eff6cc8c-37d8-483b-9c6c-6b27e9afa9bc" providerId="ADAL" clId="{BF04C754-5BF4-4E83-9615-DB14FA25AF8A}" dt="2023-10-12T11:38:20.867" v="298"/>
          <ac:spMkLst>
            <pc:docMk/>
            <pc:sldMk cId="2376958513" sldId="260"/>
            <ac:spMk id="10473" creationId="{F189A345-E437-D964-7B2A-3CD753BB32A4}"/>
          </ac:spMkLst>
        </pc:spChg>
        <pc:spChg chg="mod">
          <ac:chgData name="White, Alex" userId="eff6cc8c-37d8-483b-9c6c-6b27e9afa9bc" providerId="ADAL" clId="{BF04C754-5BF4-4E83-9615-DB14FA25AF8A}" dt="2023-10-12T11:38:20.867" v="298"/>
          <ac:spMkLst>
            <pc:docMk/>
            <pc:sldMk cId="2376958513" sldId="260"/>
            <ac:spMk id="10474" creationId="{4F6E531C-55BF-E922-9B0C-6CC0F6AAE559}"/>
          </ac:spMkLst>
        </pc:spChg>
        <pc:spChg chg="mod">
          <ac:chgData name="White, Alex" userId="eff6cc8c-37d8-483b-9c6c-6b27e9afa9bc" providerId="ADAL" clId="{BF04C754-5BF4-4E83-9615-DB14FA25AF8A}" dt="2023-10-12T11:38:20.867" v="298"/>
          <ac:spMkLst>
            <pc:docMk/>
            <pc:sldMk cId="2376958513" sldId="260"/>
            <ac:spMk id="10475" creationId="{9D090F79-7DD1-3AE5-B226-993CC509CBE8}"/>
          </ac:spMkLst>
        </pc:spChg>
        <pc:spChg chg="mod">
          <ac:chgData name="White, Alex" userId="eff6cc8c-37d8-483b-9c6c-6b27e9afa9bc" providerId="ADAL" clId="{BF04C754-5BF4-4E83-9615-DB14FA25AF8A}" dt="2023-10-12T11:38:20.867" v="298"/>
          <ac:spMkLst>
            <pc:docMk/>
            <pc:sldMk cId="2376958513" sldId="260"/>
            <ac:spMk id="10476" creationId="{DABFEBDE-5879-0EF6-06B4-81405F4DEC01}"/>
          </ac:spMkLst>
        </pc:spChg>
        <pc:spChg chg="mod">
          <ac:chgData name="White, Alex" userId="eff6cc8c-37d8-483b-9c6c-6b27e9afa9bc" providerId="ADAL" clId="{BF04C754-5BF4-4E83-9615-DB14FA25AF8A}" dt="2023-10-12T11:38:20.867" v="298"/>
          <ac:spMkLst>
            <pc:docMk/>
            <pc:sldMk cId="2376958513" sldId="260"/>
            <ac:spMk id="10477" creationId="{A62D4594-ACA8-2B10-FF88-72209B4A346B}"/>
          </ac:spMkLst>
        </pc:spChg>
        <pc:spChg chg="mod">
          <ac:chgData name="White, Alex" userId="eff6cc8c-37d8-483b-9c6c-6b27e9afa9bc" providerId="ADAL" clId="{BF04C754-5BF4-4E83-9615-DB14FA25AF8A}" dt="2023-10-12T11:38:20.867" v="298"/>
          <ac:spMkLst>
            <pc:docMk/>
            <pc:sldMk cId="2376958513" sldId="260"/>
            <ac:spMk id="10478" creationId="{D1E31E87-5E7D-500D-E6C1-7ABE791D9E76}"/>
          </ac:spMkLst>
        </pc:spChg>
        <pc:spChg chg="mod">
          <ac:chgData name="White, Alex" userId="eff6cc8c-37d8-483b-9c6c-6b27e9afa9bc" providerId="ADAL" clId="{BF04C754-5BF4-4E83-9615-DB14FA25AF8A}" dt="2023-10-12T11:38:20.867" v="298"/>
          <ac:spMkLst>
            <pc:docMk/>
            <pc:sldMk cId="2376958513" sldId="260"/>
            <ac:spMk id="10479" creationId="{A69CFBA2-00E5-FAE1-8FA4-5ABB5EFAA4E7}"/>
          </ac:spMkLst>
        </pc:spChg>
        <pc:spChg chg="mod">
          <ac:chgData name="White, Alex" userId="eff6cc8c-37d8-483b-9c6c-6b27e9afa9bc" providerId="ADAL" clId="{BF04C754-5BF4-4E83-9615-DB14FA25AF8A}" dt="2023-10-12T11:38:20.867" v="298"/>
          <ac:spMkLst>
            <pc:docMk/>
            <pc:sldMk cId="2376958513" sldId="260"/>
            <ac:spMk id="10480" creationId="{B56DBCC4-ECC5-1E84-2417-B59EE4728A57}"/>
          </ac:spMkLst>
        </pc:spChg>
        <pc:spChg chg="mod">
          <ac:chgData name="White, Alex" userId="eff6cc8c-37d8-483b-9c6c-6b27e9afa9bc" providerId="ADAL" clId="{BF04C754-5BF4-4E83-9615-DB14FA25AF8A}" dt="2023-10-12T11:38:20.867" v="298"/>
          <ac:spMkLst>
            <pc:docMk/>
            <pc:sldMk cId="2376958513" sldId="260"/>
            <ac:spMk id="10481" creationId="{7C662619-A020-E8BC-453B-106B081B40EA}"/>
          </ac:spMkLst>
        </pc:spChg>
        <pc:spChg chg="mod">
          <ac:chgData name="White, Alex" userId="eff6cc8c-37d8-483b-9c6c-6b27e9afa9bc" providerId="ADAL" clId="{BF04C754-5BF4-4E83-9615-DB14FA25AF8A}" dt="2023-10-12T11:38:20.867" v="298"/>
          <ac:spMkLst>
            <pc:docMk/>
            <pc:sldMk cId="2376958513" sldId="260"/>
            <ac:spMk id="10482" creationId="{3D8F6FFE-EEA5-76AF-2FE5-6D4A2410A492}"/>
          </ac:spMkLst>
        </pc:spChg>
        <pc:spChg chg="mod">
          <ac:chgData name="White, Alex" userId="eff6cc8c-37d8-483b-9c6c-6b27e9afa9bc" providerId="ADAL" clId="{BF04C754-5BF4-4E83-9615-DB14FA25AF8A}" dt="2023-10-12T11:38:20.867" v="298"/>
          <ac:spMkLst>
            <pc:docMk/>
            <pc:sldMk cId="2376958513" sldId="260"/>
            <ac:spMk id="10483" creationId="{1305F0DE-1523-CA48-BBF0-F9A746E62D0B}"/>
          </ac:spMkLst>
        </pc:spChg>
        <pc:spChg chg="mod">
          <ac:chgData name="White, Alex" userId="eff6cc8c-37d8-483b-9c6c-6b27e9afa9bc" providerId="ADAL" clId="{BF04C754-5BF4-4E83-9615-DB14FA25AF8A}" dt="2023-10-12T11:38:20.867" v="298"/>
          <ac:spMkLst>
            <pc:docMk/>
            <pc:sldMk cId="2376958513" sldId="260"/>
            <ac:spMk id="10484" creationId="{A2118CB0-2456-98FB-F00C-B338059BF30E}"/>
          </ac:spMkLst>
        </pc:spChg>
        <pc:spChg chg="mod">
          <ac:chgData name="White, Alex" userId="eff6cc8c-37d8-483b-9c6c-6b27e9afa9bc" providerId="ADAL" clId="{BF04C754-5BF4-4E83-9615-DB14FA25AF8A}" dt="2023-10-12T11:38:20.867" v="298"/>
          <ac:spMkLst>
            <pc:docMk/>
            <pc:sldMk cId="2376958513" sldId="260"/>
            <ac:spMk id="10485" creationId="{D950F5C0-D306-1BA2-3A3F-AC9D9959C6DF}"/>
          </ac:spMkLst>
        </pc:spChg>
        <pc:spChg chg="mod">
          <ac:chgData name="White, Alex" userId="eff6cc8c-37d8-483b-9c6c-6b27e9afa9bc" providerId="ADAL" clId="{BF04C754-5BF4-4E83-9615-DB14FA25AF8A}" dt="2023-10-12T11:38:20.867" v="298"/>
          <ac:spMkLst>
            <pc:docMk/>
            <pc:sldMk cId="2376958513" sldId="260"/>
            <ac:spMk id="10486" creationId="{E3214DA8-783A-2259-57F4-7DEA5DD6BB5B}"/>
          </ac:spMkLst>
        </pc:spChg>
        <pc:spChg chg="mod">
          <ac:chgData name="White, Alex" userId="eff6cc8c-37d8-483b-9c6c-6b27e9afa9bc" providerId="ADAL" clId="{BF04C754-5BF4-4E83-9615-DB14FA25AF8A}" dt="2023-10-12T11:38:20.867" v="298"/>
          <ac:spMkLst>
            <pc:docMk/>
            <pc:sldMk cId="2376958513" sldId="260"/>
            <ac:spMk id="10487" creationId="{FBCFB43C-C5F6-903E-D023-B96724769DCD}"/>
          </ac:spMkLst>
        </pc:spChg>
        <pc:spChg chg="mod">
          <ac:chgData name="White, Alex" userId="eff6cc8c-37d8-483b-9c6c-6b27e9afa9bc" providerId="ADAL" clId="{BF04C754-5BF4-4E83-9615-DB14FA25AF8A}" dt="2023-10-12T11:38:20.867" v="298"/>
          <ac:spMkLst>
            <pc:docMk/>
            <pc:sldMk cId="2376958513" sldId="260"/>
            <ac:spMk id="10488" creationId="{AC24A183-9014-2D20-6928-B616E3D7956D}"/>
          </ac:spMkLst>
        </pc:spChg>
        <pc:spChg chg="mod">
          <ac:chgData name="White, Alex" userId="eff6cc8c-37d8-483b-9c6c-6b27e9afa9bc" providerId="ADAL" clId="{BF04C754-5BF4-4E83-9615-DB14FA25AF8A}" dt="2023-10-12T11:38:20.867" v="298"/>
          <ac:spMkLst>
            <pc:docMk/>
            <pc:sldMk cId="2376958513" sldId="260"/>
            <ac:spMk id="10489" creationId="{1B503C9B-4EF8-045F-23A9-1EBC0AEAFBF7}"/>
          </ac:spMkLst>
        </pc:spChg>
        <pc:spChg chg="mod">
          <ac:chgData name="White, Alex" userId="eff6cc8c-37d8-483b-9c6c-6b27e9afa9bc" providerId="ADAL" clId="{BF04C754-5BF4-4E83-9615-DB14FA25AF8A}" dt="2023-10-12T11:38:20.867" v="298"/>
          <ac:spMkLst>
            <pc:docMk/>
            <pc:sldMk cId="2376958513" sldId="260"/>
            <ac:spMk id="10490" creationId="{B71967E3-C604-9CBD-B303-B2D48D2A0383}"/>
          </ac:spMkLst>
        </pc:spChg>
        <pc:spChg chg="mod">
          <ac:chgData name="White, Alex" userId="eff6cc8c-37d8-483b-9c6c-6b27e9afa9bc" providerId="ADAL" clId="{BF04C754-5BF4-4E83-9615-DB14FA25AF8A}" dt="2023-10-12T11:38:20.867" v="298"/>
          <ac:spMkLst>
            <pc:docMk/>
            <pc:sldMk cId="2376958513" sldId="260"/>
            <ac:spMk id="10491" creationId="{EDE4BF93-4C0E-7190-86BF-8B1E0F4B0C59}"/>
          </ac:spMkLst>
        </pc:spChg>
        <pc:spChg chg="mod">
          <ac:chgData name="White, Alex" userId="eff6cc8c-37d8-483b-9c6c-6b27e9afa9bc" providerId="ADAL" clId="{BF04C754-5BF4-4E83-9615-DB14FA25AF8A}" dt="2023-10-12T11:38:20.867" v="298"/>
          <ac:spMkLst>
            <pc:docMk/>
            <pc:sldMk cId="2376958513" sldId="260"/>
            <ac:spMk id="10492" creationId="{459D2C49-2416-7176-3D88-B2E198FD3D10}"/>
          </ac:spMkLst>
        </pc:spChg>
        <pc:spChg chg="mod">
          <ac:chgData name="White, Alex" userId="eff6cc8c-37d8-483b-9c6c-6b27e9afa9bc" providerId="ADAL" clId="{BF04C754-5BF4-4E83-9615-DB14FA25AF8A}" dt="2023-10-12T11:38:20.867" v="298"/>
          <ac:spMkLst>
            <pc:docMk/>
            <pc:sldMk cId="2376958513" sldId="260"/>
            <ac:spMk id="10493" creationId="{89B5E5C9-F4F5-79E4-E411-AEC0E1F096DD}"/>
          </ac:spMkLst>
        </pc:spChg>
        <pc:spChg chg="mod">
          <ac:chgData name="White, Alex" userId="eff6cc8c-37d8-483b-9c6c-6b27e9afa9bc" providerId="ADAL" clId="{BF04C754-5BF4-4E83-9615-DB14FA25AF8A}" dt="2023-10-12T11:38:20.867" v="298"/>
          <ac:spMkLst>
            <pc:docMk/>
            <pc:sldMk cId="2376958513" sldId="260"/>
            <ac:spMk id="10494" creationId="{5F7275E1-2C52-9D66-C6C4-091BEDE8F2C4}"/>
          </ac:spMkLst>
        </pc:spChg>
        <pc:spChg chg="mod">
          <ac:chgData name="White, Alex" userId="eff6cc8c-37d8-483b-9c6c-6b27e9afa9bc" providerId="ADAL" clId="{BF04C754-5BF4-4E83-9615-DB14FA25AF8A}" dt="2023-10-12T11:38:20.867" v="298"/>
          <ac:spMkLst>
            <pc:docMk/>
            <pc:sldMk cId="2376958513" sldId="260"/>
            <ac:spMk id="10495" creationId="{3328DC25-A525-F33B-07FD-CFB3E099E19C}"/>
          </ac:spMkLst>
        </pc:spChg>
        <pc:spChg chg="mod">
          <ac:chgData name="White, Alex" userId="eff6cc8c-37d8-483b-9c6c-6b27e9afa9bc" providerId="ADAL" clId="{BF04C754-5BF4-4E83-9615-DB14FA25AF8A}" dt="2023-10-12T11:38:20.867" v="298"/>
          <ac:spMkLst>
            <pc:docMk/>
            <pc:sldMk cId="2376958513" sldId="260"/>
            <ac:spMk id="10496" creationId="{D55F44CE-3B51-B1BC-1B3A-C14CEB61B5DD}"/>
          </ac:spMkLst>
        </pc:spChg>
        <pc:spChg chg="mod">
          <ac:chgData name="White, Alex" userId="eff6cc8c-37d8-483b-9c6c-6b27e9afa9bc" providerId="ADAL" clId="{BF04C754-5BF4-4E83-9615-DB14FA25AF8A}" dt="2023-10-12T11:38:20.867" v="298"/>
          <ac:spMkLst>
            <pc:docMk/>
            <pc:sldMk cId="2376958513" sldId="260"/>
            <ac:spMk id="10497" creationId="{54EC69D8-9A1C-0AE1-9020-CA121BF0BA26}"/>
          </ac:spMkLst>
        </pc:spChg>
        <pc:spChg chg="mod">
          <ac:chgData name="White, Alex" userId="eff6cc8c-37d8-483b-9c6c-6b27e9afa9bc" providerId="ADAL" clId="{BF04C754-5BF4-4E83-9615-DB14FA25AF8A}" dt="2023-10-12T11:38:20.867" v="298"/>
          <ac:spMkLst>
            <pc:docMk/>
            <pc:sldMk cId="2376958513" sldId="260"/>
            <ac:spMk id="10498" creationId="{80E7993C-1817-0425-9B38-FC15EDADC731}"/>
          </ac:spMkLst>
        </pc:spChg>
        <pc:spChg chg="mod">
          <ac:chgData name="White, Alex" userId="eff6cc8c-37d8-483b-9c6c-6b27e9afa9bc" providerId="ADAL" clId="{BF04C754-5BF4-4E83-9615-DB14FA25AF8A}" dt="2023-10-12T11:38:20.867" v="298"/>
          <ac:spMkLst>
            <pc:docMk/>
            <pc:sldMk cId="2376958513" sldId="260"/>
            <ac:spMk id="10499" creationId="{E413CC50-CC92-C4CE-C046-113245268E78}"/>
          </ac:spMkLst>
        </pc:spChg>
        <pc:spChg chg="mod">
          <ac:chgData name="White, Alex" userId="eff6cc8c-37d8-483b-9c6c-6b27e9afa9bc" providerId="ADAL" clId="{BF04C754-5BF4-4E83-9615-DB14FA25AF8A}" dt="2023-10-12T11:38:20.867" v="298"/>
          <ac:spMkLst>
            <pc:docMk/>
            <pc:sldMk cId="2376958513" sldId="260"/>
            <ac:spMk id="10500" creationId="{BB57110B-A1C9-8D9F-FAA6-F528257B19A6}"/>
          </ac:spMkLst>
        </pc:spChg>
        <pc:spChg chg="mod">
          <ac:chgData name="White, Alex" userId="eff6cc8c-37d8-483b-9c6c-6b27e9afa9bc" providerId="ADAL" clId="{BF04C754-5BF4-4E83-9615-DB14FA25AF8A}" dt="2023-10-12T11:38:20.867" v="298"/>
          <ac:spMkLst>
            <pc:docMk/>
            <pc:sldMk cId="2376958513" sldId="260"/>
            <ac:spMk id="10501" creationId="{F278A18E-128F-9375-B223-1C2B79ED042B}"/>
          </ac:spMkLst>
        </pc:spChg>
        <pc:spChg chg="mod">
          <ac:chgData name="White, Alex" userId="eff6cc8c-37d8-483b-9c6c-6b27e9afa9bc" providerId="ADAL" clId="{BF04C754-5BF4-4E83-9615-DB14FA25AF8A}" dt="2023-10-12T11:38:20.867" v="298"/>
          <ac:spMkLst>
            <pc:docMk/>
            <pc:sldMk cId="2376958513" sldId="260"/>
            <ac:spMk id="10502" creationId="{B8FB5694-61AF-DABF-9FA1-44DF71ABFC20}"/>
          </ac:spMkLst>
        </pc:spChg>
        <pc:spChg chg="mod">
          <ac:chgData name="White, Alex" userId="eff6cc8c-37d8-483b-9c6c-6b27e9afa9bc" providerId="ADAL" clId="{BF04C754-5BF4-4E83-9615-DB14FA25AF8A}" dt="2023-10-12T11:38:20.867" v="298"/>
          <ac:spMkLst>
            <pc:docMk/>
            <pc:sldMk cId="2376958513" sldId="260"/>
            <ac:spMk id="10503" creationId="{51EB82DC-7D1F-67E0-F8FC-A68852794EBA}"/>
          </ac:spMkLst>
        </pc:spChg>
        <pc:spChg chg="mod">
          <ac:chgData name="White, Alex" userId="eff6cc8c-37d8-483b-9c6c-6b27e9afa9bc" providerId="ADAL" clId="{BF04C754-5BF4-4E83-9615-DB14FA25AF8A}" dt="2023-10-12T11:38:20.867" v="298"/>
          <ac:spMkLst>
            <pc:docMk/>
            <pc:sldMk cId="2376958513" sldId="260"/>
            <ac:spMk id="10504" creationId="{3B86F110-B3D0-F226-F2D5-C084CB4D375E}"/>
          </ac:spMkLst>
        </pc:spChg>
        <pc:spChg chg="mod">
          <ac:chgData name="White, Alex" userId="eff6cc8c-37d8-483b-9c6c-6b27e9afa9bc" providerId="ADAL" clId="{BF04C754-5BF4-4E83-9615-DB14FA25AF8A}" dt="2023-10-12T11:38:20.867" v="298"/>
          <ac:spMkLst>
            <pc:docMk/>
            <pc:sldMk cId="2376958513" sldId="260"/>
            <ac:spMk id="10505" creationId="{30E2FD23-4392-D7D4-256B-B98D1A7DD948}"/>
          </ac:spMkLst>
        </pc:spChg>
        <pc:spChg chg="mod">
          <ac:chgData name="White, Alex" userId="eff6cc8c-37d8-483b-9c6c-6b27e9afa9bc" providerId="ADAL" clId="{BF04C754-5BF4-4E83-9615-DB14FA25AF8A}" dt="2023-10-12T11:38:20.867" v="298"/>
          <ac:spMkLst>
            <pc:docMk/>
            <pc:sldMk cId="2376958513" sldId="260"/>
            <ac:spMk id="10506" creationId="{0D3B14DC-DFC2-0ED0-2285-909211574B23}"/>
          </ac:spMkLst>
        </pc:spChg>
        <pc:spChg chg="mod">
          <ac:chgData name="White, Alex" userId="eff6cc8c-37d8-483b-9c6c-6b27e9afa9bc" providerId="ADAL" clId="{BF04C754-5BF4-4E83-9615-DB14FA25AF8A}" dt="2023-10-12T11:38:20.867" v="298"/>
          <ac:spMkLst>
            <pc:docMk/>
            <pc:sldMk cId="2376958513" sldId="260"/>
            <ac:spMk id="10507" creationId="{3BEB4545-1135-69FE-E321-5950BB0A9604}"/>
          </ac:spMkLst>
        </pc:spChg>
        <pc:spChg chg="mod">
          <ac:chgData name="White, Alex" userId="eff6cc8c-37d8-483b-9c6c-6b27e9afa9bc" providerId="ADAL" clId="{BF04C754-5BF4-4E83-9615-DB14FA25AF8A}" dt="2023-10-12T11:38:20.867" v="298"/>
          <ac:spMkLst>
            <pc:docMk/>
            <pc:sldMk cId="2376958513" sldId="260"/>
            <ac:spMk id="10508" creationId="{93ECF5E0-FAE6-F994-3639-15C7C6DE389A}"/>
          </ac:spMkLst>
        </pc:spChg>
        <pc:spChg chg="mod">
          <ac:chgData name="White, Alex" userId="eff6cc8c-37d8-483b-9c6c-6b27e9afa9bc" providerId="ADAL" clId="{BF04C754-5BF4-4E83-9615-DB14FA25AF8A}" dt="2023-10-12T11:38:20.867" v="298"/>
          <ac:spMkLst>
            <pc:docMk/>
            <pc:sldMk cId="2376958513" sldId="260"/>
            <ac:spMk id="10509" creationId="{CE307A39-E458-103B-D223-33BDADB5FCE6}"/>
          </ac:spMkLst>
        </pc:spChg>
        <pc:spChg chg="mod">
          <ac:chgData name="White, Alex" userId="eff6cc8c-37d8-483b-9c6c-6b27e9afa9bc" providerId="ADAL" clId="{BF04C754-5BF4-4E83-9615-DB14FA25AF8A}" dt="2023-10-12T11:38:20.867" v="298"/>
          <ac:spMkLst>
            <pc:docMk/>
            <pc:sldMk cId="2376958513" sldId="260"/>
            <ac:spMk id="10510" creationId="{8D7E46B0-635C-86E4-5C0C-96138B11564D}"/>
          </ac:spMkLst>
        </pc:spChg>
        <pc:spChg chg="mod">
          <ac:chgData name="White, Alex" userId="eff6cc8c-37d8-483b-9c6c-6b27e9afa9bc" providerId="ADAL" clId="{BF04C754-5BF4-4E83-9615-DB14FA25AF8A}" dt="2023-10-12T11:38:20.867" v="298"/>
          <ac:spMkLst>
            <pc:docMk/>
            <pc:sldMk cId="2376958513" sldId="260"/>
            <ac:spMk id="10511" creationId="{2E8EE696-F27F-EBB3-A668-69634F58F0CB}"/>
          </ac:spMkLst>
        </pc:spChg>
        <pc:spChg chg="mod">
          <ac:chgData name="White, Alex" userId="eff6cc8c-37d8-483b-9c6c-6b27e9afa9bc" providerId="ADAL" clId="{BF04C754-5BF4-4E83-9615-DB14FA25AF8A}" dt="2023-10-12T11:38:20.867" v="298"/>
          <ac:spMkLst>
            <pc:docMk/>
            <pc:sldMk cId="2376958513" sldId="260"/>
            <ac:spMk id="10512" creationId="{5AEE7F5C-6FFE-CD0B-6EF5-D83F057658CF}"/>
          </ac:spMkLst>
        </pc:spChg>
        <pc:spChg chg="mod">
          <ac:chgData name="White, Alex" userId="eff6cc8c-37d8-483b-9c6c-6b27e9afa9bc" providerId="ADAL" clId="{BF04C754-5BF4-4E83-9615-DB14FA25AF8A}" dt="2023-10-12T11:38:20.867" v="298"/>
          <ac:spMkLst>
            <pc:docMk/>
            <pc:sldMk cId="2376958513" sldId="260"/>
            <ac:spMk id="10513" creationId="{15A87874-FAC8-96ED-A39C-7A9C3420BDA5}"/>
          </ac:spMkLst>
        </pc:spChg>
        <pc:spChg chg="mod">
          <ac:chgData name="White, Alex" userId="eff6cc8c-37d8-483b-9c6c-6b27e9afa9bc" providerId="ADAL" clId="{BF04C754-5BF4-4E83-9615-DB14FA25AF8A}" dt="2023-10-12T11:38:20.867" v="298"/>
          <ac:spMkLst>
            <pc:docMk/>
            <pc:sldMk cId="2376958513" sldId="260"/>
            <ac:spMk id="10514" creationId="{25281D1C-AAC0-6D4F-B20E-6A3441716607}"/>
          </ac:spMkLst>
        </pc:spChg>
        <pc:spChg chg="mod">
          <ac:chgData name="White, Alex" userId="eff6cc8c-37d8-483b-9c6c-6b27e9afa9bc" providerId="ADAL" clId="{BF04C754-5BF4-4E83-9615-DB14FA25AF8A}" dt="2023-10-12T11:38:20.867" v="298"/>
          <ac:spMkLst>
            <pc:docMk/>
            <pc:sldMk cId="2376958513" sldId="260"/>
            <ac:spMk id="10515" creationId="{7554F4DD-E325-1057-FCFB-56C06D0E886E}"/>
          </ac:spMkLst>
        </pc:spChg>
        <pc:spChg chg="mod">
          <ac:chgData name="White, Alex" userId="eff6cc8c-37d8-483b-9c6c-6b27e9afa9bc" providerId="ADAL" clId="{BF04C754-5BF4-4E83-9615-DB14FA25AF8A}" dt="2023-10-12T11:38:20.867" v="298"/>
          <ac:spMkLst>
            <pc:docMk/>
            <pc:sldMk cId="2376958513" sldId="260"/>
            <ac:spMk id="10516" creationId="{700B0315-BE4F-610B-7E62-A312D5306036}"/>
          </ac:spMkLst>
        </pc:spChg>
        <pc:spChg chg="mod">
          <ac:chgData name="White, Alex" userId="eff6cc8c-37d8-483b-9c6c-6b27e9afa9bc" providerId="ADAL" clId="{BF04C754-5BF4-4E83-9615-DB14FA25AF8A}" dt="2023-10-12T11:38:20.867" v="298"/>
          <ac:spMkLst>
            <pc:docMk/>
            <pc:sldMk cId="2376958513" sldId="260"/>
            <ac:spMk id="10517" creationId="{7AAD4FF2-976C-3A35-D03A-DF0A9D1601E2}"/>
          </ac:spMkLst>
        </pc:spChg>
        <pc:spChg chg="mod">
          <ac:chgData name="White, Alex" userId="eff6cc8c-37d8-483b-9c6c-6b27e9afa9bc" providerId="ADAL" clId="{BF04C754-5BF4-4E83-9615-DB14FA25AF8A}" dt="2023-10-12T11:38:20.867" v="298"/>
          <ac:spMkLst>
            <pc:docMk/>
            <pc:sldMk cId="2376958513" sldId="260"/>
            <ac:spMk id="10518" creationId="{3E62862B-C39F-6834-4A55-989DD0A35F50}"/>
          </ac:spMkLst>
        </pc:spChg>
        <pc:spChg chg="mod">
          <ac:chgData name="White, Alex" userId="eff6cc8c-37d8-483b-9c6c-6b27e9afa9bc" providerId="ADAL" clId="{BF04C754-5BF4-4E83-9615-DB14FA25AF8A}" dt="2023-10-12T11:38:20.867" v="298"/>
          <ac:spMkLst>
            <pc:docMk/>
            <pc:sldMk cId="2376958513" sldId="260"/>
            <ac:spMk id="10519" creationId="{5437F65A-B303-0B73-E59E-AB50DCBA8331}"/>
          </ac:spMkLst>
        </pc:spChg>
        <pc:spChg chg="mod">
          <ac:chgData name="White, Alex" userId="eff6cc8c-37d8-483b-9c6c-6b27e9afa9bc" providerId="ADAL" clId="{BF04C754-5BF4-4E83-9615-DB14FA25AF8A}" dt="2023-10-12T11:38:20.867" v="298"/>
          <ac:spMkLst>
            <pc:docMk/>
            <pc:sldMk cId="2376958513" sldId="260"/>
            <ac:spMk id="10520" creationId="{A62D7F0E-DDC6-D077-7BC3-79F73DCE0EEB}"/>
          </ac:spMkLst>
        </pc:spChg>
        <pc:spChg chg="mod">
          <ac:chgData name="White, Alex" userId="eff6cc8c-37d8-483b-9c6c-6b27e9afa9bc" providerId="ADAL" clId="{BF04C754-5BF4-4E83-9615-DB14FA25AF8A}" dt="2023-10-12T11:38:20.867" v="298"/>
          <ac:spMkLst>
            <pc:docMk/>
            <pc:sldMk cId="2376958513" sldId="260"/>
            <ac:spMk id="10521" creationId="{8EB68155-557A-986E-514F-431F0714B9EE}"/>
          </ac:spMkLst>
        </pc:spChg>
        <pc:spChg chg="mod">
          <ac:chgData name="White, Alex" userId="eff6cc8c-37d8-483b-9c6c-6b27e9afa9bc" providerId="ADAL" clId="{BF04C754-5BF4-4E83-9615-DB14FA25AF8A}" dt="2023-10-12T11:38:20.867" v="298"/>
          <ac:spMkLst>
            <pc:docMk/>
            <pc:sldMk cId="2376958513" sldId="260"/>
            <ac:spMk id="10522" creationId="{B47FF6D6-6E29-9C74-AFF6-4F331DDE6AD7}"/>
          </ac:spMkLst>
        </pc:spChg>
        <pc:spChg chg="mod">
          <ac:chgData name="White, Alex" userId="eff6cc8c-37d8-483b-9c6c-6b27e9afa9bc" providerId="ADAL" clId="{BF04C754-5BF4-4E83-9615-DB14FA25AF8A}" dt="2023-10-12T11:38:20.867" v="298"/>
          <ac:spMkLst>
            <pc:docMk/>
            <pc:sldMk cId="2376958513" sldId="260"/>
            <ac:spMk id="10523" creationId="{B5EF37F1-7909-F539-CC6E-8860DCF751C2}"/>
          </ac:spMkLst>
        </pc:spChg>
        <pc:spChg chg="mod">
          <ac:chgData name="White, Alex" userId="eff6cc8c-37d8-483b-9c6c-6b27e9afa9bc" providerId="ADAL" clId="{BF04C754-5BF4-4E83-9615-DB14FA25AF8A}" dt="2023-10-12T11:38:20.867" v="298"/>
          <ac:spMkLst>
            <pc:docMk/>
            <pc:sldMk cId="2376958513" sldId="260"/>
            <ac:spMk id="10524" creationId="{98F37A80-B1E6-AF1D-35E2-4E1F79CAF1C5}"/>
          </ac:spMkLst>
        </pc:spChg>
        <pc:spChg chg="mod">
          <ac:chgData name="White, Alex" userId="eff6cc8c-37d8-483b-9c6c-6b27e9afa9bc" providerId="ADAL" clId="{BF04C754-5BF4-4E83-9615-DB14FA25AF8A}" dt="2023-10-12T11:38:20.867" v="298"/>
          <ac:spMkLst>
            <pc:docMk/>
            <pc:sldMk cId="2376958513" sldId="260"/>
            <ac:spMk id="10525" creationId="{2FCBCB98-4936-BD76-C784-C51FF689459B}"/>
          </ac:spMkLst>
        </pc:spChg>
        <pc:spChg chg="mod">
          <ac:chgData name="White, Alex" userId="eff6cc8c-37d8-483b-9c6c-6b27e9afa9bc" providerId="ADAL" clId="{BF04C754-5BF4-4E83-9615-DB14FA25AF8A}" dt="2023-10-12T11:38:20.867" v="298"/>
          <ac:spMkLst>
            <pc:docMk/>
            <pc:sldMk cId="2376958513" sldId="260"/>
            <ac:spMk id="10526" creationId="{856C1409-C8E2-B3C1-C5AC-2CB47D5C9B1A}"/>
          </ac:spMkLst>
        </pc:spChg>
        <pc:spChg chg="mod">
          <ac:chgData name="White, Alex" userId="eff6cc8c-37d8-483b-9c6c-6b27e9afa9bc" providerId="ADAL" clId="{BF04C754-5BF4-4E83-9615-DB14FA25AF8A}" dt="2023-10-12T11:38:20.867" v="298"/>
          <ac:spMkLst>
            <pc:docMk/>
            <pc:sldMk cId="2376958513" sldId="260"/>
            <ac:spMk id="10527" creationId="{DC534396-91BF-7075-4F51-226DFFA7C322}"/>
          </ac:spMkLst>
        </pc:spChg>
        <pc:spChg chg="mod">
          <ac:chgData name="White, Alex" userId="eff6cc8c-37d8-483b-9c6c-6b27e9afa9bc" providerId="ADAL" clId="{BF04C754-5BF4-4E83-9615-DB14FA25AF8A}" dt="2023-10-12T11:38:20.867" v="298"/>
          <ac:spMkLst>
            <pc:docMk/>
            <pc:sldMk cId="2376958513" sldId="260"/>
            <ac:spMk id="10528" creationId="{0B605E3A-5C2F-D7CF-FE03-339BFA77972D}"/>
          </ac:spMkLst>
        </pc:spChg>
        <pc:spChg chg="mod">
          <ac:chgData name="White, Alex" userId="eff6cc8c-37d8-483b-9c6c-6b27e9afa9bc" providerId="ADAL" clId="{BF04C754-5BF4-4E83-9615-DB14FA25AF8A}" dt="2023-10-12T11:38:20.867" v="298"/>
          <ac:spMkLst>
            <pc:docMk/>
            <pc:sldMk cId="2376958513" sldId="260"/>
            <ac:spMk id="10529" creationId="{8536017D-F4F2-005F-B742-CC06FEB9A20C}"/>
          </ac:spMkLst>
        </pc:spChg>
        <pc:spChg chg="mod">
          <ac:chgData name="White, Alex" userId="eff6cc8c-37d8-483b-9c6c-6b27e9afa9bc" providerId="ADAL" clId="{BF04C754-5BF4-4E83-9615-DB14FA25AF8A}" dt="2023-10-12T11:38:20.867" v="298"/>
          <ac:spMkLst>
            <pc:docMk/>
            <pc:sldMk cId="2376958513" sldId="260"/>
            <ac:spMk id="10530" creationId="{8E204DAD-3F22-40C5-F6D1-BCAA1DB65AA4}"/>
          </ac:spMkLst>
        </pc:spChg>
        <pc:spChg chg="mod">
          <ac:chgData name="White, Alex" userId="eff6cc8c-37d8-483b-9c6c-6b27e9afa9bc" providerId="ADAL" clId="{BF04C754-5BF4-4E83-9615-DB14FA25AF8A}" dt="2023-10-12T11:38:20.867" v="298"/>
          <ac:spMkLst>
            <pc:docMk/>
            <pc:sldMk cId="2376958513" sldId="260"/>
            <ac:spMk id="10531" creationId="{A594B7E4-70BC-F98C-8B6F-BC24A10632E2}"/>
          </ac:spMkLst>
        </pc:spChg>
        <pc:spChg chg="mod">
          <ac:chgData name="White, Alex" userId="eff6cc8c-37d8-483b-9c6c-6b27e9afa9bc" providerId="ADAL" clId="{BF04C754-5BF4-4E83-9615-DB14FA25AF8A}" dt="2023-10-12T11:38:20.867" v="298"/>
          <ac:spMkLst>
            <pc:docMk/>
            <pc:sldMk cId="2376958513" sldId="260"/>
            <ac:spMk id="10532" creationId="{38EF35AE-0AD8-0A12-88FE-F5E434537AA5}"/>
          </ac:spMkLst>
        </pc:spChg>
        <pc:spChg chg="mod">
          <ac:chgData name="White, Alex" userId="eff6cc8c-37d8-483b-9c6c-6b27e9afa9bc" providerId="ADAL" clId="{BF04C754-5BF4-4E83-9615-DB14FA25AF8A}" dt="2023-10-12T11:38:20.867" v="298"/>
          <ac:spMkLst>
            <pc:docMk/>
            <pc:sldMk cId="2376958513" sldId="260"/>
            <ac:spMk id="10533" creationId="{AFA4F70C-34E1-0686-BFC8-423AA817CF77}"/>
          </ac:spMkLst>
        </pc:spChg>
        <pc:spChg chg="mod">
          <ac:chgData name="White, Alex" userId="eff6cc8c-37d8-483b-9c6c-6b27e9afa9bc" providerId="ADAL" clId="{BF04C754-5BF4-4E83-9615-DB14FA25AF8A}" dt="2023-10-12T11:38:20.867" v="298"/>
          <ac:spMkLst>
            <pc:docMk/>
            <pc:sldMk cId="2376958513" sldId="260"/>
            <ac:spMk id="10534" creationId="{0EA12EEA-90AC-89D3-E2FE-E0C18762617B}"/>
          </ac:spMkLst>
        </pc:spChg>
        <pc:spChg chg="mod">
          <ac:chgData name="White, Alex" userId="eff6cc8c-37d8-483b-9c6c-6b27e9afa9bc" providerId="ADAL" clId="{BF04C754-5BF4-4E83-9615-DB14FA25AF8A}" dt="2023-10-12T11:38:20.867" v="298"/>
          <ac:spMkLst>
            <pc:docMk/>
            <pc:sldMk cId="2376958513" sldId="260"/>
            <ac:spMk id="10535" creationId="{6C2F207B-3F07-D630-A3AD-FC2180981DF3}"/>
          </ac:spMkLst>
        </pc:spChg>
        <pc:spChg chg="mod">
          <ac:chgData name="White, Alex" userId="eff6cc8c-37d8-483b-9c6c-6b27e9afa9bc" providerId="ADAL" clId="{BF04C754-5BF4-4E83-9615-DB14FA25AF8A}" dt="2023-10-12T11:38:20.867" v="298"/>
          <ac:spMkLst>
            <pc:docMk/>
            <pc:sldMk cId="2376958513" sldId="260"/>
            <ac:spMk id="10536" creationId="{51DCCAAC-903B-D13F-121C-62BC34C99BEF}"/>
          </ac:spMkLst>
        </pc:spChg>
        <pc:spChg chg="mod">
          <ac:chgData name="White, Alex" userId="eff6cc8c-37d8-483b-9c6c-6b27e9afa9bc" providerId="ADAL" clId="{BF04C754-5BF4-4E83-9615-DB14FA25AF8A}" dt="2023-10-12T11:38:20.867" v="298"/>
          <ac:spMkLst>
            <pc:docMk/>
            <pc:sldMk cId="2376958513" sldId="260"/>
            <ac:spMk id="10537" creationId="{E25FB95C-D080-50F9-7CF0-B71B16F9CC12}"/>
          </ac:spMkLst>
        </pc:spChg>
        <pc:spChg chg="mod">
          <ac:chgData name="White, Alex" userId="eff6cc8c-37d8-483b-9c6c-6b27e9afa9bc" providerId="ADAL" clId="{BF04C754-5BF4-4E83-9615-DB14FA25AF8A}" dt="2023-10-12T11:38:20.867" v="298"/>
          <ac:spMkLst>
            <pc:docMk/>
            <pc:sldMk cId="2376958513" sldId="260"/>
            <ac:spMk id="10538" creationId="{792FCC03-3F57-21CC-D504-C45F173C68B0}"/>
          </ac:spMkLst>
        </pc:spChg>
        <pc:spChg chg="mod">
          <ac:chgData name="White, Alex" userId="eff6cc8c-37d8-483b-9c6c-6b27e9afa9bc" providerId="ADAL" clId="{BF04C754-5BF4-4E83-9615-DB14FA25AF8A}" dt="2023-10-12T11:38:20.867" v="298"/>
          <ac:spMkLst>
            <pc:docMk/>
            <pc:sldMk cId="2376958513" sldId="260"/>
            <ac:spMk id="10539" creationId="{196C10F7-A148-32E9-8FDE-0D9505DCE706}"/>
          </ac:spMkLst>
        </pc:spChg>
        <pc:spChg chg="mod">
          <ac:chgData name="White, Alex" userId="eff6cc8c-37d8-483b-9c6c-6b27e9afa9bc" providerId="ADAL" clId="{BF04C754-5BF4-4E83-9615-DB14FA25AF8A}" dt="2023-10-12T11:38:20.867" v="298"/>
          <ac:spMkLst>
            <pc:docMk/>
            <pc:sldMk cId="2376958513" sldId="260"/>
            <ac:spMk id="10540" creationId="{56BBBDF5-E944-3023-DEBF-58F591A4F26C}"/>
          </ac:spMkLst>
        </pc:spChg>
        <pc:spChg chg="mod">
          <ac:chgData name="White, Alex" userId="eff6cc8c-37d8-483b-9c6c-6b27e9afa9bc" providerId="ADAL" clId="{BF04C754-5BF4-4E83-9615-DB14FA25AF8A}" dt="2023-10-12T11:38:20.867" v="298"/>
          <ac:spMkLst>
            <pc:docMk/>
            <pc:sldMk cId="2376958513" sldId="260"/>
            <ac:spMk id="10541" creationId="{98E94957-8977-BCA6-1FD0-78C21896A790}"/>
          </ac:spMkLst>
        </pc:spChg>
        <pc:spChg chg="mod">
          <ac:chgData name="White, Alex" userId="eff6cc8c-37d8-483b-9c6c-6b27e9afa9bc" providerId="ADAL" clId="{BF04C754-5BF4-4E83-9615-DB14FA25AF8A}" dt="2023-10-12T11:38:20.867" v="298"/>
          <ac:spMkLst>
            <pc:docMk/>
            <pc:sldMk cId="2376958513" sldId="260"/>
            <ac:spMk id="10542" creationId="{EEB9C72B-6B77-92BF-7E35-A28F9027EF39}"/>
          </ac:spMkLst>
        </pc:spChg>
        <pc:spChg chg="mod">
          <ac:chgData name="White, Alex" userId="eff6cc8c-37d8-483b-9c6c-6b27e9afa9bc" providerId="ADAL" clId="{BF04C754-5BF4-4E83-9615-DB14FA25AF8A}" dt="2023-10-12T11:38:20.867" v="298"/>
          <ac:spMkLst>
            <pc:docMk/>
            <pc:sldMk cId="2376958513" sldId="260"/>
            <ac:spMk id="10543" creationId="{F8560E4F-A79A-54D2-5099-F4FE58A53D26}"/>
          </ac:spMkLst>
        </pc:spChg>
        <pc:spChg chg="mod">
          <ac:chgData name="White, Alex" userId="eff6cc8c-37d8-483b-9c6c-6b27e9afa9bc" providerId="ADAL" clId="{BF04C754-5BF4-4E83-9615-DB14FA25AF8A}" dt="2023-10-12T11:38:20.867" v="298"/>
          <ac:spMkLst>
            <pc:docMk/>
            <pc:sldMk cId="2376958513" sldId="260"/>
            <ac:spMk id="10544" creationId="{48A5BEC0-0A23-4482-9B4C-6B2A97DB842B}"/>
          </ac:spMkLst>
        </pc:spChg>
        <pc:spChg chg="mod">
          <ac:chgData name="White, Alex" userId="eff6cc8c-37d8-483b-9c6c-6b27e9afa9bc" providerId="ADAL" clId="{BF04C754-5BF4-4E83-9615-DB14FA25AF8A}" dt="2023-10-12T11:38:20.867" v="298"/>
          <ac:spMkLst>
            <pc:docMk/>
            <pc:sldMk cId="2376958513" sldId="260"/>
            <ac:spMk id="10545" creationId="{7BF3C9BC-33D6-0D8A-B0DA-6577F77FFE0C}"/>
          </ac:spMkLst>
        </pc:spChg>
        <pc:spChg chg="mod">
          <ac:chgData name="White, Alex" userId="eff6cc8c-37d8-483b-9c6c-6b27e9afa9bc" providerId="ADAL" clId="{BF04C754-5BF4-4E83-9615-DB14FA25AF8A}" dt="2023-10-12T11:38:20.867" v="298"/>
          <ac:spMkLst>
            <pc:docMk/>
            <pc:sldMk cId="2376958513" sldId="260"/>
            <ac:spMk id="10546" creationId="{4FF8D066-21E4-596D-071A-DBA626A83B57}"/>
          </ac:spMkLst>
        </pc:spChg>
        <pc:spChg chg="mod">
          <ac:chgData name="White, Alex" userId="eff6cc8c-37d8-483b-9c6c-6b27e9afa9bc" providerId="ADAL" clId="{BF04C754-5BF4-4E83-9615-DB14FA25AF8A}" dt="2023-10-12T11:38:20.867" v="298"/>
          <ac:spMkLst>
            <pc:docMk/>
            <pc:sldMk cId="2376958513" sldId="260"/>
            <ac:spMk id="10547" creationId="{22A5A75E-A7A6-D041-2EED-3506A66A66DE}"/>
          </ac:spMkLst>
        </pc:spChg>
        <pc:spChg chg="mod">
          <ac:chgData name="White, Alex" userId="eff6cc8c-37d8-483b-9c6c-6b27e9afa9bc" providerId="ADAL" clId="{BF04C754-5BF4-4E83-9615-DB14FA25AF8A}" dt="2023-10-12T11:38:20.867" v="298"/>
          <ac:spMkLst>
            <pc:docMk/>
            <pc:sldMk cId="2376958513" sldId="260"/>
            <ac:spMk id="10548" creationId="{5D30A892-D7CF-2ACF-64CD-23BB823A9890}"/>
          </ac:spMkLst>
        </pc:spChg>
        <pc:spChg chg="mod">
          <ac:chgData name="White, Alex" userId="eff6cc8c-37d8-483b-9c6c-6b27e9afa9bc" providerId="ADAL" clId="{BF04C754-5BF4-4E83-9615-DB14FA25AF8A}" dt="2023-10-12T11:38:20.867" v="298"/>
          <ac:spMkLst>
            <pc:docMk/>
            <pc:sldMk cId="2376958513" sldId="260"/>
            <ac:spMk id="10549" creationId="{B164AB80-8FFA-FD70-2C20-97C18A8C4B6A}"/>
          </ac:spMkLst>
        </pc:spChg>
        <pc:spChg chg="mod">
          <ac:chgData name="White, Alex" userId="eff6cc8c-37d8-483b-9c6c-6b27e9afa9bc" providerId="ADAL" clId="{BF04C754-5BF4-4E83-9615-DB14FA25AF8A}" dt="2023-10-12T11:38:20.867" v="298"/>
          <ac:spMkLst>
            <pc:docMk/>
            <pc:sldMk cId="2376958513" sldId="260"/>
            <ac:spMk id="10550" creationId="{6727C924-8EB5-C611-6A73-7E939CD2CFB6}"/>
          </ac:spMkLst>
        </pc:spChg>
        <pc:spChg chg="mod">
          <ac:chgData name="White, Alex" userId="eff6cc8c-37d8-483b-9c6c-6b27e9afa9bc" providerId="ADAL" clId="{BF04C754-5BF4-4E83-9615-DB14FA25AF8A}" dt="2023-10-12T11:38:20.867" v="298"/>
          <ac:spMkLst>
            <pc:docMk/>
            <pc:sldMk cId="2376958513" sldId="260"/>
            <ac:spMk id="10551" creationId="{DC0AE15E-20AF-4684-3A70-29FE1F05340E}"/>
          </ac:spMkLst>
        </pc:spChg>
        <pc:spChg chg="mod">
          <ac:chgData name="White, Alex" userId="eff6cc8c-37d8-483b-9c6c-6b27e9afa9bc" providerId="ADAL" clId="{BF04C754-5BF4-4E83-9615-DB14FA25AF8A}" dt="2023-10-12T11:38:20.867" v="298"/>
          <ac:spMkLst>
            <pc:docMk/>
            <pc:sldMk cId="2376958513" sldId="260"/>
            <ac:spMk id="10552" creationId="{6DC380C5-FC11-3D95-6B8C-6999390FE8EB}"/>
          </ac:spMkLst>
        </pc:spChg>
        <pc:spChg chg="mod">
          <ac:chgData name="White, Alex" userId="eff6cc8c-37d8-483b-9c6c-6b27e9afa9bc" providerId="ADAL" clId="{BF04C754-5BF4-4E83-9615-DB14FA25AF8A}" dt="2023-10-12T11:38:20.867" v="298"/>
          <ac:spMkLst>
            <pc:docMk/>
            <pc:sldMk cId="2376958513" sldId="260"/>
            <ac:spMk id="10553" creationId="{A744F235-1255-FBCB-353A-5C5F8A8DAFE6}"/>
          </ac:spMkLst>
        </pc:spChg>
        <pc:spChg chg="mod">
          <ac:chgData name="White, Alex" userId="eff6cc8c-37d8-483b-9c6c-6b27e9afa9bc" providerId="ADAL" clId="{BF04C754-5BF4-4E83-9615-DB14FA25AF8A}" dt="2023-10-12T11:38:20.867" v="298"/>
          <ac:spMkLst>
            <pc:docMk/>
            <pc:sldMk cId="2376958513" sldId="260"/>
            <ac:spMk id="10554" creationId="{239C05E9-003E-5C0A-8421-018AAD74FA40}"/>
          </ac:spMkLst>
        </pc:spChg>
        <pc:spChg chg="mod">
          <ac:chgData name="White, Alex" userId="eff6cc8c-37d8-483b-9c6c-6b27e9afa9bc" providerId="ADAL" clId="{BF04C754-5BF4-4E83-9615-DB14FA25AF8A}" dt="2023-10-12T11:38:20.867" v="298"/>
          <ac:spMkLst>
            <pc:docMk/>
            <pc:sldMk cId="2376958513" sldId="260"/>
            <ac:spMk id="10555" creationId="{540C0305-796A-3738-37BB-4A93F3FFD10D}"/>
          </ac:spMkLst>
        </pc:spChg>
        <pc:spChg chg="mod">
          <ac:chgData name="White, Alex" userId="eff6cc8c-37d8-483b-9c6c-6b27e9afa9bc" providerId="ADAL" clId="{BF04C754-5BF4-4E83-9615-DB14FA25AF8A}" dt="2023-10-12T11:38:20.867" v="298"/>
          <ac:spMkLst>
            <pc:docMk/>
            <pc:sldMk cId="2376958513" sldId="260"/>
            <ac:spMk id="10556" creationId="{F6A91969-9B4A-4D74-531A-D53F3D81DCCD}"/>
          </ac:spMkLst>
        </pc:spChg>
        <pc:spChg chg="mod">
          <ac:chgData name="White, Alex" userId="eff6cc8c-37d8-483b-9c6c-6b27e9afa9bc" providerId="ADAL" clId="{BF04C754-5BF4-4E83-9615-DB14FA25AF8A}" dt="2023-10-12T11:38:20.867" v="298"/>
          <ac:spMkLst>
            <pc:docMk/>
            <pc:sldMk cId="2376958513" sldId="260"/>
            <ac:spMk id="10557" creationId="{E0D13790-003D-A6AC-1AA3-19BA3EF00C04}"/>
          </ac:spMkLst>
        </pc:spChg>
        <pc:spChg chg="mod">
          <ac:chgData name="White, Alex" userId="eff6cc8c-37d8-483b-9c6c-6b27e9afa9bc" providerId="ADAL" clId="{BF04C754-5BF4-4E83-9615-DB14FA25AF8A}" dt="2023-10-12T11:38:20.867" v="298"/>
          <ac:spMkLst>
            <pc:docMk/>
            <pc:sldMk cId="2376958513" sldId="260"/>
            <ac:spMk id="10558" creationId="{5C8882D1-9740-283B-6677-9322EF39429C}"/>
          </ac:spMkLst>
        </pc:spChg>
        <pc:spChg chg="mod">
          <ac:chgData name="White, Alex" userId="eff6cc8c-37d8-483b-9c6c-6b27e9afa9bc" providerId="ADAL" clId="{BF04C754-5BF4-4E83-9615-DB14FA25AF8A}" dt="2023-10-12T11:38:20.867" v="298"/>
          <ac:spMkLst>
            <pc:docMk/>
            <pc:sldMk cId="2376958513" sldId="260"/>
            <ac:spMk id="10559" creationId="{CE51C63A-BD09-AB70-88DE-82191DB8235B}"/>
          </ac:spMkLst>
        </pc:spChg>
        <pc:spChg chg="mod">
          <ac:chgData name="White, Alex" userId="eff6cc8c-37d8-483b-9c6c-6b27e9afa9bc" providerId="ADAL" clId="{BF04C754-5BF4-4E83-9615-DB14FA25AF8A}" dt="2023-10-12T11:38:20.867" v="298"/>
          <ac:spMkLst>
            <pc:docMk/>
            <pc:sldMk cId="2376958513" sldId="260"/>
            <ac:spMk id="10560" creationId="{4D9AD0CC-54B6-B07A-DF18-10A9BA45BA6D}"/>
          </ac:spMkLst>
        </pc:spChg>
        <pc:spChg chg="mod">
          <ac:chgData name="White, Alex" userId="eff6cc8c-37d8-483b-9c6c-6b27e9afa9bc" providerId="ADAL" clId="{BF04C754-5BF4-4E83-9615-DB14FA25AF8A}" dt="2023-10-12T11:38:20.867" v="298"/>
          <ac:spMkLst>
            <pc:docMk/>
            <pc:sldMk cId="2376958513" sldId="260"/>
            <ac:spMk id="10561" creationId="{CB389E24-BBBC-F5BC-10C3-61A6D00A8487}"/>
          </ac:spMkLst>
        </pc:spChg>
        <pc:spChg chg="mod">
          <ac:chgData name="White, Alex" userId="eff6cc8c-37d8-483b-9c6c-6b27e9afa9bc" providerId="ADAL" clId="{BF04C754-5BF4-4E83-9615-DB14FA25AF8A}" dt="2023-10-12T11:38:20.867" v="298"/>
          <ac:spMkLst>
            <pc:docMk/>
            <pc:sldMk cId="2376958513" sldId="260"/>
            <ac:spMk id="10562" creationId="{B5257720-7B3E-9515-9FAB-214934D55DB0}"/>
          </ac:spMkLst>
        </pc:spChg>
        <pc:spChg chg="mod">
          <ac:chgData name="White, Alex" userId="eff6cc8c-37d8-483b-9c6c-6b27e9afa9bc" providerId="ADAL" clId="{BF04C754-5BF4-4E83-9615-DB14FA25AF8A}" dt="2023-10-12T11:38:20.867" v="298"/>
          <ac:spMkLst>
            <pc:docMk/>
            <pc:sldMk cId="2376958513" sldId="260"/>
            <ac:spMk id="10563" creationId="{07291415-0CFF-8A44-86C4-D0513B50A556}"/>
          </ac:spMkLst>
        </pc:spChg>
        <pc:spChg chg="mod">
          <ac:chgData name="White, Alex" userId="eff6cc8c-37d8-483b-9c6c-6b27e9afa9bc" providerId="ADAL" clId="{BF04C754-5BF4-4E83-9615-DB14FA25AF8A}" dt="2023-10-12T11:38:20.867" v="298"/>
          <ac:spMkLst>
            <pc:docMk/>
            <pc:sldMk cId="2376958513" sldId="260"/>
            <ac:spMk id="10564" creationId="{E3C39A10-F26B-6E47-3ABD-A02C76DD9193}"/>
          </ac:spMkLst>
        </pc:spChg>
        <pc:spChg chg="mod">
          <ac:chgData name="White, Alex" userId="eff6cc8c-37d8-483b-9c6c-6b27e9afa9bc" providerId="ADAL" clId="{BF04C754-5BF4-4E83-9615-DB14FA25AF8A}" dt="2023-10-12T11:38:20.867" v="298"/>
          <ac:spMkLst>
            <pc:docMk/>
            <pc:sldMk cId="2376958513" sldId="260"/>
            <ac:spMk id="10565" creationId="{26A1BBB9-2663-F708-1E63-4AF8CE3DCACA}"/>
          </ac:spMkLst>
        </pc:spChg>
        <pc:spChg chg="mod">
          <ac:chgData name="White, Alex" userId="eff6cc8c-37d8-483b-9c6c-6b27e9afa9bc" providerId="ADAL" clId="{BF04C754-5BF4-4E83-9615-DB14FA25AF8A}" dt="2023-10-12T11:38:20.867" v="298"/>
          <ac:spMkLst>
            <pc:docMk/>
            <pc:sldMk cId="2376958513" sldId="260"/>
            <ac:spMk id="10566" creationId="{02BBEDF0-487C-D4EF-A930-518D076B3B43}"/>
          </ac:spMkLst>
        </pc:spChg>
        <pc:spChg chg="mod">
          <ac:chgData name="White, Alex" userId="eff6cc8c-37d8-483b-9c6c-6b27e9afa9bc" providerId="ADAL" clId="{BF04C754-5BF4-4E83-9615-DB14FA25AF8A}" dt="2023-10-12T11:38:20.867" v="298"/>
          <ac:spMkLst>
            <pc:docMk/>
            <pc:sldMk cId="2376958513" sldId="260"/>
            <ac:spMk id="10567" creationId="{ED09A3EB-CB1A-9629-0CB7-779F2EAD2F1E}"/>
          </ac:spMkLst>
        </pc:spChg>
        <pc:spChg chg="mod">
          <ac:chgData name="White, Alex" userId="eff6cc8c-37d8-483b-9c6c-6b27e9afa9bc" providerId="ADAL" clId="{BF04C754-5BF4-4E83-9615-DB14FA25AF8A}" dt="2023-10-12T11:38:20.867" v="298"/>
          <ac:spMkLst>
            <pc:docMk/>
            <pc:sldMk cId="2376958513" sldId="260"/>
            <ac:spMk id="10568" creationId="{08950036-801B-4CCF-4023-9AA404529B13}"/>
          </ac:spMkLst>
        </pc:spChg>
        <pc:spChg chg="mod">
          <ac:chgData name="White, Alex" userId="eff6cc8c-37d8-483b-9c6c-6b27e9afa9bc" providerId="ADAL" clId="{BF04C754-5BF4-4E83-9615-DB14FA25AF8A}" dt="2023-10-12T11:38:20.867" v="298"/>
          <ac:spMkLst>
            <pc:docMk/>
            <pc:sldMk cId="2376958513" sldId="260"/>
            <ac:spMk id="10569" creationId="{3CE665B5-E4CF-98E6-2ABC-D4054177BC10}"/>
          </ac:spMkLst>
        </pc:spChg>
        <pc:spChg chg="mod">
          <ac:chgData name="White, Alex" userId="eff6cc8c-37d8-483b-9c6c-6b27e9afa9bc" providerId="ADAL" clId="{BF04C754-5BF4-4E83-9615-DB14FA25AF8A}" dt="2023-10-12T11:38:20.867" v="298"/>
          <ac:spMkLst>
            <pc:docMk/>
            <pc:sldMk cId="2376958513" sldId="260"/>
            <ac:spMk id="10570" creationId="{8FB43BAD-64CC-AF3E-E9FE-0B158677AD1E}"/>
          </ac:spMkLst>
        </pc:spChg>
        <pc:spChg chg="mod">
          <ac:chgData name="White, Alex" userId="eff6cc8c-37d8-483b-9c6c-6b27e9afa9bc" providerId="ADAL" clId="{BF04C754-5BF4-4E83-9615-DB14FA25AF8A}" dt="2023-10-12T11:38:20.867" v="298"/>
          <ac:spMkLst>
            <pc:docMk/>
            <pc:sldMk cId="2376958513" sldId="260"/>
            <ac:spMk id="10571" creationId="{5621E393-61DD-5FB4-A9BF-F48084B84064}"/>
          </ac:spMkLst>
        </pc:spChg>
        <pc:spChg chg="mod">
          <ac:chgData name="White, Alex" userId="eff6cc8c-37d8-483b-9c6c-6b27e9afa9bc" providerId="ADAL" clId="{BF04C754-5BF4-4E83-9615-DB14FA25AF8A}" dt="2023-10-12T11:38:20.867" v="298"/>
          <ac:spMkLst>
            <pc:docMk/>
            <pc:sldMk cId="2376958513" sldId="260"/>
            <ac:spMk id="10572" creationId="{39AB70AF-A6FF-6764-ABD5-85C6AEDF15F9}"/>
          </ac:spMkLst>
        </pc:spChg>
        <pc:spChg chg="mod">
          <ac:chgData name="White, Alex" userId="eff6cc8c-37d8-483b-9c6c-6b27e9afa9bc" providerId="ADAL" clId="{BF04C754-5BF4-4E83-9615-DB14FA25AF8A}" dt="2023-10-12T11:38:20.867" v="298"/>
          <ac:spMkLst>
            <pc:docMk/>
            <pc:sldMk cId="2376958513" sldId="260"/>
            <ac:spMk id="10573" creationId="{966B2475-E471-1E56-E4FF-4F1B3C190B01}"/>
          </ac:spMkLst>
        </pc:spChg>
        <pc:spChg chg="mod">
          <ac:chgData name="White, Alex" userId="eff6cc8c-37d8-483b-9c6c-6b27e9afa9bc" providerId="ADAL" clId="{BF04C754-5BF4-4E83-9615-DB14FA25AF8A}" dt="2023-10-12T11:38:20.867" v="298"/>
          <ac:spMkLst>
            <pc:docMk/>
            <pc:sldMk cId="2376958513" sldId="260"/>
            <ac:spMk id="10574" creationId="{84D4E957-9A6B-33FA-E61A-B0E550543897}"/>
          </ac:spMkLst>
        </pc:spChg>
        <pc:spChg chg="mod">
          <ac:chgData name="White, Alex" userId="eff6cc8c-37d8-483b-9c6c-6b27e9afa9bc" providerId="ADAL" clId="{BF04C754-5BF4-4E83-9615-DB14FA25AF8A}" dt="2023-10-12T11:38:20.867" v="298"/>
          <ac:spMkLst>
            <pc:docMk/>
            <pc:sldMk cId="2376958513" sldId="260"/>
            <ac:spMk id="10575" creationId="{813897A2-C4F2-F00F-55ED-7706C10992A7}"/>
          </ac:spMkLst>
        </pc:spChg>
        <pc:spChg chg="mod">
          <ac:chgData name="White, Alex" userId="eff6cc8c-37d8-483b-9c6c-6b27e9afa9bc" providerId="ADAL" clId="{BF04C754-5BF4-4E83-9615-DB14FA25AF8A}" dt="2023-10-12T11:38:20.867" v="298"/>
          <ac:spMkLst>
            <pc:docMk/>
            <pc:sldMk cId="2376958513" sldId="260"/>
            <ac:spMk id="10576" creationId="{9D363AFE-3384-B8EF-2CCC-BACDCB9FE993}"/>
          </ac:spMkLst>
        </pc:spChg>
        <pc:spChg chg="mod">
          <ac:chgData name="White, Alex" userId="eff6cc8c-37d8-483b-9c6c-6b27e9afa9bc" providerId="ADAL" clId="{BF04C754-5BF4-4E83-9615-DB14FA25AF8A}" dt="2023-10-12T11:38:20.867" v="298"/>
          <ac:spMkLst>
            <pc:docMk/>
            <pc:sldMk cId="2376958513" sldId="260"/>
            <ac:spMk id="10577" creationId="{DCE4C816-B823-1970-33E2-0BBE7E4FC414}"/>
          </ac:spMkLst>
        </pc:spChg>
        <pc:spChg chg="mod">
          <ac:chgData name="White, Alex" userId="eff6cc8c-37d8-483b-9c6c-6b27e9afa9bc" providerId="ADAL" clId="{BF04C754-5BF4-4E83-9615-DB14FA25AF8A}" dt="2023-10-12T11:38:20.867" v="298"/>
          <ac:spMkLst>
            <pc:docMk/>
            <pc:sldMk cId="2376958513" sldId="260"/>
            <ac:spMk id="10578" creationId="{451B9334-5AE2-676C-E576-F2C597E72996}"/>
          </ac:spMkLst>
        </pc:spChg>
        <pc:spChg chg="mod">
          <ac:chgData name="White, Alex" userId="eff6cc8c-37d8-483b-9c6c-6b27e9afa9bc" providerId="ADAL" clId="{BF04C754-5BF4-4E83-9615-DB14FA25AF8A}" dt="2023-10-12T11:38:20.867" v="298"/>
          <ac:spMkLst>
            <pc:docMk/>
            <pc:sldMk cId="2376958513" sldId="260"/>
            <ac:spMk id="10579" creationId="{77E7E3A3-C472-70D8-9792-6DEB72EFB950}"/>
          </ac:spMkLst>
        </pc:spChg>
        <pc:spChg chg="mod">
          <ac:chgData name="White, Alex" userId="eff6cc8c-37d8-483b-9c6c-6b27e9afa9bc" providerId="ADAL" clId="{BF04C754-5BF4-4E83-9615-DB14FA25AF8A}" dt="2023-10-12T11:38:20.867" v="298"/>
          <ac:spMkLst>
            <pc:docMk/>
            <pc:sldMk cId="2376958513" sldId="260"/>
            <ac:spMk id="10580" creationId="{09604081-C7B8-98A2-E3A1-2D0ADD361C20}"/>
          </ac:spMkLst>
        </pc:spChg>
        <pc:spChg chg="mod">
          <ac:chgData name="White, Alex" userId="eff6cc8c-37d8-483b-9c6c-6b27e9afa9bc" providerId="ADAL" clId="{BF04C754-5BF4-4E83-9615-DB14FA25AF8A}" dt="2023-10-12T11:38:20.867" v="298"/>
          <ac:spMkLst>
            <pc:docMk/>
            <pc:sldMk cId="2376958513" sldId="260"/>
            <ac:spMk id="10581" creationId="{310CDE81-454A-FF31-33ED-7478C18BD633}"/>
          </ac:spMkLst>
        </pc:spChg>
        <pc:spChg chg="mod">
          <ac:chgData name="White, Alex" userId="eff6cc8c-37d8-483b-9c6c-6b27e9afa9bc" providerId="ADAL" clId="{BF04C754-5BF4-4E83-9615-DB14FA25AF8A}" dt="2023-10-12T11:38:20.867" v="298"/>
          <ac:spMkLst>
            <pc:docMk/>
            <pc:sldMk cId="2376958513" sldId="260"/>
            <ac:spMk id="10582" creationId="{6BA9073D-AEFA-733B-268D-479112936914}"/>
          </ac:spMkLst>
        </pc:spChg>
        <pc:spChg chg="mod">
          <ac:chgData name="White, Alex" userId="eff6cc8c-37d8-483b-9c6c-6b27e9afa9bc" providerId="ADAL" clId="{BF04C754-5BF4-4E83-9615-DB14FA25AF8A}" dt="2023-10-12T11:38:20.867" v="298"/>
          <ac:spMkLst>
            <pc:docMk/>
            <pc:sldMk cId="2376958513" sldId="260"/>
            <ac:spMk id="10583" creationId="{9FB62CA2-1CA6-8EED-80BA-8E7F8815297C}"/>
          </ac:spMkLst>
        </pc:spChg>
        <pc:spChg chg="mod">
          <ac:chgData name="White, Alex" userId="eff6cc8c-37d8-483b-9c6c-6b27e9afa9bc" providerId="ADAL" clId="{BF04C754-5BF4-4E83-9615-DB14FA25AF8A}" dt="2023-10-12T11:38:20.867" v="298"/>
          <ac:spMkLst>
            <pc:docMk/>
            <pc:sldMk cId="2376958513" sldId="260"/>
            <ac:spMk id="10584" creationId="{F2441AC1-8D1F-B6D5-F4A4-DE63B316DD27}"/>
          </ac:spMkLst>
        </pc:spChg>
        <pc:spChg chg="mod">
          <ac:chgData name="White, Alex" userId="eff6cc8c-37d8-483b-9c6c-6b27e9afa9bc" providerId="ADAL" clId="{BF04C754-5BF4-4E83-9615-DB14FA25AF8A}" dt="2023-10-12T11:38:20.867" v="298"/>
          <ac:spMkLst>
            <pc:docMk/>
            <pc:sldMk cId="2376958513" sldId="260"/>
            <ac:spMk id="10585" creationId="{77ED79B5-6FC1-DDD6-DF54-22CC7E18958A}"/>
          </ac:spMkLst>
        </pc:spChg>
        <pc:spChg chg="mod">
          <ac:chgData name="White, Alex" userId="eff6cc8c-37d8-483b-9c6c-6b27e9afa9bc" providerId="ADAL" clId="{BF04C754-5BF4-4E83-9615-DB14FA25AF8A}" dt="2023-10-12T11:38:20.867" v="298"/>
          <ac:spMkLst>
            <pc:docMk/>
            <pc:sldMk cId="2376958513" sldId="260"/>
            <ac:spMk id="10586" creationId="{519D808D-D7F2-9745-5556-59E174CD46FC}"/>
          </ac:spMkLst>
        </pc:spChg>
        <pc:spChg chg="mod">
          <ac:chgData name="White, Alex" userId="eff6cc8c-37d8-483b-9c6c-6b27e9afa9bc" providerId="ADAL" clId="{BF04C754-5BF4-4E83-9615-DB14FA25AF8A}" dt="2023-10-12T11:38:20.867" v="298"/>
          <ac:spMkLst>
            <pc:docMk/>
            <pc:sldMk cId="2376958513" sldId="260"/>
            <ac:spMk id="10587" creationId="{747A3042-ABD8-CCCE-4748-6CFA8CE204E0}"/>
          </ac:spMkLst>
        </pc:spChg>
        <pc:spChg chg="mod">
          <ac:chgData name="White, Alex" userId="eff6cc8c-37d8-483b-9c6c-6b27e9afa9bc" providerId="ADAL" clId="{BF04C754-5BF4-4E83-9615-DB14FA25AF8A}" dt="2023-10-12T11:38:20.867" v="298"/>
          <ac:spMkLst>
            <pc:docMk/>
            <pc:sldMk cId="2376958513" sldId="260"/>
            <ac:spMk id="10588" creationId="{24B22E3A-511D-A526-1680-481F6652BA04}"/>
          </ac:spMkLst>
        </pc:spChg>
        <pc:spChg chg="mod">
          <ac:chgData name="White, Alex" userId="eff6cc8c-37d8-483b-9c6c-6b27e9afa9bc" providerId="ADAL" clId="{BF04C754-5BF4-4E83-9615-DB14FA25AF8A}" dt="2023-10-12T11:38:20.867" v="298"/>
          <ac:spMkLst>
            <pc:docMk/>
            <pc:sldMk cId="2376958513" sldId="260"/>
            <ac:spMk id="10589" creationId="{875F60FA-19C7-D50B-B0A7-C2BB7FBF5FE8}"/>
          </ac:spMkLst>
        </pc:spChg>
        <pc:spChg chg="mod">
          <ac:chgData name="White, Alex" userId="eff6cc8c-37d8-483b-9c6c-6b27e9afa9bc" providerId="ADAL" clId="{BF04C754-5BF4-4E83-9615-DB14FA25AF8A}" dt="2023-10-12T11:38:20.867" v="298"/>
          <ac:spMkLst>
            <pc:docMk/>
            <pc:sldMk cId="2376958513" sldId="260"/>
            <ac:spMk id="10590" creationId="{FE9D1A85-2F9B-DD56-B478-03AC815DB32A}"/>
          </ac:spMkLst>
        </pc:spChg>
        <pc:spChg chg="mod">
          <ac:chgData name="White, Alex" userId="eff6cc8c-37d8-483b-9c6c-6b27e9afa9bc" providerId="ADAL" clId="{BF04C754-5BF4-4E83-9615-DB14FA25AF8A}" dt="2023-10-12T11:38:20.867" v="298"/>
          <ac:spMkLst>
            <pc:docMk/>
            <pc:sldMk cId="2376958513" sldId="260"/>
            <ac:spMk id="10591" creationId="{50662904-D948-590B-4CEB-88ACEDE67D71}"/>
          </ac:spMkLst>
        </pc:spChg>
        <pc:spChg chg="mod">
          <ac:chgData name="White, Alex" userId="eff6cc8c-37d8-483b-9c6c-6b27e9afa9bc" providerId="ADAL" clId="{BF04C754-5BF4-4E83-9615-DB14FA25AF8A}" dt="2023-10-12T11:38:20.867" v="298"/>
          <ac:spMkLst>
            <pc:docMk/>
            <pc:sldMk cId="2376958513" sldId="260"/>
            <ac:spMk id="10592" creationId="{4529526B-AF6C-5AE4-551D-507B0B9C5FAF}"/>
          </ac:spMkLst>
        </pc:spChg>
        <pc:spChg chg="mod">
          <ac:chgData name="White, Alex" userId="eff6cc8c-37d8-483b-9c6c-6b27e9afa9bc" providerId="ADAL" clId="{BF04C754-5BF4-4E83-9615-DB14FA25AF8A}" dt="2023-10-12T11:38:20.867" v="298"/>
          <ac:spMkLst>
            <pc:docMk/>
            <pc:sldMk cId="2376958513" sldId="260"/>
            <ac:spMk id="10593" creationId="{DEC294F0-9C7A-2DC4-CDB6-BA73C0485648}"/>
          </ac:spMkLst>
        </pc:spChg>
        <pc:spChg chg="mod">
          <ac:chgData name="White, Alex" userId="eff6cc8c-37d8-483b-9c6c-6b27e9afa9bc" providerId="ADAL" clId="{BF04C754-5BF4-4E83-9615-DB14FA25AF8A}" dt="2023-10-12T11:38:20.867" v="298"/>
          <ac:spMkLst>
            <pc:docMk/>
            <pc:sldMk cId="2376958513" sldId="260"/>
            <ac:spMk id="10594" creationId="{4A9174D8-2934-4CC7-209F-AB5D008F1C0E}"/>
          </ac:spMkLst>
        </pc:spChg>
        <pc:spChg chg="mod">
          <ac:chgData name="White, Alex" userId="eff6cc8c-37d8-483b-9c6c-6b27e9afa9bc" providerId="ADAL" clId="{BF04C754-5BF4-4E83-9615-DB14FA25AF8A}" dt="2023-10-12T11:38:20.867" v="298"/>
          <ac:spMkLst>
            <pc:docMk/>
            <pc:sldMk cId="2376958513" sldId="260"/>
            <ac:spMk id="10595" creationId="{A035D5B7-FA24-0563-6D5C-AF674BA920D9}"/>
          </ac:spMkLst>
        </pc:spChg>
        <pc:spChg chg="mod">
          <ac:chgData name="White, Alex" userId="eff6cc8c-37d8-483b-9c6c-6b27e9afa9bc" providerId="ADAL" clId="{BF04C754-5BF4-4E83-9615-DB14FA25AF8A}" dt="2023-10-12T11:38:20.867" v="298"/>
          <ac:spMkLst>
            <pc:docMk/>
            <pc:sldMk cId="2376958513" sldId="260"/>
            <ac:spMk id="10596" creationId="{7C62CD34-FEB8-E76C-6679-CAD2826DFD3D}"/>
          </ac:spMkLst>
        </pc:spChg>
        <pc:spChg chg="mod">
          <ac:chgData name="White, Alex" userId="eff6cc8c-37d8-483b-9c6c-6b27e9afa9bc" providerId="ADAL" clId="{BF04C754-5BF4-4E83-9615-DB14FA25AF8A}" dt="2023-10-12T11:38:20.867" v="298"/>
          <ac:spMkLst>
            <pc:docMk/>
            <pc:sldMk cId="2376958513" sldId="260"/>
            <ac:spMk id="10597" creationId="{CF408089-E8EE-4E9E-5796-796078B7672C}"/>
          </ac:spMkLst>
        </pc:spChg>
        <pc:spChg chg="mod">
          <ac:chgData name="White, Alex" userId="eff6cc8c-37d8-483b-9c6c-6b27e9afa9bc" providerId="ADAL" clId="{BF04C754-5BF4-4E83-9615-DB14FA25AF8A}" dt="2023-10-12T11:38:20.867" v="298"/>
          <ac:spMkLst>
            <pc:docMk/>
            <pc:sldMk cId="2376958513" sldId="260"/>
            <ac:spMk id="10598" creationId="{B2222E37-A153-D94F-2ED3-0799F2DE232F}"/>
          </ac:spMkLst>
        </pc:spChg>
        <pc:spChg chg="mod">
          <ac:chgData name="White, Alex" userId="eff6cc8c-37d8-483b-9c6c-6b27e9afa9bc" providerId="ADAL" clId="{BF04C754-5BF4-4E83-9615-DB14FA25AF8A}" dt="2023-10-12T11:38:20.867" v="298"/>
          <ac:spMkLst>
            <pc:docMk/>
            <pc:sldMk cId="2376958513" sldId="260"/>
            <ac:spMk id="10599" creationId="{F57F766C-6B01-59D4-ABE0-80217B8A1414}"/>
          </ac:spMkLst>
        </pc:spChg>
        <pc:spChg chg="mod">
          <ac:chgData name="White, Alex" userId="eff6cc8c-37d8-483b-9c6c-6b27e9afa9bc" providerId="ADAL" clId="{BF04C754-5BF4-4E83-9615-DB14FA25AF8A}" dt="2023-10-12T11:38:20.867" v="298"/>
          <ac:spMkLst>
            <pc:docMk/>
            <pc:sldMk cId="2376958513" sldId="260"/>
            <ac:spMk id="10600" creationId="{C560CB97-F158-0969-4CA0-5971B6A6A130}"/>
          </ac:spMkLst>
        </pc:spChg>
        <pc:spChg chg="mod">
          <ac:chgData name="White, Alex" userId="eff6cc8c-37d8-483b-9c6c-6b27e9afa9bc" providerId="ADAL" clId="{BF04C754-5BF4-4E83-9615-DB14FA25AF8A}" dt="2023-10-12T11:38:20.867" v="298"/>
          <ac:spMkLst>
            <pc:docMk/>
            <pc:sldMk cId="2376958513" sldId="260"/>
            <ac:spMk id="10601" creationId="{D36406C4-0F10-72FA-D920-6EE324343574}"/>
          </ac:spMkLst>
        </pc:spChg>
        <pc:spChg chg="mod">
          <ac:chgData name="White, Alex" userId="eff6cc8c-37d8-483b-9c6c-6b27e9afa9bc" providerId="ADAL" clId="{BF04C754-5BF4-4E83-9615-DB14FA25AF8A}" dt="2023-10-12T11:38:20.867" v="298"/>
          <ac:spMkLst>
            <pc:docMk/>
            <pc:sldMk cId="2376958513" sldId="260"/>
            <ac:spMk id="10602" creationId="{3575D9F9-94A3-2BD2-6A93-6BAE2405AD0A}"/>
          </ac:spMkLst>
        </pc:spChg>
        <pc:spChg chg="mod">
          <ac:chgData name="White, Alex" userId="eff6cc8c-37d8-483b-9c6c-6b27e9afa9bc" providerId="ADAL" clId="{BF04C754-5BF4-4E83-9615-DB14FA25AF8A}" dt="2023-10-12T11:38:20.867" v="298"/>
          <ac:spMkLst>
            <pc:docMk/>
            <pc:sldMk cId="2376958513" sldId="260"/>
            <ac:spMk id="10603" creationId="{D72C9958-A8DB-779D-D744-C9F7FA258B0C}"/>
          </ac:spMkLst>
        </pc:spChg>
        <pc:spChg chg="mod">
          <ac:chgData name="White, Alex" userId="eff6cc8c-37d8-483b-9c6c-6b27e9afa9bc" providerId="ADAL" clId="{BF04C754-5BF4-4E83-9615-DB14FA25AF8A}" dt="2023-10-12T11:38:20.867" v="298"/>
          <ac:spMkLst>
            <pc:docMk/>
            <pc:sldMk cId="2376958513" sldId="260"/>
            <ac:spMk id="10604" creationId="{E3720BDA-4744-538F-3BB5-030F3070BB69}"/>
          </ac:spMkLst>
        </pc:spChg>
        <pc:spChg chg="mod">
          <ac:chgData name="White, Alex" userId="eff6cc8c-37d8-483b-9c6c-6b27e9afa9bc" providerId="ADAL" clId="{BF04C754-5BF4-4E83-9615-DB14FA25AF8A}" dt="2023-10-12T11:38:20.867" v="298"/>
          <ac:spMkLst>
            <pc:docMk/>
            <pc:sldMk cId="2376958513" sldId="260"/>
            <ac:spMk id="10605" creationId="{15F3441F-B223-1BD3-3807-CF9155AFA242}"/>
          </ac:spMkLst>
        </pc:spChg>
        <pc:spChg chg="mod">
          <ac:chgData name="White, Alex" userId="eff6cc8c-37d8-483b-9c6c-6b27e9afa9bc" providerId="ADAL" clId="{BF04C754-5BF4-4E83-9615-DB14FA25AF8A}" dt="2023-10-12T11:38:20.867" v="298"/>
          <ac:spMkLst>
            <pc:docMk/>
            <pc:sldMk cId="2376958513" sldId="260"/>
            <ac:spMk id="10606" creationId="{60086491-EE4E-5F49-FF2F-CEE55D7F3925}"/>
          </ac:spMkLst>
        </pc:spChg>
        <pc:spChg chg="mod">
          <ac:chgData name="White, Alex" userId="eff6cc8c-37d8-483b-9c6c-6b27e9afa9bc" providerId="ADAL" clId="{BF04C754-5BF4-4E83-9615-DB14FA25AF8A}" dt="2023-10-12T11:38:20.867" v="298"/>
          <ac:spMkLst>
            <pc:docMk/>
            <pc:sldMk cId="2376958513" sldId="260"/>
            <ac:spMk id="10607" creationId="{71129755-C84F-7F05-22FB-3D420F2CE76C}"/>
          </ac:spMkLst>
        </pc:spChg>
        <pc:spChg chg="mod">
          <ac:chgData name="White, Alex" userId="eff6cc8c-37d8-483b-9c6c-6b27e9afa9bc" providerId="ADAL" clId="{BF04C754-5BF4-4E83-9615-DB14FA25AF8A}" dt="2023-10-12T11:38:20.867" v="298"/>
          <ac:spMkLst>
            <pc:docMk/>
            <pc:sldMk cId="2376958513" sldId="260"/>
            <ac:spMk id="10608" creationId="{2950AC95-C571-FF49-3F44-93D613D3D72C}"/>
          </ac:spMkLst>
        </pc:spChg>
        <pc:spChg chg="mod">
          <ac:chgData name="White, Alex" userId="eff6cc8c-37d8-483b-9c6c-6b27e9afa9bc" providerId="ADAL" clId="{BF04C754-5BF4-4E83-9615-DB14FA25AF8A}" dt="2023-10-12T11:38:20.867" v="298"/>
          <ac:spMkLst>
            <pc:docMk/>
            <pc:sldMk cId="2376958513" sldId="260"/>
            <ac:spMk id="10609" creationId="{697477A8-6914-EDBF-26A5-9593ADCD9944}"/>
          </ac:spMkLst>
        </pc:spChg>
        <pc:spChg chg="mod">
          <ac:chgData name="White, Alex" userId="eff6cc8c-37d8-483b-9c6c-6b27e9afa9bc" providerId="ADAL" clId="{BF04C754-5BF4-4E83-9615-DB14FA25AF8A}" dt="2023-10-12T11:38:20.867" v="298"/>
          <ac:spMkLst>
            <pc:docMk/>
            <pc:sldMk cId="2376958513" sldId="260"/>
            <ac:spMk id="10610" creationId="{BA3671CA-BED5-1911-5935-7826CE9B30B3}"/>
          </ac:spMkLst>
        </pc:spChg>
        <pc:spChg chg="mod">
          <ac:chgData name="White, Alex" userId="eff6cc8c-37d8-483b-9c6c-6b27e9afa9bc" providerId="ADAL" clId="{BF04C754-5BF4-4E83-9615-DB14FA25AF8A}" dt="2023-10-12T11:38:20.867" v="298"/>
          <ac:spMkLst>
            <pc:docMk/>
            <pc:sldMk cId="2376958513" sldId="260"/>
            <ac:spMk id="10611" creationId="{8D746F43-FA52-5FDD-77D8-EE9C6397DED6}"/>
          </ac:spMkLst>
        </pc:spChg>
        <pc:spChg chg="mod">
          <ac:chgData name="White, Alex" userId="eff6cc8c-37d8-483b-9c6c-6b27e9afa9bc" providerId="ADAL" clId="{BF04C754-5BF4-4E83-9615-DB14FA25AF8A}" dt="2023-10-12T11:38:20.867" v="298"/>
          <ac:spMkLst>
            <pc:docMk/>
            <pc:sldMk cId="2376958513" sldId="260"/>
            <ac:spMk id="10612" creationId="{9A47BD69-238E-95FB-553B-909664BC42CE}"/>
          </ac:spMkLst>
        </pc:spChg>
        <pc:spChg chg="mod">
          <ac:chgData name="White, Alex" userId="eff6cc8c-37d8-483b-9c6c-6b27e9afa9bc" providerId="ADAL" clId="{BF04C754-5BF4-4E83-9615-DB14FA25AF8A}" dt="2023-10-12T11:38:20.867" v="298"/>
          <ac:spMkLst>
            <pc:docMk/>
            <pc:sldMk cId="2376958513" sldId="260"/>
            <ac:spMk id="10613" creationId="{BF75FDB6-0A05-892F-ABA8-A3CA1FC1B3BB}"/>
          </ac:spMkLst>
        </pc:spChg>
        <pc:spChg chg="mod">
          <ac:chgData name="White, Alex" userId="eff6cc8c-37d8-483b-9c6c-6b27e9afa9bc" providerId="ADAL" clId="{BF04C754-5BF4-4E83-9615-DB14FA25AF8A}" dt="2023-10-12T11:38:20.867" v="298"/>
          <ac:spMkLst>
            <pc:docMk/>
            <pc:sldMk cId="2376958513" sldId="260"/>
            <ac:spMk id="10614" creationId="{39212F7A-1CFA-75DD-C0EC-F2634CD01B70}"/>
          </ac:spMkLst>
        </pc:spChg>
        <pc:spChg chg="mod">
          <ac:chgData name="White, Alex" userId="eff6cc8c-37d8-483b-9c6c-6b27e9afa9bc" providerId="ADAL" clId="{BF04C754-5BF4-4E83-9615-DB14FA25AF8A}" dt="2023-10-12T11:38:20.867" v="298"/>
          <ac:spMkLst>
            <pc:docMk/>
            <pc:sldMk cId="2376958513" sldId="260"/>
            <ac:spMk id="10615" creationId="{0A11D533-6E60-C20C-AFF5-6FEB788793DB}"/>
          </ac:spMkLst>
        </pc:spChg>
        <pc:spChg chg="mod">
          <ac:chgData name="White, Alex" userId="eff6cc8c-37d8-483b-9c6c-6b27e9afa9bc" providerId="ADAL" clId="{BF04C754-5BF4-4E83-9615-DB14FA25AF8A}" dt="2023-10-12T11:38:20.867" v="298"/>
          <ac:spMkLst>
            <pc:docMk/>
            <pc:sldMk cId="2376958513" sldId="260"/>
            <ac:spMk id="10616" creationId="{D8D90648-8493-3860-E316-4445F3405398}"/>
          </ac:spMkLst>
        </pc:spChg>
        <pc:spChg chg="mod">
          <ac:chgData name="White, Alex" userId="eff6cc8c-37d8-483b-9c6c-6b27e9afa9bc" providerId="ADAL" clId="{BF04C754-5BF4-4E83-9615-DB14FA25AF8A}" dt="2023-10-12T11:38:20.867" v="298"/>
          <ac:spMkLst>
            <pc:docMk/>
            <pc:sldMk cId="2376958513" sldId="260"/>
            <ac:spMk id="10617" creationId="{C45276FA-82E1-E2F9-3E4C-CF7A617465B9}"/>
          </ac:spMkLst>
        </pc:spChg>
        <pc:spChg chg="mod">
          <ac:chgData name="White, Alex" userId="eff6cc8c-37d8-483b-9c6c-6b27e9afa9bc" providerId="ADAL" clId="{BF04C754-5BF4-4E83-9615-DB14FA25AF8A}" dt="2023-10-12T11:38:20.867" v="298"/>
          <ac:spMkLst>
            <pc:docMk/>
            <pc:sldMk cId="2376958513" sldId="260"/>
            <ac:spMk id="10618" creationId="{7A469D28-80E5-055C-1797-4CC3BEBD4F58}"/>
          </ac:spMkLst>
        </pc:spChg>
        <pc:spChg chg="mod">
          <ac:chgData name="White, Alex" userId="eff6cc8c-37d8-483b-9c6c-6b27e9afa9bc" providerId="ADAL" clId="{BF04C754-5BF4-4E83-9615-DB14FA25AF8A}" dt="2023-10-12T11:38:20.867" v="298"/>
          <ac:spMkLst>
            <pc:docMk/>
            <pc:sldMk cId="2376958513" sldId="260"/>
            <ac:spMk id="10619" creationId="{98E1139D-B94F-7E70-4ED5-BAD022D51737}"/>
          </ac:spMkLst>
        </pc:spChg>
        <pc:spChg chg="mod">
          <ac:chgData name="White, Alex" userId="eff6cc8c-37d8-483b-9c6c-6b27e9afa9bc" providerId="ADAL" clId="{BF04C754-5BF4-4E83-9615-DB14FA25AF8A}" dt="2023-10-12T11:38:20.867" v="298"/>
          <ac:spMkLst>
            <pc:docMk/>
            <pc:sldMk cId="2376958513" sldId="260"/>
            <ac:spMk id="10620" creationId="{9F3A29E2-4974-BD4D-E913-98FCA6C93D04}"/>
          </ac:spMkLst>
        </pc:spChg>
        <pc:spChg chg="mod">
          <ac:chgData name="White, Alex" userId="eff6cc8c-37d8-483b-9c6c-6b27e9afa9bc" providerId="ADAL" clId="{BF04C754-5BF4-4E83-9615-DB14FA25AF8A}" dt="2023-10-12T11:38:20.867" v="298"/>
          <ac:spMkLst>
            <pc:docMk/>
            <pc:sldMk cId="2376958513" sldId="260"/>
            <ac:spMk id="10621" creationId="{B4E46289-5F22-FC9F-E342-2001CD25A5CA}"/>
          </ac:spMkLst>
        </pc:spChg>
        <pc:spChg chg="mod">
          <ac:chgData name="White, Alex" userId="eff6cc8c-37d8-483b-9c6c-6b27e9afa9bc" providerId="ADAL" clId="{BF04C754-5BF4-4E83-9615-DB14FA25AF8A}" dt="2023-10-12T11:38:20.867" v="298"/>
          <ac:spMkLst>
            <pc:docMk/>
            <pc:sldMk cId="2376958513" sldId="260"/>
            <ac:spMk id="10622" creationId="{6476802E-B3E6-357F-B4F5-F409D9AB8304}"/>
          </ac:spMkLst>
        </pc:spChg>
        <pc:spChg chg="mod">
          <ac:chgData name="White, Alex" userId="eff6cc8c-37d8-483b-9c6c-6b27e9afa9bc" providerId="ADAL" clId="{BF04C754-5BF4-4E83-9615-DB14FA25AF8A}" dt="2023-10-12T11:38:20.867" v="298"/>
          <ac:spMkLst>
            <pc:docMk/>
            <pc:sldMk cId="2376958513" sldId="260"/>
            <ac:spMk id="10623" creationId="{EE3CE1A9-EAC7-1A0F-C45A-C1D5DFCBB7DC}"/>
          </ac:spMkLst>
        </pc:spChg>
        <pc:spChg chg="mod">
          <ac:chgData name="White, Alex" userId="eff6cc8c-37d8-483b-9c6c-6b27e9afa9bc" providerId="ADAL" clId="{BF04C754-5BF4-4E83-9615-DB14FA25AF8A}" dt="2023-10-12T11:38:20.867" v="298"/>
          <ac:spMkLst>
            <pc:docMk/>
            <pc:sldMk cId="2376958513" sldId="260"/>
            <ac:spMk id="10624" creationId="{63721567-5745-A834-94C9-ED5B248F1143}"/>
          </ac:spMkLst>
        </pc:spChg>
        <pc:spChg chg="mod">
          <ac:chgData name="White, Alex" userId="eff6cc8c-37d8-483b-9c6c-6b27e9afa9bc" providerId="ADAL" clId="{BF04C754-5BF4-4E83-9615-DB14FA25AF8A}" dt="2023-10-12T11:38:20.867" v="298"/>
          <ac:spMkLst>
            <pc:docMk/>
            <pc:sldMk cId="2376958513" sldId="260"/>
            <ac:spMk id="10625" creationId="{FEE8DC1A-0347-0770-AC52-9E8690D27F29}"/>
          </ac:spMkLst>
        </pc:spChg>
        <pc:spChg chg="mod">
          <ac:chgData name="White, Alex" userId="eff6cc8c-37d8-483b-9c6c-6b27e9afa9bc" providerId="ADAL" clId="{BF04C754-5BF4-4E83-9615-DB14FA25AF8A}" dt="2023-10-12T11:38:20.867" v="298"/>
          <ac:spMkLst>
            <pc:docMk/>
            <pc:sldMk cId="2376958513" sldId="260"/>
            <ac:spMk id="10626" creationId="{E14F7A28-1F2E-A53D-0E1E-D07B5928BFA9}"/>
          </ac:spMkLst>
        </pc:spChg>
        <pc:spChg chg="mod">
          <ac:chgData name="White, Alex" userId="eff6cc8c-37d8-483b-9c6c-6b27e9afa9bc" providerId="ADAL" clId="{BF04C754-5BF4-4E83-9615-DB14FA25AF8A}" dt="2023-10-12T11:38:20.867" v="298"/>
          <ac:spMkLst>
            <pc:docMk/>
            <pc:sldMk cId="2376958513" sldId="260"/>
            <ac:spMk id="10627" creationId="{16DD9932-ACA5-758E-82EA-0915DC069778}"/>
          </ac:spMkLst>
        </pc:spChg>
        <pc:spChg chg="mod">
          <ac:chgData name="White, Alex" userId="eff6cc8c-37d8-483b-9c6c-6b27e9afa9bc" providerId="ADAL" clId="{BF04C754-5BF4-4E83-9615-DB14FA25AF8A}" dt="2023-10-12T11:38:20.867" v="298"/>
          <ac:spMkLst>
            <pc:docMk/>
            <pc:sldMk cId="2376958513" sldId="260"/>
            <ac:spMk id="10628" creationId="{0C7B8288-2A68-9286-18B5-31415C429A32}"/>
          </ac:spMkLst>
        </pc:spChg>
        <pc:spChg chg="mod">
          <ac:chgData name="White, Alex" userId="eff6cc8c-37d8-483b-9c6c-6b27e9afa9bc" providerId="ADAL" clId="{BF04C754-5BF4-4E83-9615-DB14FA25AF8A}" dt="2023-10-12T11:38:20.867" v="298"/>
          <ac:spMkLst>
            <pc:docMk/>
            <pc:sldMk cId="2376958513" sldId="260"/>
            <ac:spMk id="10629" creationId="{FD6888BA-CE8D-295B-C419-808793C22D3D}"/>
          </ac:spMkLst>
        </pc:spChg>
        <pc:spChg chg="mod">
          <ac:chgData name="White, Alex" userId="eff6cc8c-37d8-483b-9c6c-6b27e9afa9bc" providerId="ADAL" clId="{BF04C754-5BF4-4E83-9615-DB14FA25AF8A}" dt="2023-10-12T11:38:20.867" v="298"/>
          <ac:spMkLst>
            <pc:docMk/>
            <pc:sldMk cId="2376958513" sldId="260"/>
            <ac:spMk id="10630" creationId="{78F74432-563A-5F76-CA8C-25FD495F8E50}"/>
          </ac:spMkLst>
        </pc:spChg>
        <pc:spChg chg="mod">
          <ac:chgData name="White, Alex" userId="eff6cc8c-37d8-483b-9c6c-6b27e9afa9bc" providerId="ADAL" clId="{BF04C754-5BF4-4E83-9615-DB14FA25AF8A}" dt="2023-10-12T11:38:20.867" v="298"/>
          <ac:spMkLst>
            <pc:docMk/>
            <pc:sldMk cId="2376958513" sldId="260"/>
            <ac:spMk id="10631" creationId="{C3B08D6A-7E3F-F488-06DB-8D902258E018}"/>
          </ac:spMkLst>
        </pc:spChg>
        <pc:spChg chg="mod">
          <ac:chgData name="White, Alex" userId="eff6cc8c-37d8-483b-9c6c-6b27e9afa9bc" providerId="ADAL" clId="{BF04C754-5BF4-4E83-9615-DB14FA25AF8A}" dt="2023-10-12T11:38:20.867" v="298"/>
          <ac:spMkLst>
            <pc:docMk/>
            <pc:sldMk cId="2376958513" sldId="260"/>
            <ac:spMk id="10632" creationId="{FF364DCD-05DA-FB1F-5427-5D4CCF268D5F}"/>
          </ac:spMkLst>
        </pc:spChg>
        <pc:spChg chg="mod">
          <ac:chgData name="White, Alex" userId="eff6cc8c-37d8-483b-9c6c-6b27e9afa9bc" providerId="ADAL" clId="{BF04C754-5BF4-4E83-9615-DB14FA25AF8A}" dt="2023-10-12T11:38:20.867" v="298"/>
          <ac:spMkLst>
            <pc:docMk/>
            <pc:sldMk cId="2376958513" sldId="260"/>
            <ac:spMk id="10633" creationId="{F13D5F85-3541-FC6F-EE42-9B7AC4B80AEC}"/>
          </ac:spMkLst>
        </pc:spChg>
        <pc:spChg chg="mod">
          <ac:chgData name="White, Alex" userId="eff6cc8c-37d8-483b-9c6c-6b27e9afa9bc" providerId="ADAL" clId="{BF04C754-5BF4-4E83-9615-DB14FA25AF8A}" dt="2023-10-12T11:38:20.867" v="298"/>
          <ac:spMkLst>
            <pc:docMk/>
            <pc:sldMk cId="2376958513" sldId="260"/>
            <ac:spMk id="10634" creationId="{2F9005E1-0731-1082-3D1C-7908B90BB610}"/>
          </ac:spMkLst>
        </pc:spChg>
        <pc:spChg chg="mod">
          <ac:chgData name="White, Alex" userId="eff6cc8c-37d8-483b-9c6c-6b27e9afa9bc" providerId="ADAL" clId="{BF04C754-5BF4-4E83-9615-DB14FA25AF8A}" dt="2023-10-12T11:38:20.867" v="298"/>
          <ac:spMkLst>
            <pc:docMk/>
            <pc:sldMk cId="2376958513" sldId="260"/>
            <ac:spMk id="10635" creationId="{6A0EA327-344F-CF3D-26D3-C73EE43F6011}"/>
          </ac:spMkLst>
        </pc:spChg>
        <pc:spChg chg="mod">
          <ac:chgData name="White, Alex" userId="eff6cc8c-37d8-483b-9c6c-6b27e9afa9bc" providerId="ADAL" clId="{BF04C754-5BF4-4E83-9615-DB14FA25AF8A}" dt="2023-10-12T11:38:20.867" v="298"/>
          <ac:spMkLst>
            <pc:docMk/>
            <pc:sldMk cId="2376958513" sldId="260"/>
            <ac:spMk id="10636" creationId="{522A3E86-79E3-B10D-DBC9-C787A18CAC94}"/>
          </ac:spMkLst>
        </pc:spChg>
        <pc:spChg chg="mod">
          <ac:chgData name="White, Alex" userId="eff6cc8c-37d8-483b-9c6c-6b27e9afa9bc" providerId="ADAL" clId="{BF04C754-5BF4-4E83-9615-DB14FA25AF8A}" dt="2023-10-12T11:38:20.867" v="298"/>
          <ac:spMkLst>
            <pc:docMk/>
            <pc:sldMk cId="2376958513" sldId="260"/>
            <ac:spMk id="10637" creationId="{E3408F98-475C-4DE0-0957-E138A0E28AA5}"/>
          </ac:spMkLst>
        </pc:spChg>
        <pc:spChg chg="mod">
          <ac:chgData name="White, Alex" userId="eff6cc8c-37d8-483b-9c6c-6b27e9afa9bc" providerId="ADAL" clId="{BF04C754-5BF4-4E83-9615-DB14FA25AF8A}" dt="2023-10-12T11:38:20.867" v="298"/>
          <ac:spMkLst>
            <pc:docMk/>
            <pc:sldMk cId="2376958513" sldId="260"/>
            <ac:spMk id="10638" creationId="{4FD4807B-502D-38D3-6A47-B14CF197FEAA}"/>
          </ac:spMkLst>
        </pc:spChg>
        <pc:spChg chg="mod">
          <ac:chgData name="White, Alex" userId="eff6cc8c-37d8-483b-9c6c-6b27e9afa9bc" providerId="ADAL" clId="{BF04C754-5BF4-4E83-9615-DB14FA25AF8A}" dt="2023-10-12T11:38:20.867" v="298"/>
          <ac:spMkLst>
            <pc:docMk/>
            <pc:sldMk cId="2376958513" sldId="260"/>
            <ac:spMk id="10639" creationId="{D0D695D8-6B09-0BFC-A7CF-E9CD38E2B9FD}"/>
          </ac:spMkLst>
        </pc:spChg>
        <pc:spChg chg="mod">
          <ac:chgData name="White, Alex" userId="eff6cc8c-37d8-483b-9c6c-6b27e9afa9bc" providerId="ADAL" clId="{BF04C754-5BF4-4E83-9615-DB14FA25AF8A}" dt="2023-10-12T11:38:20.867" v="298"/>
          <ac:spMkLst>
            <pc:docMk/>
            <pc:sldMk cId="2376958513" sldId="260"/>
            <ac:spMk id="10640" creationId="{D0CE0379-A3C5-0753-700D-7F51B0E5AB76}"/>
          </ac:spMkLst>
        </pc:spChg>
        <pc:spChg chg="mod">
          <ac:chgData name="White, Alex" userId="eff6cc8c-37d8-483b-9c6c-6b27e9afa9bc" providerId="ADAL" clId="{BF04C754-5BF4-4E83-9615-DB14FA25AF8A}" dt="2023-10-12T11:38:20.867" v="298"/>
          <ac:spMkLst>
            <pc:docMk/>
            <pc:sldMk cId="2376958513" sldId="260"/>
            <ac:spMk id="10641" creationId="{A005D9BB-C74A-A463-F6CA-DDFB1260D0E9}"/>
          </ac:spMkLst>
        </pc:spChg>
        <pc:spChg chg="mod">
          <ac:chgData name="White, Alex" userId="eff6cc8c-37d8-483b-9c6c-6b27e9afa9bc" providerId="ADAL" clId="{BF04C754-5BF4-4E83-9615-DB14FA25AF8A}" dt="2023-10-12T11:38:20.867" v="298"/>
          <ac:spMkLst>
            <pc:docMk/>
            <pc:sldMk cId="2376958513" sldId="260"/>
            <ac:spMk id="10642" creationId="{78B22592-2286-4FE4-2040-D7CFD134BFE2}"/>
          </ac:spMkLst>
        </pc:spChg>
        <pc:spChg chg="mod">
          <ac:chgData name="White, Alex" userId="eff6cc8c-37d8-483b-9c6c-6b27e9afa9bc" providerId="ADAL" clId="{BF04C754-5BF4-4E83-9615-DB14FA25AF8A}" dt="2023-10-12T11:38:20.867" v="298"/>
          <ac:spMkLst>
            <pc:docMk/>
            <pc:sldMk cId="2376958513" sldId="260"/>
            <ac:spMk id="10643" creationId="{8AF2502B-71ED-7E6B-DB95-441D34839354}"/>
          </ac:spMkLst>
        </pc:spChg>
        <pc:spChg chg="mod">
          <ac:chgData name="White, Alex" userId="eff6cc8c-37d8-483b-9c6c-6b27e9afa9bc" providerId="ADAL" clId="{BF04C754-5BF4-4E83-9615-DB14FA25AF8A}" dt="2023-10-12T11:38:20.867" v="298"/>
          <ac:spMkLst>
            <pc:docMk/>
            <pc:sldMk cId="2376958513" sldId="260"/>
            <ac:spMk id="10644" creationId="{909CE2E3-12D3-8AEA-B15C-2AF94D740E28}"/>
          </ac:spMkLst>
        </pc:spChg>
        <pc:spChg chg="mod">
          <ac:chgData name="White, Alex" userId="eff6cc8c-37d8-483b-9c6c-6b27e9afa9bc" providerId="ADAL" clId="{BF04C754-5BF4-4E83-9615-DB14FA25AF8A}" dt="2023-10-12T11:38:20.867" v="298"/>
          <ac:spMkLst>
            <pc:docMk/>
            <pc:sldMk cId="2376958513" sldId="260"/>
            <ac:spMk id="10645" creationId="{100A6780-5013-D100-EBAC-0FBF3D66766C}"/>
          </ac:spMkLst>
        </pc:spChg>
        <pc:spChg chg="mod">
          <ac:chgData name="White, Alex" userId="eff6cc8c-37d8-483b-9c6c-6b27e9afa9bc" providerId="ADAL" clId="{BF04C754-5BF4-4E83-9615-DB14FA25AF8A}" dt="2023-10-12T11:38:20.867" v="298"/>
          <ac:spMkLst>
            <pc:docMk/>
            <pc:sldMk cId="2376958513" sldId="260"/>
            <ac:spMk id="10646" creationId="{AA0B4694-B7BD-5979-1026-6B9C5587F63F}"/>
          </ac:spMkLst>
        </pc:spChg>
        <pc:spChg chg="mod">
          <ac:chgData name="White, Alex" userId="eff6cc8c-37d8-483b-9c6c-6b27e9afa9bc" providerId="ADAL" clId="{BF04C754-5BF4-4E83-9615-DB14FA25AF8A}" dt="2023-10-12T11:38:20.867" v="298"/>
          <ac:spMkLst>
            <pc:docMk/>
            <pc:sldMk cId="2376958513" sldId="260"/>
            <ac:spMk id="10647" creationId="{157AB9BC-30E4-B4BC-1833-B4522257B484}"/>
          </ac:spMkLst>
        </pc:spChg>
        <pc:spChg chg="mod">
          <ac:chgData name="White, Alex" userId="eff6cc8c-37d8-483b-9c6c-6b27e9afa9bc" providerId="ADAL" clId="{BF04C754-5BF4-4E83-9615-DB14FA25AF8A}" dt="2023-10-12T11:38:20.867" v="298"/>
          <ac:spMkLst>
            <pc:docMk/>
            <pc:sldMk cId="2376958513" sldId="260"/>
            <ac:spMk id="10648" creationId="{D4276BE7-976A-AB39-CDB4-F88CEDF3A460}"/>
          </ac:spMkLst>
        </pc:spChg>
        <pc:spChg chg="mod">
          <ac:chgData name="White, Alex" userId="eff6cc8c-37d8-483b-9c6c-6b27e9afa9bc" providerId="ADAL" clId="{BF04C754-5BF4-4E83-9615-DB14FA25AF8A}" dt="2023-10-12T11:38:20.867" v="298"/>
          <ac:spMkLst>
            <pc:docMk/>
            <pc:sldMk cId="2376958513" sldId="260"/>
            <ac:spMk id="10649" creationId="{B99D82E6-642C-62A7-9604-6AC48582AD8D}"/>
          </ac:spMkLst>
        </pc:spChg>
        <pc:spChg chg="mod">
          <ac:chgData name="White, Alex" userId="eff6cc8c-37d8-483b-9c6c-6b27e9afa9bc" providerId="ADAL" clId="{BF04C754-5BF4-4E83-9615-DB14FA25AF8A}" dt="2023-10-12T11:38:20.867" v="298"/>
          <ac:spMkLst>
            <pc:docMk/>
            <pc:sldMk cId="2376958513" sldId="260"/>
            <ac:spMk id="10650" creationId="{7E0A0B71-3A79-36BF-8C15-B0D85603DC84}"/>
          </ac:spMkLst>
        </pc:spChg>
        <pc:spChg chg="mod">
          <ac:chgData name="White, Alex" userId="eff6cc8c-37d8-483b-9c6c-6b27e9afa9bc" providerId="ADAL" clId="{BF04C754-5BF4-4E83-9615-DB14FA25AF8A}" dt="2023-10-12T11:38:20.867" v="298"/>
          <ac:spMkLst>
            <pc:docMk/>
            <pc:sldMk cId="2376958513" sldId="260"/>
            <ac:spMk id="10651" creationId="{7D684B2B-6BEE-52F8-FE0A-470E150178F0}"/>
          </ac:spMkLst>
        </pc:spChg>
        <pc:spChg chg="mod">
          <ac:chgData name="White, Alex" userId="eff6cc8c-37d8-483b-9c6c-6b27e9afa9bc" providerId="ADAL" clId="{BF04C754-5BF4-4E83-9615-DB14FA25AF8A}" dt="2023-10-12T11:38:20.867" v="298"/>
          <ac:spMkLst>
            <pc:docMk/>
            <pc:sldMk cId="2376958513" sldId="260"/>
            <ac:spMk id="10652" creationId="{C70AD18C-EB34-6EB7-B12D-9B629A04EEAD}"/>
          </ac:spMkLst>
        </pc:spChg>
        <pc:spChg chg="mod">
          <ac:chgData name="White, Alex" userId="eff6cc8c-37d8-483b-9c6c-6b27e9afa9bc" providerId="ADAL" clId="{BF04C754-5BF4-4E83-9615-DB14FA25AF8A}" dt="2023-10-12T11:38:20.867" v="298"/>
          <ac:spMkLst>
            <pc:docMk/>
            <pc:sldMk cId="2376958513" sldId="260"/>
            <ac:spMk id="10653" creationId="{947B4B07-5A51-FBBB-C1FE-0BF0C035C61C}"/>
          </ac:spMkLst>
        </pc:spChg>
        <pc:spChg chg="mod">
          <ac:chgData name="White, Alex" userId="eff6cc8c-37d8-483b-9c6c-6b27e9afa9bc" providerId="ADAL" clId="{BF04C754-5BF4-4E83-9615-DB14FA25AF8A}" dt="2023-10-12T11:38:20.867" v="298"/>
          <ac:spMkLst>
            <pc:docMk/>
            <pc:sldMk cId="2376958513" sldId="260"/>
            <ac:spMk id="10654" creationId="{4CB31DCB-3541-8429-CC19-A27AD4426DF8}"/>
          </ac:spMkLst>
        </pc:spChg>
        <pc:spChg chg="mod">
          <ac:chgData name="White, Alex" userId="eff6cc8c-37d8-483b-9c6c-6b27e9afa9bc" providerId="ADAL" clId="{BF04C754-5BF4-4E83-9615-DB14FA25AF8A}" dt="2023-10-12T11:38:20.867" v="298"/>
          <ac:spMkLst>
            <pc:docMk/>
            <pc:sldMk cId="2376958513" sldId="260"/>
            <ac:spMk id="10655" creationId="{4FAB82AC-3C89-D82A-44FA-27D26B76F5E7}"/>
          </ac:spMkLst>
        </pc:spChg>
        <pc:spChg chg="mod">
          <ac:chgData name="White, Alex" userId="eff6cc8c-37d8-483b-9c6c-6b27e9afa9bc" providerId="ADAL" clId="{BF04C754-5BF4-4E83-9615-DB14FA25AF8A}" dt="2023-10-12T11:38:20.867" v="298"/>
          <ac:spMkLst>
            <pc:docMk/>
            <pc:sldMk cId="2376958513" sldId="260"/>
            <ac:spMk id="10656" creationId="{0B5D10C5-7AE0-0463-CBBF-8754AA29FF35}"/>
          </ac:spMkLst>
        </pc:spChg>
        <pc:spChg chg="mod">
          <ac:chgData name="White, Alex" userId="eff6cc8c-37d8-483b-9c6c-6b27e9afa9bc" providerId="ADAL" clId="{BF04C754-5BF4-4E83-9615-DB14FA25AF8A}" dt="2023-10-12T11:38:20.867" v="298"/>
          <ac:spMkLst>
            <pc:docMk/>
            <pc:sldMk cId="2376958513" sldId="260"/>
            <ac:spMk id="10657" creationId="{542AD70F-B5EA-EC47-58F5-6F23EACEE9F9}"/>
          </ac:spMkLst>
        </pc:spChg>
        <pc:spChg chg="mod">
          <ac:chgData name="White, Alex" userId="eff6cc8c-37d8-483b-9c6c-6b27e9afa9bc" providerId="ADAL" clId="{BF04C754-5BF4-4E83-9615-DB14FA25AF8A}" dt="2023-10-12T11:38:20.867" v="298"/>
          <ac:spMkLst>
            <pc:docMk/>
            <pc:sldMk cId="2376958513" sldId="260"/>
            <ac:spMk id="10658" creationId="{B483626E-3C18-D87F-8028-C555945DF0D3}"/>
          </ac:spMkLst>
        </pc:spChg>
        <pc:spChg chg="mod">
          <ac:chgData name="White, Alex" userId="eff6cc8c-37d8-483b-9c6c-6b27e9afa9bc" providerId="ADAL" clId="{BF04C754-5BF4-4E83-9615-DB14FA25AF8A}" dt="2023-10-12T11:38:20.867" v="298"/>
          <ac:spMkLst>
            <pc:docMk/>
            <pc:sldMk cId="2376958513" sldId="260"/>
            <ac:spMk id="10659" creationId="{EDEE5342-1C6D-7C72-7276-635F7714EB27}"/>
          </ac:spMkLst>
        </pc:spChg>
        <pc:spChg chg="mod">
          <ac:chgData name="White, Alex" userId="eff6cc8c-37d8-483b-9c6c-6b27e9afa9bc" providerId="ADAL" clId="{BF04C754-5BF4-4E83-9615-DB14FA25AF8A}" dt="2023-10-12T11:38:20.867" v="298"/>
          <ac:spMkLst>
            <pc:docMk/>
            <pc:sldMk cId="2376958513" sldId="260"/>
            <ac:spMk id="10660" creationId="{18B7CB6F-F856-4F75-F2E7-A0B9E5CE7DA5}"/>
          </ac:spMkLst>
        </pc:spChg>
        <pc:spChg chg="mod">
          <ac:chgData name="White, Alex" userId="eff6cc8c-37d8-483b-9c6c-6b27e9afa9bc" providerId="ADAL" clId="{BF04C754-5BF4-4E83-9615-DB14FA25AF8A}" dt="2023-10-12T11:38:20.867" v="298"/>
          <ac:spMkLst>
            <pc:docMk/>
            <pc:sldMk cId="2376958513" sldId="260"/>
            <ac:spMk id="10661" creationId="{686AB830-4443-3648-A3E7-870214E8E4E9}"/>
          </ac:spMkLst>
        </pc:spChg>
        <pc:spChg chg="mod">
          <ac:chgData name="White, Alex" userId="eff6cc8c-37d8-483b-9c6c-6b27e9afa9bc" providerId="ADAL" clId="{BF04C754-5BF4-4E83-9615-DB14FA25AF8A}" dt="2023-10-12T11:38:20.867" v="298"/>
          <ac:spMkLst>
            <pc:docMk/>
            <pc:sldMk cId="2376958513" sldId="260"/>
            <ac:spMk id="10662" creationId="{ACCE2D2D-51C3-2F18-A726-14D224BC40A9}"/>
          </ac:spMkLst>
        </pc:spChg>
        <pc:spChg chg="mod">
          <ac:chgData name="White, Alex" userId="eff6cc8c-37d8-483b-9c6c-6b27e9afa9bc" providerId="ADAL" clId="{BF04C754-5BF4-4E83-9615-DB14FA25AF8A}" dt="2023-10-12T11:38:20.867" v="298"/>
          <ac:spMkLst>
            <pc:docMk/>
            <pc:sldMk cId="2376958513" sldId="260"/>
            <ac:spMk id="10663" creationId="{39517844-D3AB-27B1-9FCA-362957CA19F9}"/>
          </ac:spMkLst>
        </pc:spChg>
        <pc:spChg chg="mod">
          <ac:chgData name="White, Alex" userId="eff6cc8c-37d8-483b-9c6c-6b27e9afa9bc" providerId="ADAL" clId="{BF04C754-5BF4-4E83-9615-DB14FA25AF8A}" dt="2023-10-12T11:38:20.867" v="298"/>
          <ac:spMkLst>
            <pc:docMk/>
            <pc:sldMk cId="2376958513" sldId="260"/>
            <ac:spMk id="10664" creationId="{3B3BF4B3-BC97-4047-0525-A0847249CBDC}"/>
          </ac:spMkLst>
        </pc:spChg>
        <pc:spChg chg="mod">
          <ac:chgData name="White, Alex" userId="eff6cc8c-37d8-483b-9c6c-6b27e9afa9bc" providerId="ADAL" clId="{BF04C754-5BF4-4E83-9615-DB14FA25AF8A}" dt="2023-10-12T11:38:20.867" v="298"/>
          <ac:spMkLst>
            <pc:docMk/>
            <pc:sldMk cId="2376958513" sldId="260"/>
            <ac:spMk id="10665" creationId="{F58707B1-128D-E528-85B5-7473DFDDAB4F}"/>
          </ac:spMkLst>
        </pc:spChg>
        <pc:spChg chg="mod">
          <ac:chgData name="White, Alex" userId="eff6cc8c-37d8-483b-9c6c-6b27e9afa9bc" providerId="ADAL" clId="{BF04C754-5BF4-4E83-9615-DB14FA25AF8A}" dt="2023-10-12T11:38:20.867" v="298"/>
          <ac:spMkLst>
            <pc:docMk/>
            <pc:sldMk cId="2376958513" sldId="260"/>
            <ac:spMk id="10666" creationId="{EEAD078A-0E2C-5211-1D41-F4C4E57D6651}"/>
          </ac:spMkLst>
        </pc:spChg>
        <pc:spChg chg="mod">
          <ac:chgData name="White, Alex" userId="eff6cc8c-37d8-483b-9c6c-6b27e9afa9bc" providerId="ADAL" clId="{BF04C754-5BF4-4E83-9615-DB14FA25AF8A}" dt="2023-10-12T11:38:20.867" v="298"/>
          <ac:spMkLst>
            <pc:docMk/>
            <pc:sldMk cId="2376958513" sldId="260"/>
            <ac:spMk id="10667" creationId="{5BA3A727-CB7F-F18A-0CCC-DB380487CD1E}"/>
          </ac:spMkLst>
        </pc:spChg>
        <pc:spChg chg="mod">
          <ac:chgData name="White, Alex" userId="eff6cc8c-37d8-483b-9c6c-6b27e9afa9bc" providerId="ADAL" clId="{BF04C754-5BF4-4E83-9615-DB14FA25AF8A}" dt="2023-10-12T11:38:20.867" v="298"/>
          <ac:spMkLst>
            <pc:docMk/>
            <pc:sldMk cId="2376958513" sldId="260"/>
            <ac:spMk id="10668" creationId="{1B57D882-9018-B6AA-9F24-EB6286322FA6}"/>
          </ac:spMkLst>
        </pc:spChg>
        <pc:spChg chg="mod">
          <ac:chgData name="White, Alex" userId="eff6cc8c-37d8-483b-9c6c-6b27e9afa9bc" providerId="ADAL" clId="{BF04C754-5BF4-4E83-9615-DB14FA25AF8A}" dt="2023-10-12T11:38:20.867" v="298"/>
          <ac:spMkLst>
            <pc:docMk/>
            <pc:sldMk cId="2376958513" sldId="260"/>
            <ac:spMk id="10669" creationId="{D7263B3D-31A8-1E3F-0F3D-59DE2677A814}"/>
          </ac:spMkLst>
        </pc:spChg>
        <pc:spChg chg="mod">
          <ac:chgData name="White, Alex" userId="eff6cc8c-37d8-483b-9c6c-6b27e9afa9bc" providerId="ADAL" clId="{BF04C754-5BF4-4E83-9615-DB14FA25AF8A}" dt="2023-10-12T11:38:20.867" v="298"/>
          <ac:spMkLst>
            <pc:docMk/>
            <pc:sldMk cId="2376958513" sldId="260"/>
            <ac:spMk id="10670" creationId="{B0B8CE7E-FC8D-8A89-D387-DE12C05D15A0}"/>
          </ac:spMkLst>
        </pc:spChg>
        <pc:spChg chg="mod">
          <ac:chgData name="White, Alex" userId="eff6cc8c-37d8-483b-9c6c-6b27e9afa9bc" providerId="ADAL" clId="{BF04C754-5BF4-4E83-9615-DB14FA25AF8A}" dt="2023-10-12T11:38:20.867" v="298"/>
          <ac:spMkLst>
            <pc:docMk/>
            <pc:sldMk cId="2376958513" sldId="260"/>
            <ac:spMk id="10671" creationId="{77AD90F1-671E-C4C2-4EC0-33A90011A97C}"/>
          </ac:spMkLst>
        </pc:spChg>
        <pc:spChg chg="mod">
          <ac:chgData name="White, Alex" userId="eff6cc8c-37d8-483b-9c6c-6b27e9afa9bc" providerId="ADAL" clId="{BF04C754-5BF4-4E83-9615-DB14FA25AF8A}" dt="2023-10-12T11:38:20.867" v="298"/>
          <ac:spMkLst>
            <pc:docMk/>
            <pc:sldMk cId="2376958513" sldId="260"/>
            <ac:spMk id="10672" creationId="{926846F4-F1A5-D2DD-E37C-7BA4A8A2193F}"/>
          </ac:spMkLst>
        </pc:spChg>
        <pc:spChg chg="mod">
          <ac:chgData name="White, Alex" userId="eff6cc8c-37d8-483b-9c6c-6b27e9afa9bc" providerId="ADAL" clId="{BF04C754-5BF4-4E83-9615-DB14FA25AF8A}" dt="2023-10-12T11:38:20.867" v="298"/>
          <ac:spMkLst>
            <pc:docMk/>
            <pc:sldMk cId="2376958513" sldId="260"/>
            <ac:spMk id="10673" creationId="{4414D804-39C6-2515-1AA8-8F9E9F136AE5}"/>
          </ac:spMkLst>
        </pc:spChg>
        <pc:spChg chg="mod">
          <ac:chgData name="White, Alex" userId="eff6cc8c-37d8-483b-9c6c-6b27e9afa9bc" providerId="ADAL" clId="{BF04C754-5BF4-4E83-9615-DB14FA25AF8A}" dt="2023-10-12T11:38:20.867" v="298"/>
          <ac:spMkLst>
            <pc:docMk/>
            <pc:sldMk cId="2376958513" sldId="260"/>
            <ac:spMk id="10674" creationId="{57A618BF-D1B8-EFC6-77EE-10771E8D5250}"/>
          </ac:spMkLst>
        </pc:spChg>
        <pc:spChg chg="mod">
          <ac:chgData name="White, Alex" userId="eff6cc8c-37d8-483b-9c6c-6b27e9afa9bc" providerId="ADAL" clId="{BF04C754-5BF4-4E83-9615-DB14FA25AF8A}" dt="2023-10-12T11:38:20.867" v="298"/>
          <ac:spMkLst>
            <pc:docMk/>
            <pc:sldMk cId="2376958513" sldId="260"/>
            <ac:spMk id="10675" creationId="{D7439C58-4CBD-6C0D-44DE-0EEEC17B7715}"/>
          </ac:spMkLst>
        </pc:spChg>
        <pc:spChg chg="mod">
          <ac:chgData name="White, Alex" userId="eff6cc8c-37d8-483b-9c6c-6b27e9afa9bc" providerId="ADAL" clId="{BF04C754-5BF4-4E83-9615-DB14FA25AF8A}" dt="2023-10-12T11:38:20.867" v="298"/>
          <ac:spMkLst>
            <pc:docMk/>
            <pc:sldMk cId="2376958513" sldId="260"/>
            <ac:spMk id="10676" creationId="{60635A5B-9C4F-65F2-FEF4-17765FF8F990}"/>
          </ac:spMkLst>
        </pc:spChg>
        <pc:spChg chg="mod">
          <ac:chgData name="White, Alex" userId="eff6cc8c-37d8-483b-9c6c-6b27e9afa9bc" providerId="ADAL" clId="{BF04C754-5BF4-4E83-9615-DB14FA25AF8A}" dt="2023-10-12T11:38:20.867" v="298"/>
          <ac:spMkLst>
            <pc:docMk/>
            <pc:sldMk cId="2376958513" sldId="260"/>
            <ac:spMk id="10688" creationId="{3AD154F3-9CDD-92B5-EF7B-64D771170C0C}"/>
          </ac:spMkLst>
        </pc:spChg>
        <pc:spChg chg="mod">
          <ac:chgData name="White, Alex" userId="eff6cc8c-37d8-483b-9c6c-6b27e9afa9bc" providerId="ADAL" clId="{BF04C754-5BF4-4E83-9615-DB14FA25AF8A}" dt="2023-10-12T11:38:20.867" v="298"/>
          <ac:spMkLst>
            <pc:docMk/>
            <pc:sldMk cId="2376958513" sldId="260"/>
            <ac:spMk id="10689" creationId="{FA64BE9F-A622-DEC5-4B68-1540BB8F7C92}"/>
          </ac:spMkLst>
        </pc:spChg>
        <pc:spChg chg="mod">
          <ac:chgData name="White, Alex" userId="eff6cc8c-37d8-483b-9c6c-6b27e9afa9bc" providerId="ADAL" clId="{BF04C754-5BF4-4E83-9615-DB14FA25AF8A}" dt="2023-10-12T11:38:20.867" v="298"/>
          <ac:spMkLst>
            <pc:docMk/>
            <pc:sldMk cId="2376958513" sldId="260"/>
            <ac:spMk id="10690" creationId="{CB4ECDBC-885C-EA88-37B3-672F2D9A8F7A}"/>
          </ac:spMkLst>
        </pc:spChg>
        <pc:spChg chg="mod">
          <ac:chgData name="White, Alex" userId="eff6cc8c-37d8-483b-9c6c-6b27e9afa9bc" providerId="ADAL" clId="{BF04C754-5BF4-4E83-9615-DB14FA25AF8A}" dt="2023-10-12T11:38:20.867" v="298"/>
          <ac:spMkLst>
            <pc:docMk/>
            <pc:sldMk cId="2376958513" sldId="260"/>
            <ac:spMk id="10691" creationId="{3BA720D1-C6FC-97CE-2E77-D2A6B3A55D5F}"/>
          </ac:spMkLst>
        </pc:spChg>
        <pc:spChg chg="mod">
          <ac:chgData name="White, Alex" userId="eff6cc8c-37d8-483b-9c6c-6b27e9afa9bc" providerId="ADAL" clId="{BF04C754-5BF4-4E83-9615-DB14FA25AF8A}" dt="2023-10-12T11:38:20.867" v="298"/>
          <ac:spMkLst>
            <pc:docMk/>
            <pc:sldMk cId="2376958513" sldId="260"/>
            <ac:spMk id="10692" creationId="{98E414B8-84F4-119B-0E89-3737CCD94869}"/>
          </ac:spMkLst>
        </pc:spChg>
        <pc:spChg chg="mod">
          <ac:chgData name="White, Alex" userId="eff6cc8c-37d8-483b-9c6c-6b27e9afa9bc" providerId="ADAL" clId="{BF04C754-5BF4-4E83-9615-DB14FA25AF8A}" dt="2023-10-12T11:38:20.867" v="298"/>
          <ac:spMkLst>
            <pc:docMk/>
            <pc:sldMk cId="2376958513" sldId="260"/>
            <ac:spMk id="10693" creationId="{FA64C346-B785-AA79-ED13-98F72891BEB1}"/>
          </ac:spMkLst>
        </pc:spChg>
        <pc:spChg chg="mod">
          <ac:chgData name="White, Alex" userId="eff6cc8c-37d8-483b-9c6c-6b27e9afa9bc" providerId="ADAL" clId="{BF04C754-5BF4-4E83-9615-DB14FA25AF8A}" dt="2023-10-12T11:38:20.867" v="298"/>
          <ac:spMkLst>
            <pc:docMk/>
            <pc:sldMk cId="2376958513" sldId="260"/>
            <ac:spMk id="10694" creationId="{D60F74E0-0477-C784-AA4E-E1AA2C42CD75}"/>
          </ac:spMkLst>
        </pc:spChg>
        <pc:spChg chg="mod">
          <ac:chgData name="White, Alex" userId="eff6cc8c-37d8-483b-9c6c-6b27e9afa9bc" providerId="ADAL" clId="{BF04C754-5BF4-4E83-9615-DB14FA25AF8A}" dt="2023-10-12T11:38:20.867" v="298"/>
          <ac:spMkLst>
            <pc:docMk/>
            <pc:sldMk cId="2376958513" sldId="260"/>
            <ac:spMk id="10695" creationId="{EE1605C5-BD67-69F2-3193-39C51D087151}"/>
          </ac:spMkLst>
        </pc:spChg>
        <pc:spChg chg="mod">
          <ac:chgData name="White, Alex" userId="eff6cc8c-37d8-483b-9c6c-6b27e9afa9bc" providerId="ADAL" clId="{BF04C754-5BF4-4E83-9615-DB14FA25AF8A}" dt="2023-10-12T11:38:20.867" v="298"/>
          <ac:spMkLst>
            <pc:docMk/>
            <pc:sldMk cId="2376958513" sldId="260"/>
            <ac:spMk id="10696" creationId="{80CF99AB-091C-CCB1-531F-EB5F3AEA3F50}"/>
          </ac:spMkLst>
        </pc:spChg>
        <pc:spChg chg="mod">
          <ac:chgData name="White, Alex" userId="eff6cc8c-37d8-483b-9c6c-6b27e9afa9bc" providerId="ADAL" clId="{BF04C754-5BF4-4E83-9615-DB14FA25AF8A}" dt="2023-10-12T11:38:20.867" v="298"/>
          <ac:spMkLst>
            <pc:docMk/>
            <pc:sldMk cId="2376958513" sldId="260"/>
            <ac:spMk id="10697" creationId="{68AF69C5-DCD6-20FD-0944-3AE3D46CA6E7}"/>
          </ac:spMkLst>
        </pc:spChg>
        <pc:spChg chg="mod">
          <ac:chgData name="White, Alex" userId="eff6cc8c-37d8-483b-9c6c-6b27e9afa9bc" providerId="ADAL" clId="{BF04C754-5BF4-4E83-9615-DB14FA25AF8A}" dt="2023-10-12T11:38:20.867" v="298"/>
          <ac:spMkLst>
            <pc:docMk/>
            <pc:sldMk cId="2376958513" sldId="260"/>
            <ac:spMk id="10698" creationId="{E9B5783A-116B-0926-D8D2-6C299B8C7515}"/>
          </ac:spMkLst>
        </pc:spChg>
        <pc:spChg chg="mod">
          <ac:chgData name="White, Alex" userId="eff6cc8c-37d8-483b-9c6c-6b27e9afa9bc" providerId="ADAL" clId="{BF04C754-5BF4-4E83-9615-DB14FA25AF8A}" dt="2023-10-12T11:38:20.867" v="298"/>
          <ac:spMkLst>
            <pc:docMk/>
            <pc:sldMk cId="2376958513" sldId="260"/>
            <ac:spMk id="10699" creationId="{615C500A-2B88-9144-522C-96C68246A73E}"/>
          </ac:spMkLst>
        </pc:spChg>
        <pc:spChg chg="mod">
          <ac:chgData name="White, Alex" userId="eff6cc8c-37d8-483b-9c6c-6b27e9afa9bc" providerId="ADAL" clId="{BF04C754-5BF4-4E83-9615-DB14FA25AF8A}" dt="2023-10-12T11:38:20.867" v="298"/>
          <ac:spMkLst>
            <pc:docMk/>
            <pc:sldMk cId="2376958513" sldId="260"/>
            <ac:spMk id="10700" creationId="{C09E32D1-C58A-F95B-D0B7-C48AE0A97839}"/>
          </ac:spMkLst>
        </pc:spChg>
        <pc:spChg chg="mod">
          <ac:chgData name="White, Alex" userId="eff6cc8c-37d8-483b-9c6c-6b27e9afa9bc" providerId="ADAL" clId="{BF04C754-5BF4-4E83-9615-DB14FA25AF8A}" dt="2023-10-12T11:38:20.867" v="298"/>
          <ac:spMkLst>
            <pc:docMk/>
            <pc:sldMk cId="2376958513" sldId="260"/>
            <ac:spMk id="10701" creationId="{B395899C-042D-8626-84E4-F09B6B132E2B}"/>
          </ac:spMkLst>
        </pc:spChg>
        <pc:spChg chg="mod">
          <ac:chgData name="White, Alex" userId="eff6cc8c-37d8-483b-9c6c-6b27e9afa9bc" providerId="ADAL" clId="{BF04C754-5BF4-4E83-9615-DB14FA25AF8A}" dt="2023-10-12T11:38:20.867" v="298"/>
          <ac:spMkLst>
            <pc:docMk/>
            <pc:sldMk cId="2376958513" sldId="260"/>
            <ac:spMk id="10702" creationId="{8D55E991-6C18-DEF2-08CF-1A21E7376525}"/>
          </ac:spMkLst>
        </pc:spChg>
        <pc:spChg chg="mod">
          <ac:chgData name="White, Alex" userId="eff6cc8c-37d8-483b-9c6c-6b27e9afa9bc" providerId="ADAL" clId="{BF04C754-5BF4-4E83-9615-DB14FA25AF8A}" dt="2023-10-12T11:38:20.867" v="298"/>
          <ac:spMkLst>
            <pc:docMk/>
            <pc:sldMk cId="2376958513" sldId="260"/>
            <ac:spMk id="10703" creationId="{D29FCDEB-5C4A-B292-926B-4091E10E85C7}"/>
          </ac:spMkLst>
        </pc:spChg>
        <pc:spChg chg="mod">
          <ac:chgData name="White, Alex" userId="eff6cc8c-37d8-483b-9c6c-6b27e9afa9bc" providerId="ADAL" clId="{BF04C754-5BF4-4E83-9615-DB14FA25AF8A}" dt="2023-10-12T11:38:20.867" v="298"/>
          <ac:spMkLst>
            <pc:docMk/>
            <pc:sldMk cId="2376958513" sldId="260"/>
            <ac:spMk id="10704" creationId="{1562C6E2-7F93-BAE7-A1D2-EF2131DB5CCC}"/>
          </ac:spMkLst>
        </pc:spChg>
        <pc:spChg chg="mod">
          <ac:chgData name="White, Alex" userId="eff6cc8c-37d8-483b-9c6c-6b27e9afa9bc" providerId="ADAL" clId="{BF04C754-5BF4-4E83-9615-DB14FA25AF8A}" dt="2023-10-12T11:38:20.867" v="298"/>
          <ac:spMkLst>
            <pc:docMk/>
            <pc:sldMk cId="2376958513" sldId="260"/>
            <ac:spMk id="10705" creationId="{DD74AE61-783D-7698-7E02-2B6F89D76D51}"/>
          </ac:spMkLst>
        </pc:spChg>
        <pc:spChg chg="mod">
          <ac:chgData name="White, Alex" userId="eff6cc8c-37d8-483b-9c6c-6b27e9afa9bc" providerId="ADAL" clId="{BF04C754-5BF4-4E83-9615-DB14FA25AF8A}" dt="2023-10-12T11:38:20.867" v="298"/>
          <ac:spMkLst>
            <pc:docMk/>
            <pc:sldMk cId="2376958513" sldId="260"/>
            <ac:spMk id="10706" creationId="{D9543A90-1E88-EEA2-9B5E-F5AD4202D22D}"/>
          </ac:spMkLst>
        </pc:spChg>
        <pc:spChg chg="mod">
          <ac:chgData name="White, Alex" userId="eff6cc8c-37d8-483b-9c6c-6b27e9afa9bc" providerId="ADAL" clId="{BF04C754-5BF4-4E83-9615-DB14FA25AF8A}" dt="2023-10-12T11:38:20.867" v="298"/>
          <ac:spMkLst>
            <pc:docMk/>
            <pc:sldMk cId="2376958513" sldId="260"/>
            <ac:spMk id="10707" creationId="{2B4C01DC-9F98-C82A-A589-CA386ED795D5}"/>
          </ac:spMkLst>
        </pc:spChg>
        <pc:spChg chg="mod">
          <ac:chgData name="White, Alex" userId="eff6cc8c-37d8-483b-9c6c-6b27e9afa9bc" providerId="ADAL" clId="{BF04C754-5BF4-4E83-9615-DB14FA25AF8A}" dt="2023-10-12T11:38:20.867" v="298"/>
          <ac:spMkLst>
            <pc:docMk/>
            <pc:sldMk cId="2376958513" sldId="260"/>
            <ac:spMk id="10708" creationId="{DFF5656C-362B-9A35-A0D9-BBC53B007685}"/>
          </ac:spMkLst>
        </pc:spChg>
        <pc:spChg chg="mod">
          <ac:chgData name="White, Alex" userId="eff6cc8c-37d8-483b-9c6c-6b27e9afa9bc" providerId="ADAL" clId="{BF04C754-5BF4-4E83-9615-DB14FA25AF8A}" dt="2023-10-12T11:38:20.867" v="298"/>
          <ac:spMkLst>
            <pc:docMk/>
            <pc:sldMk cId="2376958513" sldId="260"/>
            <ac:spMk id="10709" creationId="{22D29396-73BE-1BC1-8964-5AAA72CD5131}"/>
          </ac:spMkLst>
        </pc:spChg>
        <pc:spChg chg="mod">
          <ac:chgData name="White, Alex" userId="eff6cc8c-37d8-483b-9c6c-6b27e9afa9bc" providerId="ADAL" clId="{BF04C754-5BF4-4E83-9615-DB14FA25AF8A}" dt="2023-10-12T11:38:20.867" v="298"/>
          <ac:spMkLst>
            <pc:docMk/>
            <pc:sldMk cId="2376958513" sldId="260"/>
            <ac:spMk id="10710" creationId="{FF044B2E-BFBA-BD86-8960-298722AA6402}"/>
          </ac:spMkLst>
        </pc:spChg>
        <pc:spChg chg="mod">
          <ac:chgData name="White, Alex" userId="eff6cc8c-37d8-483b-9c6c-6b27e9afa9bc" providerId="ADAL" clId="{BF04C754-5BF4-4E83-9615-DB14FA25AF8A}" dt="2023-10-12T11:38:20.867" v="298"/>
          <ac:spMkLst>
            <pc:docMk/>
            <pc:sldMk cId="2376958513" sldId="260"/>
            <ac:spMk id="10711" creationId="{016ADCF4-EC09-B63E-8E93-EDC272524563}"/>
          </ac:spMkLst>
        </pc:spChg>
        <pc:spChg chg="mod">
          <ac:chgData name="White, Alex" userId="eff6cc8c-37d8-483b-9c6c-6b27e9afa9bc" providerId="ADAL" clId="{BF04C754-5BF4-4E83-9615-DB14FA25AF8A}" dt="2023-10-12T11:38:20.867" v="298"/>
          <ac:spMkLst>
            <pc:docMk/>
            <pc:sldMk cId="2376958513" sldId="260"/>
            <ac:spMk id="10712" creationId="{2414D4B0-B25C-CD2F-34D4-D46C06FED405}"/>
          </ac:spMkLst>
        </pc:spChg>
        <pc:spChg chg="mod">
          <ac:chgData name="White, Alex" userId="eff6cc8c-37d8-483b-9c6c-6b27e9afa9bc" providerId="ADAL" clId="{BF04C754-5BF4-4E83-9615-DB14FA25AF8A}" dt="2023-10-12T11:38:20.867" v="298"/>
          <ac:spMkLst>
            <pc:docMk/>
            <pc:sldMk cId="2376958513" sldId="260"/>
            <ac:spMk id="10713" creationId="{76F5E562-E72E-A719-96F4-2024715C9DAB}"/>
          </ac:spMkLst>
        </pc:spChg>
        <pc:spChg chg="mod">
          <ac:chgData name="White, Alex" userId="eff6cc8c-37d8-483b-9c6c-6b27e9afa9bc" providerId="ADAL" clId="{BF04C754-5BF4-4E83-9615-DB14FA25AF8A}" dt="2023-10-12T11:38:20.867" v="298"/>
          <ac:spMkLst>
            <pc:docMk/>
            <pc:sldMk cId="2376958513" sldId="260"/>
            <ac:spMk id="10714" creationId="{21AE7C8A-52EB-B26B-E0DF-6E325F56AF8D}"/>
          </ac:spMkLst>
        </pc:spChg>
        <pc:spChg chg="mod">
          <ac:chgData name="White, Alex" userId="eff6cc8c-37d8-483b-9c6c-6b27e9afa9bc" providerId="ADAL" clId="{BF04C754-5BF4-4E83-9615-DB14FA25AF8A}" dt="2023-10-12T11:38:20.867" v="298"/>
          <ac:spMkLst>
            <pc:docMk/>
            <pc:sldMk cId="2376958513" sldId="260"/>
            <ac:spMk id="10715" creationId="{F85621E4-B241-06F3-2D1B-4570F749D197}"/>
          </ac:spMkLst>
        </pc:spChg>
        <pc:spChg chg="mod">
          <ac:chgData name="White, Alex" userId="eff6cc8c-37d8-483b-9c6c-6b27e9afa9bc" providerId="ADAL" clId="{BF04C754-5BF4-4E83-9615-DB14FA25AF8A}" dt="2023-10-12T11:38:20.867" v="298"/>
          <ac:spMkLst>
            <pc:docMk/>
            <pc:sldMk cId="2376958513" sldId="260"/>
            <ac:spMk id="10716" creationId="{87D4F1D5-FC91-C363-6A4E-6BA06B5FF91D}"/>
          </ac:spMkLst>
        </pc:spChg>
        <pc:spChg chg="mod">
          <ac:chgData name="White, Alex" userId="eff6cc8c-37d8-483b-9c6c-6b27e9afa9bc" providerId="ADAL" clId="{BF04C754-5BF4-4E83-9615-DB14FA25AF8A}" dt="2023-10-12T11:38:20.867" v="298"/>
          <ac:spMkLst>
            <pc:docMk/>
            <pc:sldMk cId="2376958513" sldId="260"/>
            <ac:spMk id="10717" creationId="{61257643-1FC0-B43A-AB55-2705CA390E3D}"/>
          </ac:spMkLst>
        </pc:spChg>
        <pc:spChg chg="mod">
          <ac:chgData name="White, Alex" userId="eff6cc8c-37d8-483b-9c6c-6b27e9afa9bc" providerId="ADAL" clId="{BF04C754-5BF4-4E83-9615-DB14FA25AF8A}" dt="2023-10-12T11:38:20.867" v="298"/>
          <ac:spMkLst>
            <pc:docMk/>
            <pc:sldMk cId="2376958513" sldId="260"/>
            <ac:spMk id="10718" creationId="{8C04080E-3EF5-7058-0C9D-E8F6B0875EB8}"/>
          </ac:spMkLst>
        </pc:spChg>
        <pc:spChg chg="mod">
          <ac:chgData name="White, Alex" userId="eff6cc8c-37d8-483b-9c6c-6b27e9afa9bc" providerId="ADAL" clId="{BF04C754-5BF4-4E83-9615-DB14FA25AF8A}" dt="2023-10-12T11:38:20.867" v="298"/>
          <ac:spMkLst>
            <pc:docMk/>
            <pc:sldMk cId="2376958513" sldId="260"/>
            <ac:spMk id="10719" creationId="{D5A6B85E-FD04-A629-899E-E994CFD22473}"/>
          </ac:spMkLst>
        </pc:spChg>
        <pc:spChg chg="mod">
          <ac:chgData name="White, Alex" userId="eff6cc8c-37d8-483b-9c6c-6b27e9afa9bc" providerId="ADAL" clId="{BF04C754-5BF4-4E83-9615-DB14FA25AF8A}" dt="2023-10-12T11:38:20.867" v="298"/>
          <ac:spMkLst>
            <pc:docMk/>
            <pc:sldMk cId="2376958513" sldId="260"/>
            <ac:spMk id="10720" creationId="{15221F9D-46F6-17AF-F59E-3DA0165308F4}"/>
          </ac:spMkLst>
        </pc:spChg>
        <pc:spChg chg="mod">
          <ac:chgData name="White, Alex" userId="eff6cc8c-37d8-483b-9c6c-6b27e9afa9bc" providerId="ADAL" clId="{BF04C754-5BF4-4E83-9615-DB14FA25AF8A}" dt="2023-10-12T11:38:20.867" v="298"/>
          <ac:spMkLst>
            <pc:docMk/>
            <pc:sldMk cId="2376958513" sldId="260"/>
            <ac:spMk id="10721" creationId="{5CA48A1F-906D-2D00-AEC5-70D807B8DC59}"/>
          </ac:spMkLst>
        </pc:spChg>
        <pc:spChg chg="mod">
          <ac:chgData name="White, Alex" userId="eff6cc8c-37d8-483b-9c6c-6b27e9afa9bc" providerId="ADAL" clId="{BF04C754-5BF4-4E83-9615-DB14FA25AF8A}" dt="2023-10-12T11:38:20.867" v="298"/>
          <ac:spMkLst>
            <pc:docMk/>
            <pc:sldMk cId="2376958513" sldId="260"/>
            <ac:spMk id="10722" creationId="{A853804D-3D05-A7C8-B78D-2A4AAC4EB474}"/>
          </ac:spMkLst>
        </pc:spChg>
        <pc:spChg chg="mod">
          <ac:chgData name="White, Alex" userId="eff6cc8c-37d8-483b-9c6c-6b27e9afa9bc" providerId="ADAL" clId="{BF04C754-5BF4-4E83-9615-DB14FA25AF8A}" dt="2023-10-12T11:38:20.867" v="298"/>
          <ac:spMkLst>
            <pc:docMk/>
            <pc:sldMk cId="2376958513" sldId="260"/>
            <ac:spMk id="10723" creationId="{B47FD445-FC21-A003-9A5B-67166FA913CA}"/>
          </ac:spMkLst>
        </pc:spChg>
        <pc:spChg chg="mod">
          <ac:chgData name="White, Alex" userId="eff6cc8c-37d8-483b-9c6c-6b27e9afa9bc" providerId="ADAL" clId="{BF04C754-5BF4-4E83-9615-DB14FA25AF8A}" dt="2023-10-12T11:38:20.867" v="298"/>
          <ac:spMkLst>
            <pc:docMk/>
            <pc:sldMk cId="2376958513" sldId="260"/>
            <ac:spMk id="10724" creationId="{F8C33539-B14D-B21E-6D0D-43EE12E7E4FC}"/>
          </ac:spMkLst>
        </pc:spChg>
        <pc:spChg chg="mod">
          <ac:chgData name="White, Alex" userId="eff6cc8c-37d8-483b-9c6c-6b27e9afa9bc" providerId="ADAL" clId="{BF04C754-5BF4-4E83-9615-DB14FA25AF8A}" dt="2023-10-12T11:38:20.867" v="298"/>
          <ac:spMkLst>
            <pc:docMk/>
            <pc:sldMk cId="2376958513" sldId="260"/>
            <ac:spMk id="10725" creationId="{733BA95F-9DF7-C37F-0EDD-AF9174D68061}"/>
          </ac:spMkLst>
        </pc:spChg>
        <pc:spChg chg="mod">
          <ac:chgData name="White, Alex" userId="eff6cc8c-37d8-483b-9c6c-6b27e9afa9bc" providerId="ADAL" clId="{BF04C754-5BF4-4E83-9615-DB14FA25AF8A}" dt="2023-10-12T11:38:20.867" v="298"/>
          <ac:spMkLst>
            <pc:docMk/>
            <pc:sldMk cId="2376958513" sldId="260"/>
            <ac:spMk id="10726" creationId="{CA76684B-ADEA-E911-48CE-31AB53E45A0F}"/>
          </ac:spMkLst>
        </pc:spChg>
        <pc:spChg chg="mod">
          <ac:chgData name="White, Alex" userId="eff6cc8c-37d8-483b-9c6c-6b27e9afa9bc" providerId="ADAL" clId="{BF04C754-5BF4-4E83-9615-DB14FA25AF8A}" dt="2023-10-12T11:38:20.867" v="298"/>
          <ac:spMkLst>
            <pc:docMk/>
            <pc:sldMk cId="2376958513" sldId="260"/>
            <ac:spMk id="10727" creationId="{8CF2E6B7-B16D-7105-A723-7FBE2AC76152}"/>
          </ac:spMkLst>
        </pc:spChg>
        <pc:spChg chg="mod">
          <ac:chgData name="White, Alex" userId="eff6cc8c-37d8-483b-9c6c-6b27e9afa9bc" providerId="ADAL" clId="{BF04C754-5BF4-4E83-9615-DB14FA25AF8A}" dt="2023-10-12T11:38:20.867" v="298"/>
          <ac:spMkLst>
            <pc:docMk/>
            <pc:sldMk cId="2376958513" sldId="260"/>
            <ac:spMk id="10728" creationId="{A979BC2F-1317-1499-B560-E7524F9C5294}"/>
          </ac:spMkLst>
        </pc:spChg>
        <pc:spChg chg="mod">
          <ac:chgData name="White, Alex" userId="eff6cc8c-37d8-483b-9c6c-6b27e9afa9bc" providerId="ADAL" clId="{BF04C754-5BF4-4E83-9615-DB14FA25AF8A}" dt="2023-10-12T11:38:20.867" v="298"/>
          <ac:spMkLst>
            <pc:docMk/>
            <pc:sldMk cId="2376958513" sldId="260"/>
            <ac:spMk id="10729" creationId="{82508752-F736-1FD8-1790-631B5CC22DCC}"/>
          </ac:spMkLst>
        </pc:spChg>
        <pc:spChg chg="mod">
          <ac:chgData name="White, Alex" userId="eff6cc8c-37d8-483b-9c6c-6b27e9afa9bc" providerId="ADAL" clId="{BF04C754-5BF4-4E83-9615-DB14FA25AF8A}" dt="2023-10-12T11:38:20.867" v="298"/>
          <ac:spMkLst>
            <pc:docMk/>
            <pc:sldMk cId="2376958513" sldId="260"/>
            <ac:spMk id="10730" creationId="{6E733A1F-716D-309C-6992-016140836435}"/>
          </ac:spMkLst>
        </pc:spChg>
        <pc:spChg chg="mod">
          <ac:chgData name="White, Alex" userId="eff6cc8c-37d8-483b-9c6c-6b27e9afa9bc" providerId="ADAL" clId="{BF04C754-5BF4-4E83-9615-DB14FA25AF8A}" dt="2023-10-12T11:38:20.867" v="298"/>
          <ac:spMkLst>
            <pc:docMk/>
            <pc:sldMk cId="2376958513" sldId="260"/>
            <ac:spMk id="10731" creationId="{A7942F85-4F06-514C-1A3F-9473A357BCCC}"/>
          </ac:spMkLst>
        </pc:spChg>
        <pc:spChg chg="mod">
          <ac:chgData name="White, Alex" userId="eff6cc8c-37d8-483b-9c6c-6b27e9afa9bc" providerId="ADAL" clId="{BF04C754-5BF4-4E83-9615-DB14FA25AF8A}" dt="2023-10-12T11:38:20.867" v="298"/>
          <ac:spMkLst>
            <pc:docMk/>
            <pc:sldMk cId="2376958513" sldId="260"/>
            <ac:spMk id="10732" creationId="{C918C3AE-EC7D-7BBD-0F55-F8AE120904C4}"/>
          </ac:spMkLst>
        </pc:spChg>
        <pc:spChg chg="mod">
          <ac:chgData name="White, Alex" userId="eff6cc8c-37d8-483b-9c6c-6b27e9afa9bc" providerId="ADAL" clId="{BF04C754-5BF4-4E83-9615-DB14FA25AF8A}" dt="2023-10-12T11:38:20.867" v="298"/>
          <ac:spMkLst>
            <pc:docMk/>
            <pc:sldMk cId="2376958513" sldId="260"/>
            <ac:spMk id="10733" creationId="{012197E5-1A8C-BF8D-BA46-1812F8F2A507}"/>
          </ac:spMkLst>
        </pc:spChg>
        <pc:spChg chg="mod">
          <ac:chgData name="White, Alex" userId="eff6cc8c-37d8-483b-9c6c-6b27e9afa9bc" providerId="ADAL" clId="{BF04C754-5BF4-4E83-9615-DB14FA25AF8A}" dt="2023-10-12T11:38:20.867" v="298"/>
          <ac:spMkLst>
            <pc:docMk/>
            <pc:sldMk cId="2376958513" sldId="260"/>
            <ac:spMk id="10734" creationId="{2F5F4FB0-C2EC-F644-A561-692C3B1CD6BE}"/>
          </ac:spMkLst>
        </pc:spChg>
        <pc:spChg chg="mod">
          <ac:chgData name="White, Alex" userId="eff6cc8c-37d8-483b-9c6c-6b27e9afa9bc" providerId="ADAL" clId="{BF04C754-5BF4-4E83-9615-DB14FA25AF8A}" dt="2023-10-12T11:38:20.867" v="298"/>
          <ac:spMkLst>
            <pc:docMk/>
            <pc:sldMk cId="2376958513" sldId="260"/>
            <ac:spMk id="10735" creationId="{13553A3A-A5A7-59E3-B33C-ECA2B342E72B}"/>
          </ac:spMkLst>
        </pc:spChg>
        <pc:spChg chg="mod">
          <ac:chgData name="White, Alex" userId="eff6cc8c-37d8-483b-9c6c-6b27e9afa9bc" providerId="ADAL" clId="{BF04C754-5BF4-4E83-9615-DB14FA25AF8A}" dt="2023-10-12T11:38:20.867" v="298"/>
          <ac:spMkLst>
            <pc:docMk/>
            <pc:sldMk cId="2376958513" sldId="260"/>
            <ac:spMk id="10736" creationId="{AB6E130C-FF1E-7C23-F4F1-3076DCE8CACC}"/>
          </ac:spMkLst>
        </pc:spChg>
        <pc:spChg chg="mod">
          <ac:chgData name="White, Alex" userId="eff6cc8c-37d8-483b-9c6c-6b27e9afa9bc" providerId="ADAL" clId="{BF04C754-5BF4-4E83-9615-DB14FA25AF8A}" dt="2023-10-12T11:38:20.867" v="298"/>
          <ac:spMkLst>
            <pc:docMk/>
            <pc:sldMk cId="2376958513" sldId="260"/>
            <ac:spMk id="10737" creationId="{1DF8B296-A6F5-9E53-37A2-0984F3538F12}"/>
          </ac:spMkLst>
        </pc:spChg>
        <pc:spChg chg="mod">
          <ac:chgData name="White, Alex" userId="eff6cc8c-37d8-483b-9c6c-6b27e9afa9bc" providerId="ADAL" clId="{BF04C754-5BF4-4E83-9615-DB14FA25AF8A}" dt="2023-10-12T11:38:20.867" v="298"/>
          <ac:spMkLst>
            <pc:docMk/>
            <pc:sldMk cId="2376958513" sldId="260"/>
            <ac:spMk id="10738" creationId="{619BA8E1-F1B6-C290-8859-6EEE83B420D0}"/>
          </ac:spMkLst>
        </pc:spChg>
        <pc:spChg chg="mod">
          <ac:chgData name="White, Alex" userId="eff6cc8c-37d8-483b-9c6c-6b27e9afa9bc" providerId="ADAL" clId="{BF04C754-5BF4-4E83-9615-DB14FA25AF8A}" dt="2023-10-12T11:38:20.867" v="298"/>
          <ac:spMkLst>
            <pc:docMk/>
            <pc:sldMk cId="2376958513" sldId="260"/>
            <ac:spMk id="10739" creationId="{172DA214-5E2E-6CEC-7C27-118966521128}"/>
          </ac:spMkLst>
        </pc:spChg>
        <pc:spChg chg="mod">
          <ac:chgData name="White, Alex" userId="eff6cc8c-37d8-483b-9c6c-6b27e9afa9bc" providerId="ADAL" clId="{BF04C754-5BF4-4E83-9615-DB14FA25AF8A}" dt="2023-10-12T11:38:20.867" v="298"/>
          <ac:spMkLst>
            <pc:docMk/>
            <pc:sldMk cId="2376958513" sldId="260"/>
            <ac:spMk id="10740" creationId="{2CDD1A97-922C-49EE-2C01-0C8504BF252F}"/>
          </ac:spMkLst>
        </pc:spChg>
        <pc:spChg chg="mod">
          <ac:chgData name="White, Alex" userId="eff6cc8c-37d8-483b-9c6c-6b27e9afa9bc" providerId="ADAL" clId="{BF04C754-5BF4-4E83-9615-DB14FA25AF8A}" dt="2023-10-12T11:38:20.867" v="298"/>
          <ac:spMkLst>
            <pc:docMk/>
            <pc:sldMk cId="2376958513" sldId="260"/>
            <ac:spMk id="10741" creationId="{6B4D7E03-BC57-5FE7-2E8A-CBCF84FB7EBC}"/>
          </ac:spMkLst>
        </pc:spChg>
        <pc:spChg chg="mod">
          <ac:chgData name="White, Alex" userId="eff6cc8c-37d8-483b-9c6c-6b27e9afa9bc" providerId="ADAL" clId="{BF04C754-5BF4-4E83-9615-DB14FA25AF8A}" dt="2023-10-12T11:38:20.867" v="298"/>
          <ac:spMkLst>
            <pc:docMk/>
            <pc:sldMk cId="2376958513" sldId="260"/>
            <ac:spMk id="10742" creationId="{770CE125-6563-0F54-786E-354CE15E868B}"/>
          </ac:spMkLst>
        </pc:spChg>
        <pc:spChg chg="mod">
          <ac:chgData name="White, Alex" userId="eff6cc8c-37d8-483b-9c6c-6b27e9afa9bc" providerId="ADAL" clId="{BF04C754-5BF4-4E83-9615-DB14FA25AF8A}" dt="2023-10-12T11:38:20.867" v="298"/>
          <ac:spMkLst>
            <pc:docMk/>
            <pc:sldMk cId="2376958513" sldId="260"/>
            <ac:spMk id="10743" creationId="{C7B5B81B-3CBB-53EF-06A9-E7F6749424F1}"/>
          </ac:spMkLst>
        </pc:spChg>
        <pc:spChg chg="mod">
          <ac:chgData name="White, Alex" userId="eff6cc8c-37d8-483b-9c6c-6b27e9afa9bc" providerId="ADAL" clId="{BF04C754-5BF4-4E83-9615-DB14FA25AF8A}" dt="2023-10-12T11:38:20.867" v="298"/>
          <ac:spMkLst>
            <pc:docMk/>
            <pc:sldMk cId="2376958513" sldId="260"/>
            <ac:spMk id="10744" creationId="{9F9DCB55-FAA5-C336-D4EB-F996F50CFFE6}"/>
          </ac:spMkLst>
        </pc:spChg>
        <pc:spChg chg="mod">
          <ac:chgData name="White, Alex" userId="eff6cc8c-37d8-483b-9c6c-6b27e9afa9bc" providerId="ADAL" clId="{BF04C754-5BF4-4E83-9615-DB14FA25AF8A}" dt="2023-10-12T11:38:20.867" v="298"/>
          <ac:spMkLst>
            <pc:docMk/>
            <pc:sldMk cId="2376958513" sldId="260"/>
            <ac:spMk id="10745" creationId="{8AB6D0A6-0B06-595F-0F21-373EDD06C061}"/>
          </ac:spMkLst>
        </pc:spChg>
        <pc:spChg chg="mod">
          <ac:chgData name="White, Alex" userId="eff6cc8c-37d8-483b-9c6c-6b27e9afa9bc" providerId="ADAL" clId="{BF04C754-5BF4-4E83-9615-DB14FA25AF8A}" dt="2023-10-12T11:38:20.867" v="298"/>
          <ac:spMkLst>
            <pc:docMk/>
            <pc:sldMk cId="2376958513" sldId="260"/>
            <ac:spMk id="10746" creationId="{0F5CA593-0ACB-F854-1E03-63CFF559BE7C}"/>
          </ac:spMkLst>
        </pc:spChg>
        <pc:spChg chg="mod">
          <ac:chgData name="White, Alex" userId="eff6cc8c-37d8-483b-9c6c-6b27e9afa9bc" providerId="ADAL" clId="{BF04C754-5BF4-4E83-9615-DB14FA25AF8A}" dt="2023-10-12T11:38:20.867" v="298"/>
          <ac:spMkLst>
            <pc:docMk/>
            <pc:sldMk cId="2376958513" sldId="260"/>
            <ac:spMk id="10747" creationId="{B961BF7B-AFB0-23CF-7888-9DC31E1065F4}"/>
          </ac:spMkLst>
        </pc:spChg>
        <pc:spChg chg="mod">
          <ac:chgData name="White, Alex" userId="eff6cc8c-37d8-483b-9c6c-6b27e9afa9bc" providerId="ADAL" clId="{BF04C754-5BF4-4E83-9615-DB14FA25AF8A}" dt="2023-10-12T11:38:20.867" v="298"/>
          <ac:spMkLst>
            <pc:docMk/>
            <pc:sldMk cId="2376958513" sldId="260"/>
            <ac:spMk id="10748" creationId="{3C156454-E4F9-87B4-2CCD-E3169D4020C9}"/>
          </ac:spMkLst>
        </pc:spChg>
        <pc:spChg chg="mod">
          <ac:chgData name="White, Alex" userId="eff6cc8c-37d8-483b-9c6c-6b27e9afa9bc" providerId="ADAL" clId="{BF04C754-5BF4-4E83-9615-DB14FA25AF8A}" dt="2023-10-12T11:38:20.867" v="298"/>
          <ac:spMkLst>
            <pc:docMk/>
            <pc:sldMk cId="2376958513" sldId="260"/>
            <ac:spMk id="10749" creationId="{A5489D1B-5DDA-6728-2967-EA14E993C4F0}"/>
          </ac:spMkLst>
        </pc:spChg>
        <pc:spChg chg="mod">
          <ac:chgData name="White, Alex" userId="eff6cc8c-37d8-483b-9c6c-6b27e9afa9bc" providerId="ADAL" clId="{BF04C754-5BF4-4E83-9615-DB14FA25AF8A}" dt="2023-10-12T11:38:20.867" v="298"/>
          <ac:spMkLst>
            <pc:docMk/>
            <pc:sldMk cId="2376958513" sldId="260"/>
            <ac:spMk id="10750" creationId="{D903C533-084D-F4FB-3F80-7E84246F832C}"/>
          </ac:spMkLst>
        </pc:spChg>
        <pc:spChg chg="mod">
          <ac:chgData name="White, Alex" userId="eff6cc8c-37d8-483b-9c6c-6b27e9afa9bc" providerId="ADAL" clId="{BF04C754-5BF4-4E83-9615-DB14FA25AF8A}" dt="2023-10-12T11:38:20.867" v="298"/>
          <ac:spMkLst>
            <pc:docMk/>
            <pc:sldMk cId="2376958513" sldId="260"/>
            <ac:spMk id="10751" creationId="{C85A4FA2-8FFB-CF5C-D8AB-761D92F16A32}"/>
          </ac:spMkLst>
        </pc:spChg>
        <pc:spChg chg="mod">
          <ac:chgData name="White, Alex" userId="eff6cc8c-37d8-483b-9c6c-6b27e9afa9bc" providerId="ADAL" clId="{BF04C754-5BF4-4E83-9615-DB14FA25AF8A}" dt="2023-10-12T11:38:20.867" v="298"/>
          <ac:spMkLst>
            <pc:docMk/>
            <pc:sldMk cId="2376958513" sldId="260"/>
            <ac:spMk id="10752" creationId="{513CA012-A2C6-3014-119E-9D44902B4463}"/>
          </ac:spMkLst>
        </pc:spChg>
        <pc:spChg chg="mod">
          <ac:chgData name="White, Alex" userId="eff6cc8c-37d8-483b-9c6c-6b27e9afa9bc" providerId="ADAL" clId="{BF04C754-5BF4-4E83-9615-DB14FA25AF8A}" dt="2023-10-12T11:38:20.867" v="298"/>
          <ac:spMkLst>
            <pc:docMk/>
            <pc:sldMk cId="2376958513" sldId="260"/>
            <ac:spMk id="10753" creationId="{CA747E5D-36FE-3E0E-E1E8-4A83517CDC14}"/>
          </ac:spMkLst>
        </pc:spChg>
        <pc:spChg chg="mod">
          <ac:chgData name="White, Alex" userId="eff6cc8c-37d8-483b-9c6c-6b27e9afa9bc" providerId="ADAL" clId="{BF04C754-5BF4-4E83-9615-DB14FA25AF8A}" dt="2023-10-12T11:38:20.867" v="298"/>
          <ac:spMkLst>
            <pc:docMk/>
            <pc:sldMk cId="2376958513" sldId="260"/>
            <ac:spMk id="10754" creationId="{C7EFCFC7-321A-7A05-994D-B9D023D08E09}"/>
          </ac:spMkLst>
        </pc:spChg>
        <pc:spChg chg="mod">
          <ac:chgData name="White, Alex" userId="eff6cc8c-37d8-483b-9c6c-6b27e9afa9bc" providerId="ADAL" clId="{BF04C754-5BF4-4E83-9615-DB14FA25AF8A}" dt="2023-10-12T11:38:20.867" v="298"/>
          <ac:spMkLst>
            <pc:docMk/>
            <pc:sldMk cId="2376958513" sldId="260"/>
            <ac:spMk id="10755" creationId="{923D9169-C531-9363-3F91-F75C1826A23C}"/>
          </ac:spMkLst>
        </pc:spChg>
        <pc:spChg chg="mod">
          <ac:chgData name="White, Alex" userId="eff6cc8c-37d8-483b-9c6c-6b27e9afa9bc" providerId="ADAL" clId="{BF04C754-5BF4-4E83-9615-DB14FA25AF8A}" dt="2023-10-12T11:38:20.867" v="298"/>
          <ac:spMkLst>
            <pc:docMk/>
            <pc:sldMk cId="2376958513" sldId="260"/>
            <ac:spMk id="10756" creationId="{EBA34936-D784-0145-31AA-2B4BD4402EBE}"/>
          </ac:spMkLst>
        </pc:spChg>
        <pc:spChg chg="mod">
          <ac:chgData name="White, Alex" userId="eff6cc8c-37d8-483b-9c6c-6b27e9afa9bc" providerId="ADAL" clId="{BF04C754-5BF4-4E83-9615-DB14FA25AF8A}" dt="2023-10-12T11:38:20.867" v="298"/>
          <ac:spMkLst>
            <pc:docMk/>
            <pc:sldMk cId="2376958513" sldId="260"/>
            <ac:spMk id="10757" creationId="{29B215F6-D983-03F9-9E35-313045FDD801}"/>
          </ac:spMkLst>
        </pc:spChg>
        <pc:spChg chg="mod">
          <ac:chgData name="White, Alex" userId="eff6cc8c-37d8-483b-9c6c-6b27e9afa9bc" providerId="ADAL" clId="{BF04C754-5BF4-4E83-9615-DB14FA25AF8A}" dt="2023-10-12T11:38:20.867" v="298"/>
          <ac:spMkLst>
            <pc:docMk/>
            <pc:sldMk cId="2376958513" sldId="260"/>
            <ac:spMk id="10758" creationId="{D84B9F8C-2CCF-8194-2192-2F10803FF4EB}"/>
          </ac:spMkLst>
        </pc:spChg>
        <pc:spChg chg="mod">
          <ac:chgData name="White, Alex" userId="eff6cc8c-37d8-483b-9c6c-6b27e9afa9bc" providerId="ADAL" clId="{BF04C754-5BF4-4E83-9615-DB14FA25AF8A}" dt="2023-10-12T11:38:20.867" v="298"/>
          <ac:spMkLst>
            <pc:docMk/>
            <pc:sldMk cId="2376958513" sldId="260"/>
            <ac:spMk id="10759" creationId="{72234961-17FC-71BB-E3E0-0652A3AA84BD}"/>
          </ac:spMkLst>
        </pc:spChg>
        <pc:spChg chg="mod">
          <ac:chgData name="White, Alex" userId="eff6cc8c-37d8-483b-9c6c-6b27e9afa9bc" providerId="ADAL" clId="{BF04C754-5BF4-4E83-9615-DB14FA25AF8A}" dt="2023-10-12T11:38:20.867" v="298"/>
          <ac:spMkLst>
            <pc:docMk/>
            <pc:sldMk cId="2376958513" sldId="260"/>
            <ac:spMk id="10760" creationId="{7F31123A-921B-BF9B-27E8-5E2897B6D5E2}"/>
          </ac:spMkLst>
        </pc:spChg>
        <pc:spChg chg="mod">
          <ac:chgData name="White, Alex" userId="eff6cc8c-37d8-483b-9c6c-6b27e9afa9bc" providerId="ADAL" clId="{BF04C754-5BF4-4E83-9615-DB14FA25AF8A}" dt="2023-10-12T11:38:20.867" v="298"/>
          <ac:spMkLst>
            <pc:docMk/>
            <pc:sldMk cId="2376958513" sldId="260"/>
            <ac:spMk id="10761" creationId="{5CA417CC-DA06-3AD7-8626-104FF6633DFC}"/>
          </ac:spMkLst>
        </pc:spChg>
        <pc:spChg chg="mod">
          <ac:chgData name="White, Alex" userId="eff6cc8c-37d8-483b-9c6c-6b27e9afa9bc" providerId="ADAL" clId="{BF04C754-5BF4-4E83-9615-DB14FA25AF8A}" dt="2023-10-12T11:38:20.867" v="298"/>
          <ac:spMkLst>
            <pc:docMk/>
            <pc:sldMk cId="2376958513" sldId="260"/>
            <ac:spMk id="10762" creationId="{628059F1-D820-D3C7-024A-F54548E0BEFC}"/>
          </ac:spMkLst>
        </pc:spChg>
        <pc:spChg chg="mod">
          <ac:chgData name="White, Alex" userId="eff6cc8c-37d8-483b-9c6c-6b27e9afa9bc" providerId="ADAL" clId="{BF04C754-5BF4-4E83-9615-DB14FA25AF8A}" dt="2023-10-12T11:38:20.867" v="298"/>
          <ac:spMkLst>
            <pc:docMk/>
            <pc:sldMk cId="2376958513" sldId="260"/>
            <ac:spMk id="10763" creationId="{51E3D4E7-758D-8EEA-C802-4C819849B986}"/>
          </ac:spMkLst>
        </pc:spChg>
        <pc:spChg chg="mod">
          <ac:chgData name="White, Alex" userId="eff6cc8c-37d8-483b-9c6c-6b27e9afa9bc" providerId="ADAL" clId="{BF04C754-5BF4-4E83-9615-DB14FA25AF8A}" dt="2023-10-12T11:38:20.867" v="298"/>
          <ac:spMkLst>
            <pc:docMk/>
            <pc:sldMk cId="2376958513" sldId="260"/>
            <ac:spMk id="10764" creationId="{6C4A5A64-3402-4355-5ACB-A759D9F73FD1}"/>
          </ac:spMkLst>
        </pc:spChg>
        <pc:spChg chg="mod">
          <ac:chgData name="White, Alex" userId="eff6cc8c-37d8-483b-9c6c-6b27e9afa9bc" providerId="ADAL" clId="{BF04C754-5BF4-4E83-9615-DB14FA25AF8A}" dt="2023-10-12T11:38:20.867" v="298"/>
          <ac:spMkLst>
            <pc:docMk/>
            <pc:sldMk cId="2376958513" sldId="260"/>
            <ac:spMk id="10765" creationId="{4D8317DD-07BB-9DE0-CDE3-726DC2165A99}"/>
          </ac:spMkLst>
        </pc:spChg>
        <pc:spChg chg="mod">
          <ac:chgData name="White, Alex" userId="eff6cc8c-37d8-483b-9c6c-6b27e9afa9bc" providerId="ADAL" clId="{BF04C754-5BF4-4E83-9615-DB14FA25AF8A}" dt="2023-10-12T11:38:20.867" v="298"/>
          <ac:spMkLst>
            <pc:docMk/>
            <pc:sldMk cId="2376958513" sldId="260"/>
            <ac:spMk id="10766" creationId="{0BF34BA1-E29F-FE49-CAD4-D0A78DA82234}"/>
          </ac:spMkLst>
        </pc:spChg>
        <pc:spChg chg="mod">
          <ac:chgData name="White, Alex" userId="eff6cc8c-37d8-483b-9c6c-6b27e9afa9bc" providerId="ADAL" clId="{BF04C754-5BF4-4E83-9615-DB14FA25AF8A}" dt="2023-10-12T11:38:20.867" v="298"/>
          <ac:spMkLst>
            <pc:docMk/>
            <pc:sldMk cId="2376958513" sldId="260"/>
            <ac:spMk id="10767" creationId="{6EC3B715-1C7D-8E79-26B4-01C2F77A06C2}"/>
          </ac:spMkLst>
        </pc:spChg>
        <pc:spChg chg="mod">
          <ac:chgData name="White, Alex" userId="eff6cc8c-37d8-483b-9c6c-6b27e9afa9bc" providerId="ADAL" clId="{BF04C754-5BF4-4E83-9615-DB14FA25AF8A}" dt="2023-10-12T11:38:20.867" v="298"/>
          <ac:spMkLst>
            <pc:docMk/>
            <pc:sldMk cId="2376958513" sldId="260"/>
            <ac:spMk id="10768" creationId="{D49C50FE-7C16-1717-73F1-6226514A0222}"/>
          </ac:spMkLst>
        </pc:spChg>
        <pc:spChg chg="mod">
          <ac:chgData name="White, Alex" userId="eff6cc8c-37d8-483b-9c6c-6b27e9afa9bc" providerId="ADAL" clId="{BF04C754-5BF4-4E83-9615-DB14FA25AF8A}" dt="2023-10-12T11:38:20.867" v="298"/>
          <ac:spMkLst>
            <pc:docMk/>
            <pc:sldMk cId="2376958513" sldId="260"/>
            <ac:spMk id="10769" creationId="{D32AFAFD-C0D7-4142-73C8-09746B7AE044}"/>
          </ac:spMkLst>
        </pc:spChg>
        <pc:spChg chg="mod">
          <ac:chgData name="White, Alex" userId="eff6cc8c-37d8-483b-9c6c-6b27e9afa9bc" providerId="ADAL" clId="{BF04C754-5BF4-4E83-9615-DB14FA25AF8A}" dt="2023-10-12T11:38:20.867" v="298"/>
          <ac:spMkLst>
            <pc:docMk/>
            <pc:sldMk cId="2376958513" sldId="260"/>
            <ac:spMk id="10770" creationId="{5527B3D6-ED63-B622-EAEE-3B7309E52A1E}"/>
          </ac:spMkLst>
        </pc:spChg>
        <pc:spChg chg="mod">
          <ac:chgData name="White, Alex" userId="eff6cc8c-37d8-483b-9c6c-6b27e9afa9bc" providerId="ADAL" clId="{BF04C754-5BF4-4E83-9615-DB14FA25AF8A}" dt="2023-10-12T11:38:20.867" v="298"/>
          <ac:spMkLst>
            <pc:docMk/>
            <pc:sldMk cId="2376958513" sldId="260"/>
            <ac:spMk id="10771" creationId="{E4BE17DD-3D33-2E53-C698-7D16FAC4543B}"/>
          </ac:spMkLst>
        </pc:spChg>
        <pc:spChg chg="mod">
          <ac:chgData name="White, Alex" userId="eff6cc8c-37d8-483b-9c6c-6b27e9afa9bc" providerId="ADAL" clId="{BF04C754-5BF4-4E83-9615-DB14FA25AF8A}" dt="2023-10-12T11:38:20.867" v="298"/>
          <ac:spMkLst>
            <pc:docMk/>
            <pc:sldMk cId="2376958513" sldId="260"/>
            <ac:spMk id="10772" creationId="{BD87413E-639A-3746-7451-267309617426}"/>
          </ac:spMkLst>
        </pc:spChg>
        <pc:spChg chg="mod">
          <ac:chgData name="White, Alex" userId="eff6cc8c-37d8-483b-9c6c-6b27e9afa9bc" providerId="ADAL" clId="{BF04C754-5BF4-4E83-9615-DB14FA25AF8A}" dt="2023-10-12T11:38:20.867" v="298"/>
          <ac:spMkLst>
            <pc:docMk/>
            <pc:sldMk cId="2376958513" sldId="260"/>
            <ac:spMk id="10773" creationId="{2D585CFE-2D00-F922-4A8A-56EB5E8C1E91}"/>
          </ac:spMkLst>
        </pc:spChg>
        <pc:spChg chg="mod">
          <ac:chgData name="White, Alex" userId="eff6cc8c-37d8-483b-9c6c-6b27e9afa9bc" providerId="ADAL" clId="{BF04C754-5BF4-4E83-9615-DB14FA25AF8A}" dt="2023-10-12T11:38:20.867" v="298"/>
          <ac:spMkLst>
            <pc:docMk/>
            <pc:sldMk cId="2376958513" sldId="260"/>
            <ac:spMk id="10774" creationId="{CBD63518-7B7C-466F-E725-AE29182F8DDF}"/>
          </ac:spMkLst>
        </pc:spChg>
        <pc:spChg chg="mod">
          <ac:chgData name="White, Alex" userId="eff6cc8c-37d8-483b-9c6c-6b27e9afa9bc" providerId="ADAL" clId="{BF04C754-5BF4-4E83-9615-DB14FA25AF8A}" dt="2023-10-12T11:38:20.867" v="298"/>
          <ac:spMkLst>
            <pc:docMk/>
            <pc:sldMk cId="2376958513" sldId="260"/>
            <ac:spMk id="10775" creationId="{FF070D57-02B2-5D1B-3AA7-F88CF00B29DC}"/>
          </ac:spMkLst>
        </pc:spChg>
        <pc:spChg chg="mod">
          <ac:chgData name="White, Alex" userId="eff6cc8c-37d8-483b-9c6c-6b27e9afa9bc" providerId="ADAL" clId="{BF04C754-5BF4-4E83-9615-DB14FA25AF8A}" dt="2023-10-12T11:38:20.867" v="298"/>
          <ac:spMkLst>
            <pc:docMk/>
            <pc:sldMk cId="2376958513" sldId="260"/>
            <ac:spMk id="10776" creationId="{0F5845D7-4364-AC1B-5874-7CAE7E3C4DDD}"/>
          </ac:spMkLst>
        </pc:spChg>
        <pc:spChg chg="mod">
          <ac:chgData name="White, Alex" userId="eff6cc8c-37d8-483b-9c6c-6b27e9afa9bc" providerId="ADAL" clId="{BF04C754-5BF4-4E83-9615-DB14FA25AF8A}" dt="2023-10-12T11:38:20.867" v="298"/>
          <ac:spMkLst>
            <pc:docMk/>
            <pc:sldMk cId="2376958513" sldId="260"/>
            <ac:spMk id="10777" creationId="{772BBDD7-DA13-42BF-9579-C152CDE28389}"/>
          </ac:spMkLst>
        </pc:spChg>
        <pc:spChg chg="mod">
          <ac:chgData name="White, Alex" userId="eff6cc8c-37d8-483b-9c6c-6b27e9afa9bc" providerId="ADAL" clId="{BF04C754-5BF4-4E83-9615-DB14FA25AF8A}" dt="2023-10-12T11:38:20.867" v="298"/>
          <ac:spMkLst>
            <pc:docMk/>
            <pc:sldMk cId="2376958513" sldId="260"/>
            <ac:spMk id="10778" creationId="{0B9C58D0-C190-01D5-AE55-D964E7E62316}"/>
          </ac:spMkLst>
        </pc:spChg>
        <pc:spChg chg="mod">
          <ac:chgData name="White, Alex" userId="eff6cc8c-37d8-483b-9c6c-6b27e9afa9bc" providerId="ADAL" clId="{BF04C754-5BF4-4E83-9615-DB14FA25AF8A}" dt="2023-10-12T11:38:20.867" v="298"/>
          <ac:spMkLst>
            <pc:docMk/>
            <pc:sldMk cId="2376958513" sldId="260"/>
            <ac:spMk id="10779" creationId="{8EB770C2-5F32-9161-A370-F0D2A41BBFAB}"/>
          </ac:spMkLst>
        </pc:spChg>
        <pc:spChg chg="mod">
          <ac:chgData name="White, Alex" userId="eff6cc8c-37d8-483b-9c6c-6b27e9afa9bc" providerId="ADAL" clId="{BF04C754-5BF4-4E83-9615-DB14FA25AF8A}" dt="2023-10-12T11:38:20.867" v="298"/>
          <ac:spMkLst>
            <pc:docMk/>
            <pc:sldMk cId="2376958513" sldId="260"/>
            <ac:spMk id="10780" creationId="{98DD5BD2-9EA2-D3BE-4996-E97A1957B53F}"/>
          </ac:spMkLst>
        </pc:spChg>
        <pc:spChg chg="mod">
          <ac:chgData name="White, Alex" userId="eff6cc8c-37d8-483b-9c6c-6b27e9afa9bc" providerId="ADAL" clId="{BF04C754-5BF4-4E83-9615-DB14FA25AF8A}" dt="2023-10-12T11:38:20.867" v="298"/>
          <ac:spMkLst>
            <pc:docMk/>
            <pc:sldMk cId="2376958513" sldId="260"/>
            <ac:spMk id="10781" creationId="{064C87F7-D572-4877-E923-2C636937E062}"/>
          </ac:spMkLst>
        </pc:spChg>
        <pc:spChg chg="mod">
          <ac:chgData name="White, Alex" userId="eff6cc8c-37d8-483b-9c6c-6b27e9afa9bc" providerId="ADAL" clId="{BF04C754-5BF4-4E83-9615-DB14FA25AF8A}" dt="2023-10-12T11:38:20.867" v="298"/>
          <ac:spMkLst>
            <pc:docMk/>
            <pc:sldMk cId="2376958513" sldId="260"/>
            <ac:spMk id="10782" creationId="{65BCF7ED-1449-A4B7-48EB-16ACB7BD0697}"/>
          </ac:spMkLst>
        </pc:spChg>
        <pc:spChg chg="mod">
          <ac:chgData name="White, Alex" userId="eff6cc8c-37d8-483b-9c6c-6b27e9afa9bc" providerId="ADAL" clId="{BF04C754-5BF4-4E83-9615-DB14FA25AF8A}" dt="2023-10-12T11:38:20.867" v="298"/>
          <ac:spMkLst>
            <pc:docMk/>
            <pc:sldMk cId="2376958513" sldId="260"/>
            <ac:spMk id="10783" creationId="{C7E92C1E-0CAF-DE8A-FBB3-F449024CABEB}"/>
          </ac:spMkLst>
        </pc:spChg>
        <pc:spChg chg="mod">
          <ac:chgData name="White, Alex" userId="eff6cc8c-37d8-483b-9c6c-6b27e9afa9bc" providerId="ADAL" clId="{BF04C754-5BF4-4E83-9615-DB14FA25AF8A}" dt="2023-10-12T11:38:20.867" v="298"/>
          <ac:spMkLst>
            <pc:docMk/>
            <pc:sldMk cId="2376958513" sldId="260"/>
            <ac:spMk id="10784" creationId="{73769D8E-D5FC-B16A-0E06-C4D5E886F21D}"/>
          </ac:spMkLst>
        </pc:spChg>
        <pc:spChg chg="mod">
          <ac:chgData name="White, Alex" userId="eff6cc8c-37d8-483b-9c6c-6b27e9afa9bc" providerId="ADAL" clId="{BF04C754-5BF4-4E83-9615-DB14FA25AF8A}" dt="2023-10-12T11:38:20.867" v="298"/>
          <ac:spMkLst>
            <pc:docMk/>
            <pc:sldMk cId="2376958513" sldId="260"/>
            <ac:spMk id="10785" creationId="{016822AA-C870-FC35-FF65-C87DCA0435CE}"/>
          </ac:spMkLst>
        </pc:spChg>
        <pc:spChg chg="mod">
          <ac:chgData name="White, Alex" userId="eff6cc8c-37d8-483b-9c6c-6b27e9afa9bc" providerId="ADAL" clId="{BF04C754-5BF4-4E83-9615-DB14FA25AF8A}" dt="2023-10-12T11:38:20.867" v="298"/>
          <ac:spMkLst>
            <pc:docMk/>
            <pc:sldMk cId="2376958513" sldId="260"/>
            <ac:spMk id="10786" creationId="{97EB88F6-9189-19CB-9F12-826425B94E5F}"/>
          </ac:spMkLst>
        </pc:spChg>
        <pc:spChg chg="mod">
          <ac:chgData name="White, Alex" userId="eff6cc8c-37d8-483b-9c6c-6b27e9afa9bc" providerId="ADAL" clId="{BF04C754-5BF4-4E83-9615-DB14FA25AF8A}" dt="2023-10-12T11:38:20.867" v="298"/>
          <ac:spMkLst>
            <pc:docMk/>
            <pc:sldMk cId="2376958513" sldId="260"/>
            <ac:spMk id="10787" creationId="{4E69634A-4ADB-9546-7564-137C25CEECFF}"/>
          </ac:spMkLst>
        </pc:spChg>
        <pc:spChg chg="mod">
          <ac:chgData name="White, Alex" userId="eff6cc8c-37d8-483b-9c6c-6b27e9afa9bc" providerId="ADAL" clId="{BF04C754-5BF4-4E83-9615-DB14FA25AF8A}" dt="2023-10-12T11:38:20.867" v="298"/>
          <ac:spMkLst>
            <pc:docMk/>
            <pc:sldMk cId="2376958513" sldId="260"/>
            <ac:spMk id="10788" creationId="{9C5385D4-1E79-C8C7-4909-14128B98E82C}"/>
          </ac:spMkLst>
        </pc:spChg>
        <pc:spChg chg="mod">
          <ac:chgData name="White, Alex" userId="eff6cc8c-37d8-483b-9c6c-6b27e9afa9bc" providerId="ADAL" clId="{BF04C754-5BF4-4E83-9615-DB14FA25AF8A}" dt="2023-10-12T11:38:20.867" v="298"/>
          <ac:spMkLst>
            <pc:docMk/>
            <pc:sldMk cId="2376958513" sldId="260"/>
            <ac:spMk id="10789" creationId="{4EB0FEB8-D9A9-923C-D4CE-785B8AE11DFB}"/>
          </ac:spMkLst>
        </pc:spChg>
        <pc:spChg chg="mod">
          <ac:chgData name="White, Alex" userId="eff6cc8c-37d8-483b-9c6c-6b27e9afa9bc" providerId="ADAL" clId="{BF04C754-5BF4-4E83-9615-DB14FA25AF8A}" dt="2023-10-12T11:38:20.867" v="298"/>
          <ac:spMkLst>
            <pc:docMk/>
            <pc:sldMk cId="2376958513" sldId="260"/>
            <ac:spMk id="10790" creationId="{B083D299-3019-1BA9-B25A-0E57A440FC7F}"/>
          </ac:spMkLst>
        </pc:spChg>
        <pc:spChg chg="mod">
          <ac:chgData name="White, Alex" userId="eff6cc8c-37d8-483b-9c6c-6b27e9afa9bc" providerId="ADAL" clId="{BF04C754-5BF4-4E83-9615-DB14FA25AF8A}" dt="2023-10-12T11:38:20.867" v="298"/>
          <ac:spMkLst>
            <pc:docMk/>
            <pc:sldMk cId="2376958513" sldId="260"/>
            <ac:spMk id="10791" creationId="{2F253E88-0CC4-33AE-FCAE-C3FB0E34C71E}"/>
          </ac:spMkLst>
        </pc:spChg>
        <pc:spChg chg="mod">
          <ac:chgData name="White, Alex" userId="eff6cc8c-37d8-483b-9c6c-6b27e9afa9bc" providerId="ADAL" clId="{BF04C754-5BF4-4E83-9615-DB14FA25AF8A}" dt="2023-10-12T11:38:20.867" v="298"/>
          <ac:spMkLst>
            <pc:docMk/>
            <pc:sldMk cId="2376958513" sldId="260"/>
            <ac:spMk id="10792" creationId="{3DB5CFC5-212F-C70E-442A-D43E6706A1EB}"/>
          </ac:spMkLst>
        </pc:spChg>
        <pc:spChg chg="mod">
          <ac:chgData name="White, Alex" userId="eff6cc8c-37d8-483b-9c6c-6b27e9afa9bc" providerId="ADAL" clId="{BF04C754-5BF4-4E83-9615-DB14FA25AF8A}" dt="2023-10-12T11:38:20.867" v="298"/>
          <ac:spMkLst>
            <pc:docMk/>
            <pc:sldMk cId="2376958513" sldId="260"/>
            <ac:spMk id="10793" creationId="{83C15741-5EDD-21E7-14E6-50E74D57C938}"/>
          </ac:spMkLst>
        </pc:spChg>
        <pc:spChg chg="mod">
          <ac:chgData name="White, Alex" userId="eff6cc8c-37d8-483b-9c6c-6b27e9afa9bc" providerId="ADAL" clId="{BF04C754-5BF4-4E83-9615-DB14FA25AF8A}" dt="2023-10-12T11:38:20.867" v="298"/>
          <ac:spMkLst>
            <pc:docMk/>
            <pc:sldMk cId="2376958513" sldId="260"/>
            <ac:spMk id="10794" creationId="{20B098ED-9532-DCC8-1787-5D3647B2F138}"/>
          </ac:spMkLst>
        </pc:spChg>
        <pc:spChg chg="mod">
          <ac:chgData name="White, Alex" userId="eff6cc8c-37d8-483b-9c6c-6b27e9afa9bc" providerId="ADAL" clId="{BF04C754-5BF4-4E83-9615-DB14FA25AF8A}" dt="2023-10-12T11:38:20.867" v="298"/>
          <ac:spMkLst>
            <pc:docMk/>
            <pc:sldMk cId="2376958513" sldId="260"/>
            <ac:spMk id="10795" creationId="{A69339E9-05FF-2DDC-4287-25473E750CD2}"/>
          </ac:spMkLst>
        </pc:spChg>
        <pc:spChg chg="mod">
          <ac:chgData name="White, Alex" userId="eff6cc8c-37d8-483b-9c6c-6b27e9afa9bc" providerId="ADAL" clId="{BF04C754-5BF4-4E83-9615-DB14FA25AF8A}" dt="2023-10-12T11:38:20.867" v="298"/>
          <ac:spMkLst>
            <pc:docMk/>
            <pc:sldMk cId="2376958513" sldId="260"/>
            <ac:spMk id="10796" creationId="{6EE24EB5-892C-1E74-8557-1591569BAE73}"/>
          </ac:spMkLst>
        </pc:spChg>
        <pc:spChg chg="mod">
          <ac:chgData name="White, Alex" userId="eff6cc8c-37d8-483b-9c6c-6b27e9afa9bc" providerId="ADAL" clId="{BF04C754-5BF4-4E83-9615-DB14FA25AF8A}" dt="2023-10-12T11:38:20.867" v="298"/>
          <ac:spMkLst>
            <pc:docMk/>
            <pc:sldMk cId="2376958513" sldId="260"/>
            <ac:spMk id="10797" creationId="{19DAE0E2-99A2-6CA1-1162-AE9A74BCDAA1}"/>
          </ac:spMkLst>
        </pc:spChg>
        <pc:spChg chg="mod">
          <ac:chgData name="White, Alex" userId="eff6cc8c-37d8-483b-9c6c-6b27e9afa9bc" providerId="ADAL" clId="{BF04C754-5BF4-4E83-9615-DB14FA25AF8A}" dt="2023-10-12T11:38:20.867" v="298"/>
          <ac:spMkLst>
            <pc:docMk/>
            <pc:sldMk cId="2376958513" sldId="260"/>
            <ac:spMk id="10798" creationId="{3EDFE5F0-E568-2155-707A-4D0E40722AF5}"/>
          </ac:spMkLst>
        </pc:spChg>
        <pc:spChg chg="mod">
          <ac:chgData name="White, Alex" userId="eff6cc8c-37d8-483b-9c6c-6b27e9afa9bc" providerId="ADAL" clId="{BF04C754-5BF4-4E83-9615-DB14FA25AF8A}" dt="2023-10-12T11:38:20.867" v="298"/>
          <ac:spMkLst>
            <pc:docMk/>
            <pc:sldMk cId="2376958513" sldId="260"/>
            <ac:spMk id="10799" creationId="{52CCC33A-2B13-0700-300F-EF6BBAE0FDD9}"/>
          </ac:spMkLst>
        </pc:spChg>
        <pc:spChg chg="mod">
          <ac:chgData name="White, Alex" userId="eff6cc8c-37d8-483b-9c6c-6b27e9afa9bc" providerId="ADAL" clId="{BF04C754-5BF4-4E83-9615-DB14FA25AF8A}" dt="2023-10-12T11:38:20.867" v="298"/>
          <ac:spMkLst>
            <pc:docMk/>
            <pc:sldMk cId="2376958513" sldId="260"/>
            <ac:spMk id="10800" creationId="{C2815628-FB67-42C0-349D-D379CC116E97}"/>
          </ac:spMkLst>
        </pc:spChg>
        <pc:spChg chg="mod">
          <ac:chgData name="White, Alex" userId="eff6cc8c-37d8-483b-9c6c-6b27e9afa9bc" providerId="ADAL" clId="{BF04C754-5BF4-4E83-9615-DB14FA25AF8A}" dt="2023-10-12T11:38:20.867" v="298"/>
          <ac:spMkLst>
            <pc:docMk/>
            <pc:sldMk cId="2376958513" sldId="260"/>
            <ac:spMk id="10801" creationId="{A6AC629D-2E57-DCF0-CC62-A25A7B0C79A0}"/>
          </ac:spMkLst>
        </pc:spChg>
        <pc:spChg chg="mod">
          <ac:chgData name="White, Alex" userId="eff6cc8c-37d8-483b-9c6c-6b27e9afa9bc" providerId="ADAL" clId="{BF04C754-5BF4-4E83-9615-DB14FA25AF8A}" dt="2023-10-12T11:38:20.867" v="298"/>
          <ac:spMkLst>
            <pc:docMk/>
            <pc:sldMk cId="2376958513" sldId="260"/>
            <ac:spMk id="10802" creationId="{75D2C19D-1F7A-4E88-86A3-C4781909A1D7}"/>
          </ac:spMkLst>
        </pc:spChg>
        <pc:spChg chg="mod">
          <ac:chgData name="White, Alex" userId="eff6cc8c-37d8-483b-9c6c-6b27e9afa9bc" providerId="ADAL" clId="{BF04C754-5BF4-4E83-9615-DB14FA25AF8A}" dt="2023-10-12T11:38:20.867" v="298"/>
          <ac:spMkLst>
            <pc:docMk/>
            <pc:sldMk cId="2376958513" sldId="260"/>
            <ac:spMk id="10803" creationId="{D9901CC4-35A1-5C38-5241-07F356FC26E7}"/>
          </ac:spMkLst>
        </pc:spChg>
        <pc:spChg chg="mod">
          <ac:chgData name="White, Alex" userId="eff6cc8c-37d8-483b-9c6c-6b27e9afa9bc" providerId="ADAL" clId="{BF04C754-5BF4-4E83-9615-DB14FA25AF8A}" dt="2023-10-12T11:38:20.867" v="298"/>
          <ac:spMkLst>
            <pc:docMk/>
            <pc:sldMk cId="2376958513" sldId="260"/>
            <ac:spMk id="10804" creationId="{AF5A6B67-5E78-4B02-F044-7EDDED36FB84}"/>
          </ac:spMkLst>
        </pc:spChg>
        <pc:spChg chg="mod">
          <ac:chgData name="White, Alex" userId="eff6cc8c-37d8-483b-9c6c-6b27e9afa9bc" providerId="ADAL" clId="{BF04C754-5BF4-4E83-9615-DB14FA25AF8A}" dt="2023-10-12T11:38:20.867" v="298"/>
          <ac:spMkLst>
            <pc:docMk/>
            <pc:sldMk cId="2376958513" sldId="260"/>
            <ac:spMk id="10805" creationId="{3C9C253E-4EFB-F4C5-891D-DBE0F6E995BB}"/>
          </ac:spMkLst>
        </pc:spChg>
        <pc:spChg chg="mod">
          <ac:chgData name="White, Alex" userId="eff6cc8c-37d8-483b-9c6c-6b27e9afa9bc" providerId="ADAL" clId="{BF04C754-5BF4-4E83-9615-DB14FA25AF8A}" dt="2023-10-12T11:38:20.867" v="298"/>
          <ac:spMkLst>
            <pc:docMk/>
            <pc:sldMk cId="2376958513" sldId="260"/>
            <ac:spMk id="10806" creationId="{ABF4B691-1845-8378-B660-8CA45967A453}"/>
          </ac:spMkLst>
        </pc:spChg>
        <pc:spChg chg="mod">
          <ac:chgData name="White, Alex" userId="eff6cc8c-37d8-483b-9c6c-6b27e9afa9bc" providerId="ADAL" clId="{BF04C754-5BF4-4E83-9615-DB14FA25AF8A}" dt="2023-10-12T11:38:20.867" v="298"/>
          <ac:spMkLst>
            <pc:docMk/>
            <pc:sldMk cId="2376958513" sldId="260"/>
            <ac:spMk id="10807" creationId="{FB393B56-96B8-741B-8D97-C4154972F79D}"/>
          </ac:spMkLst>
        </pc:spChg>
        <pc:spChg chg="mod">
          <ac:chgData name="White, Alex" userId="eff6cc8c-37d8-483b-9c6c-6b27e9afa9bc" providerId="ADAL" clId="{BF04C754-5BF4-4E83-9615-DB14FA25AF8A}" dt="2023-10-12T11:38:20.867" v="298"/>
          <ac:spMkLst>
            <pc:docMk/>
            <pc:sldMk cId="2376958513" sldId="260"/>
            <ac:spMk id="10808" creationId="{5253BFC1-43CD-EAC8-C833-8C1E512EED72}"/>
          </ac:spMkLst>
        </pc:spChg>
        <pc:spChg chg="mod">
          <ac:chgData name="White, Alex" userId="eff6cc8c-37d8-483b-9c6c-6b27e9afa9bc" providerId="ADAL" clId="{BF04C754-5BF4-4E83-9615-DB14FA25AF8A}" dt="2023-10-12T11:38:20.867" v="298"/>
          <ac:spMkLst>
            <pc:docMk/>
            <pc:sldMk cId="2376958513" sldId="260"/>
            <ac:spMk id="10809" creationId="{FDA0A749-7692-526B-524A-B39D3EFDEDAC}"/>
          </ac:spMkLst>
        </pc:spChg>
        <pc:spChg chg="mod">
          <ac:chgData name="White, Alex" userId="eff6cc8c-37d8-483b-9c6c-6b27e9afa9bc" providerId="ADAL" clId="{BF04C754-5BF4-4E83-9615-DB14FA25AF8A}" dt="2023-10-12T11:38:20.867" v="298"/>
          <ac:spMkLst>
            <pc:docMk/>
            <pc:sldMk cId="2376958513" sldId="260"/>
            <ac:spMk id="10810" creationId="{F7DB0026-242A-8625-8617-E4A4EFB4B99E}"/>
          </ac:spMkLst>
        </pc:spChg>
        <pc:spChg chg="mod">
          <ac:chgData name="White, Alex" userId="eff6cc8c-37d8-483b-9c6c-6b27e9afa9bc" providerId="ADAL" clId="{BF04C754-5BF4-4E83-9615-DB14FA25AF8A}" dt="2023-10-12T11:38:20.867" v="298"/>
          <ac:spMkLst>
            <pc:docMk/>
            <pc:sldMk cId="2376958513" sldId="260"/>
            <ac:spMk id="10811" creationId="{61545BD4-D4D9-D4F9-06F9-00DB7502D5AE}"/>
          </ac:spMkLst>
        </pc:spChg>
        <pc:spChg chg="mod">
          <ac:chgData name="White, Alex" userId="eff6cc8c-37d8-483b-9c6c-6b27e9afa9bc" providerId="ADAL" clId="{BF04C754-5BF4-4E83-9615-DB14FA25AF8A}" dt="2023-10-12T11:38:20.867" v="298"/>
          <ac:spMkLst>
            <pc:docMk/>
            <pc:sldMk cId="2376958513" sldId="260"/>
            <ac:spMk id="10812" creationId="{6666E835-E990-598C-B075-56CAD5FA31DD}"/>
          </ac:spMkLst>
        </pc:spChg>
        <pc:spChg chg="mod">
          <ac:chgData name="White, Alex" userId="eff6cc8c-37d8-483b-9c6c-6b27e9afa9bc" providerId="ADAL" clId="{BF04C754-5BF4-4E83-9615-DB14FA25AF8A}" dt="2023-10-12T11:38:20.867" v="298"/>
          <ac:spMkLst>
            <pc:docMk/>
            <pc:sldMk cId="2376958513" sldId="260"/>
            <ac:spMk id="10813" creationId="{008BEB55-F6B2-7947-D85C-2A348B80800C}"/>
          </ac:spMkLst>
        </pc:spChg>
        <pc:spChg chg="mod">
          <ac:chgData name="White, Alex" userId="eff6cc8c-37d8-483b-9c6c-6b27e9afa9bc" providerId="ADAL" clId="{BF04C754-5BF4-4E83-9615-DB14FA25AF8A}" dt="2023-10-12T11:38:20.867" v="298"/>
          <ac:spMkLst>
            <pc:docMk/>
            <pc:sldMk cId="2376958513" sldId="260"/>
            <ac:spMk id="10814" creationId="{0F3C4312-87AA-5976-B1AC-D68045270B80}"/>
          </ac:spMkLst>
        </pc:spChg>
        <pc:spChg chg="mod">
          <ac:chgData name="White, Alex" userId="eff6cc8c-37d8-483b-9c6c-6b27e9afa9bc" providerId="ADAL" clId="{BF04C754-5BF4-4E83-9615-DB14FA25AF8A}" dt="2023-10-12T11:38:20.867" v="298"/>
          <ac:spMkLst>
            <pc:docMk/>
            <pc:sldMk cId="2376958513" sldId="260"/>
            <ac:spMk id="10815" creationId="{D7A9C6B7-9CF4-E246-E479-901ECC8E065E}"/>
          </ac:spMkLst>
        </pc:spChg>
        <pc:spChg chg="mod">
          <ac:chgData name="White, Alex" userId="eff6cc8c-37d8-483b-9c6c-6b27e9afa9bc" providerId="ADAL" clId="{BF04C754-5BF4-4E83-9615-DB14FA25AF8A}" dt="2023-10-12T11:38:20.867" v="298"/>
          <ac:spMkLst>
            <pc:docMk/>
            <pc:sldMk cId="2376958513" sldId="260"/>
            <ac:spMk id="10816" creationId="{26A5FB0E-AE5D-1DC7-B110-E38269AD7635}"/>
          </ac:spMkLst>
        </pc:spChg>
        <pc:spChg chg="mod">
          <ac:chgData name="White, Alex" userId="eff6cc8c-37d8-483b-9c6c-6b27e9afa9bc" providerId="ADAL" clId="{BF04C754-5BF4-4E83-9615-DB14FA25AF8A}" dt="2023-10-12T11:38:20.867" v="298"/>
          <ac:spMkLst>
            <pc:docMk/>
            <pc:sldMk cId="2376958513" sldId="260"/>
            <ac:spMk id="10817" creationId="{5971E4A7-16F3-A1E8-3E36-CFFF0D13FB56}"/>
          </ac:spMkLst>
        </pc:spChg>
        <pc:spChg chg="mod">
          <ac:chgData name="White, Alex" userId="eff6cc8c-37d8-483b-9c6c-6b27e9afa9bc" providerId="ADAL" clId="{BF04C754-5BF4-4E83-9615-DB14FA25AF8A}" dt="2023-10-12T11:38:20.867" v="298"/>
          <ac:spMkLst>
            <pc:docMk/>
            <pc:sldMk cId="2376958513" sldId="260"/>
            <ac:spMk id="10818" creationId="{FD9B2022-AAD8-B3AA-EE62-A1EB70EC9381}"/>
          </ac:spMkLst>
        </pc:spChg>
        <pc:spChg chg="mod">
          <ac:chgData name="White, Alex" userId="eff6cc8c-37d8-483b-9c6c-6b27e9afa9bc" providerId="ADAL" clId="{BF04C754-5BF4-4E83-9615-DB14FA25AF8A}" dt="2023-10-12T11:38:20.867" v="298"/>
          <ac:spMkLst>
            <pc:docMk/>
            <pc:sldMk cId="2376958513" sldId="260"/>
            <ac:spMk id="10819" creationId="{8BCFDB62-909F-B08E-6596-37F0B443F130}"/>
          </ac:spMkLst>
        </pc:spChg>
        <pc:spChg chg="mod">
          <ac:chgData name="White, Alex" userId="eff6cc8c-37d8-483b-9c6c-6b27e9afa9bc" providerId="ADAL" clId="{BF04C754-5BF4-4E83-9615-DB14FA25AF8A}" dt="2023-10-12T11:38:20.867" v="298"/>
          <ac:spMkLst>
            <pc:docMk/>
            <pc:sldMk cId="2376958513" sldId="260"/>
            <ac:spMk id="10820" creationId="{945B8529-B8EA-A01F-F289-A36A4654AF3D}"/>
          </ac:spMkLst>
        </pc:spChg>
        <pc:spChg chg="mod">
          <ac:chgData name="White, Alex" userId="eff6cc8c-37d8-483b-9c6c-6b27e9afa9bc" providerId="ADAL" clId="{BF04C754-5BF4-4E83-9615-DB14FA25AF8A}" dt="2023-10-12T11:38:20.867" v="298"/>
          <ac:spMkLst>
            <pc:docMk/>
            <pc:sldMk cId="2376958513" sldId="260"/>
            <ac:spMk id="10821" creationId="{47FB7F59-9BF2-320F-24CF-333ADB967A3B}"/>
          </ac:spMkLst>
        </pc:spChg>
        <pc:spChg chg="mod">
          <ac:chgData name="White, Alex" userId="eff6cc8c-37d8-483b-9c6c-6b27e9afa9bc" providerId="ADAL" clId="{BF04C754-5BF4-4E83-9615-DB14FA25AF8A}" dt="2023-10-12T11:38:20.867" v="298"/>
          <ac:spMkLst>
            <pc:docMk/>
            <pc:sldMk cId="2376958513" sldId="260"/>
            <ac:spMk id="10822" creationId="{8E1BB1B0-E185-28DD-42C3-993A21C27A98}"/>
          </ac:spMkLst>
        </pc:spChg>
        <pc:spChg chg="mod">
          <ac:chgData name="White, Alex" userId="eff6cc8c-37d8-483b-9c6c-6b27e9afa9bc" providerId="ADAL" clId="{BF04C754-5BF4-4E83-9615-DB14FA25AF8A}" dt="2023-10-12T11:38:20.867" v="298"/>
          <ac:spMkLst>
            <pc:docMk/>
            <pc:sldMk cId="2376958513" sldId="260"/>
            <ac:spMk id="10823" creationId="{930C6E6D-A369-A401-9F7F-AA3B811BE4A6}"/>
          </ac:spMkLst>
        </pc:spChg>
        <pc:spChg chg="mod">
          <ac:chgData name="White, Alex" userId="eff6cc8c-37d8-483b-9c6c-6b27e9afa9bc" providerId="ADAL" clId="{BF04C754-5BF4-4E83-9615-DB14FA25AF8A}" dt="2023-10-12T11:38:20.867" v="298"/>
          <ac:spMkLst>
            <pc:docMk/>
            <pc:sldMk cId="2376958513" sldId="260"/>
            <ac:spMk id="10824" creationId="{E408DA25-DABB-F69B-3CD8-2F7AC5B170C7}"/>
          </ac:spMkLst>
        </pc:spChg>
        <pc:spChg chg="mod">
          <ac:chgData name="White, Alex" userId="eff6cc8c-37d8-483b-9c6c-6b27e9afa9bc" providerId="ADAL" clId="{BF04C754-5BF4-4E83-9615-DB14FA25AF8A}" dt="2023-10-12T11:38:20.867" v="298"/>
          <ac:spMkLst>
            <pc:docMk/>
            <pc:sldMk cId="2376958513" sldId="260"/>
            <ac:spMk id="10825" creationId="{CA155AF8-6C4C-40FD-BAB0-5ACC88A9099C}"/>
          </ac:spMkLst>
        </pc:spChg>
        <pc:spChg chg="mod">
          <ac:chgData name="White, Alex" userId="eff6cc8c-37d8-483b-9c6c-6b27e9afa9bc" providerId="ADAL" clId="{BF04C754-5BF4-4E83-9615-DB14FA25AF8A}" dt="2023-10-12T11:38:20.867" v="298"/>
          <ac:spMkLst>
            <pc:docMk/>
            <pc:sldMk cId="2376958513" sldId="260"/>
            <ac:spMk id="10826" creationId="{7D62B8CC-DB0E-44E8-0F31-639E5C53D30B}"/>
          </ac:spMkLst>
        </pc:spChg>
        <pc:spChg chg="mod">
          <ac:chgData name="White, Alex" userId="eff6cc8c-37d8-483b-9c6c-6b27e9afa9bc" providerId="ADAL" clId="{BF04C754-5BF4-4E83-9615-DB14FA25AF8A}" dt="2023-10-12T11:38:20.867" v="298"/>
          <ac:spMkLst>
            <pc:docMk/>
            <pc:sldMk cId="2376958513" sldId="260"/>
            <ac:spMk id="10827" creationId="{43A794E3-7EB7-90C4-3009-B38344CC3B41}"/>
          </ac:spMkLst>
        </pc:spChg>
        <pc:spChg chg="mod">
          <ac:chgData name="White, Alex" userId="eff6cc8c-37d8-483b-9c6c-6b27e9afa9bc" providerId="ADAL" clId="{BF04C754-5BF4-4E83-9615-DB14FA25AF8A}" dt="2023-10-12T11:38:20.867" v="298"/>
          <ac:spMkLst>
            <pc:docMk/>
            <pc:sldMk cId="2376958513" sldId="260"/>
            <ac:spMk id="10828" creationId="{7A7FC868-2ED9-6574-F1F0-32989520A3FF}"/>
          </ac:spMkLst>
        </pc:spChg>
        <pc:spChg chg="mod">
          <ac:chgData name="White, Alex" userId="eff6cc8c-37d8-483b-9c6c-6b27e9afa9bc" providerId="ADAL" clId="{BF04C754-5BF4-4E83-9615-DB14FA25AF8A}" dt="2023-10-12T11:38:20.867" v="298"/>
          <ac:spMkLst>
            <pc:docMk/>
            <pc:sldMk cId="2376958513" sldId="260"/>
            <ac:spMk id="10829" creationId="{217C1683-88DE-814F-0322-C847CA767B98}"/>
          </ac:spMkLst>
        </pc:spChg>
        <pc:spChg chg="mod">
          <ac:chgData name="White, Alex" userId="eff6cc8c-37d8-483b-9c6c-6b27e9afa9bc" providerId="ADAL" clId="{BF04C754-5BF4-4E83-9615-DB14FA25AF8A}" dt="2023-10-12T11:38:20.867" v="298"/>
          <ac:spMkLst>
            <pc:docMk/>
            <pc:sldMk cId="2376958513" sldId="260"/>
            <ac:spMk id="10830" creationId="{4E150901-5A73-C7F1-3479-2ED524B01E1F}"/>
          </ac:spMkLst>
        </pc:spChg>
        <pc:spChg chg="mod">
          <ac:chgData name="White, Alex" userId="eff6cc8c-37d8-483b-9c6c-6b27e9afa9bc" providerId="ADAL" clId="{BF04C754-5BF4-4E83-9615-DB14FA25AF8A}" dt="2023-10-12T11:38:20.867" v="298"/>
          <ac:spMkLst>
            <pc:docMk/>
            <pc:sldMk cId="2376958513" sldId="260"/>
            <ac:spMk id="10831" creationId="{3B36C0A7-E846-5351-493A-7A96C7E39F3C}"/>
          </ac:spMkLst>
        </pc:spChg>
        <pc:spChg chg="mod">
          <ac:chgData name="White, Alex" userId="eff6cc8c-37d8-483b-9c6c-6b27e9afa9bc" providerId="ADAL" clId="{BF04C754-5BF4-4E83-9615-DB14FA25AF8A}" dt="2023-10-12T11:38:20.867" v="298"/>
          <ac:spMkLst>
            <pc:docMk/>
            <pc:sldMk cId="2376958513" sldId="260"/>
            <ac:spMk id="10832" creationId="{472CA85F-5F60-C3ED-83CF-913533AD3E18}"/>
          </ac:spMkLst>
        </pc:spChg>
        <pc:spChg chg="mod">
          <ac:chgData name="White, Alex" userId="eff6cc8c-37d8-483b-9c6c-6b27e9afa9bc" providerId="ADAL" clId="{BF04C754-5BF4-4E83-9615-DB14FA25AF8A}" dt="2023-10-12T11:38:20.867" v="298"/>
          <ac:spMkLst>
            <pc:docMk/>
            <pc:sldMk cId="2376958513" sldId="260"/>
            <ac:spMk id="10833" creationId="{BABF91DF-C404-955A-CEC4-9137047D51E4}"/>
          </ac:spMkLst>
        </pc:spChg>
        <pc:spChg chg="mod">
          <ac:chgData name="White, Alex" userId="eff6cc8c-37d8-483b-9c6c-6b27e9afa9bc" providerId="ADAL" clId="{BF04C754-5BF4-4E83-9615-DB14FA25AF8A}" dt="2023-10-12T11:38:20.867" v="298"/>
          <ac:spMkLst>
            <pc:docMk/>
            <pc:sldMk cId="2376958513" sldId="260"/>
            <ac:spMk id="10834" creationId="{2EF61E39-E90F-04DC-8268-271786EFE087}"/>
          </ac:spMkLst>
        </pc:spChg>
        <pc:spChg chg="mod">
          <ac:chgData name="White, Alex" userId="eff6cc8c-37d8-483b-9c6c-6b27e9afa9bc" providerId="ADAL" clId="{BF04C754-5BF4-4E83-9615-DB14FA25AF8A}" dt="2023-10-12T11:38:20.867" v="298"/>
          <ac:spMkLst>
            <pc:docMk/>
            <pc:sldMk cId="2376958513" sldId="260"/>
            <ac:spMk id="10835" creationId="{DFD82746-EAF0-F84F-DE97-803145D1B689}"/>
          </ac:spMkLst>
        </pc:spChg>
        <pc:spChg chg="mod">
          <ac:chgData name="White, Alex" userId="eff6cc8c-37d8-483b-9c6c-6b27e9afa9bc" providerId="ADAL" clId="{BF04C754-5BF4-4E83-9615-DB14FA25AF8A}" dt="2023-10-12T11:38:20.867" v="298"/>
          <ac:spMkLst>
            <pc:docMk/>
            <pc:sldMk cId="2376958513" sldId="260"/>
            <ac:spMk id="10836" creationId="{5E81FB44-E693-4CF4-42C9-E1FB7F366520}"/>
          </ac:spMkLst>
        </pc:spChg>
        <pc:spChg chg="mod">
          <ac:chgData name="White, Alex" userId="eff6cc8c-37d8-483b-9c6c-6b27e9afa9bc" providerId="ADAL" clId="{BF04C754-5BF4-4E83-9615-DB14FA25AF8A}" dt="2023-10-12T11:38:20.867" v="298"/>
          <ac:spMkLst>
            <pc:docMk/>
            <pc:sldMk cId="2376958513" sldId="260"/>
            <ac:spMk id="10837" creationId="{071FC526-B52A-AABA-429D-1F6EBCCB59AF}"/>
          </ac:spMkLst>
        </pc:spChg>
        <pc:spChg chg="mod">
          <ac:chgData name="White, Alex" userId="eff6cc8c-37d8-483b-9c6c-6b27e9afa9bc" providerId="ADAL" clId="{BF04C754-5BF4-4E83-9615-DB14FA25AF8A}" dt="2023-10-12T11:38:20.867" v="298"/>
          <ac:spMkLst>
            <pc:docMk/>
            <pc:sldMk cId="2376958513" sldId="260"/>
            <ac:spMk id="10838" creationId="{16D175FD-D2E8-9CA5-D241-07B4279CA9B4}"/>
          </ac:spMkLst>
        </pc:spChg>
        <pc:spChg chg="mod">
          <ac:chgData name="White, Alex" userId="eff6cc8c-37d8-483b-9c6c-6b27e9afa9bc" providerId="ADAL" clId="{BF04C754-5BF4-4E83-9615-DB14FA25AF8A}" dt="2023-10-12T11:38:20.867" v="298"/>
          <ac:spMkLst>
            <pc:docMk/>
            <pc:sldMk cId="2376958513" sldId="260"/>
            <ac:spMk id="10839" creationId="{B3E6E123-3AB4-DDAB-48B9-A9D002A1EC07}"/>
          </ac:spMkLst>
        </pc:spChg>
        <pc:spChg chg="mod">
          <ac:chgData name="White, Alex" userId="eff6cc8c-37d8-483b-9c6c-6b27e9afa9bc" providerId="ADAL" clId="{BF04C754-5BF4-4E83-9615-DB14FA25AF8A}" dt="2023-10-12T11:38:20.867" v="298"/>
          <ac:spMkLst>
            <pc:docMk/>
            <pc:sldMk cId="2376958513" sldId="260"/>
            <ac:spMk id="10840" creationId="{C0D4C2C2-DDA7-4B45-FA17-DE2115238837}"/>
          </ac:spMkLst>
        </pc:spChg>
        <pc:spChg chg="mod">
          <ac:chgData name="White, Alex" userId="eff6cc8c-37d8-483b-9c6c-6b27e9afa9bc" providerId="ADAL" clId="{BF04C754-5BF4-4E83-9615-DB14FA25AF8A}" dt="2023-10-12T11:38:20.867" v="298"/>
          <ac:spMkLst>
            <pc:docMk/>
            <pc:sldMk cId="2376958513" sldId="260"/>
            <ac:spMk id="10841" creationId="{E7D82525-D107-9350-4152-0349E73BA071}"/>
          </ac:spMkLst>
        </pc:spChg>
        <pc:spChg chg="mod">
          <ac:chgData name="White, Alex" userId="eff6cc8c-37d8-483b-9c6c-6b27e9afa9bc" providerId="ADAL" clId="{BF04C754-5BF4-4E83-9615-DB14FA25AF8A}" dt="2023-10-12T11:38:20.867" v="298"/>
          <ac:spMkLst>
            <pc:docMk/>
            <pc:sldMk cId="2376958513" sldId="260"/>
            <ac:spMk id="10842" creationId="{A6D57AD2-05A8-533F-80B6-3D81859980C5}"/>
          </ac:spMkLst>
        </pc:spChg>
        <pc:spChg chg="mod">
          <ac:chgData name="White, Alex" userId="eff6cc8c-37d8-483b-9c6c-6b27e9afa9bc" providerId="ADAL" clId="{BF04C754-5BF4-4E83-9615-DB14FA25AF8A}" dt="2023-10-12T11:38:20.867" v="298"/>
          <ac:spMkLst>
            <pc:docMk/>
            <pc:sldMk cId="2376958513" sldId="260"/>
            <ac:spMk id="10843" creationId="{C6E9861A-7C38-8799-1801-BC6478A6A718}"/>
          </ac:spMkLst>
        </pc:spChg>
        <pc:spChg chg="mod">
          <ac:chgData name="White, Alex" userId="eff6cc8c-37d8-483b-9c6c-6b27e9afa9bc" providerId="ADAL" clId="{BF04C754-5BF4-4E83-9615-DB14FA25AF8A}" dt="2023-10-12T11:38:20.867" v="298"/>
          <ac:spMkLst>
            <pc:docMk/>
            <pc:sldMk cId="2376958513" sldId="260"/>
            <ac:spMk id="10844" creationId="{594AB8B4-9390-3DB9-449E-E00EF777030C}"/>
          </ac:spMkLst>
        </pc:spChg>
        <pc:spChg chg="mod">
          <ac:chgData name="White, Alex" userId="eff6cc8c-37d8-483b-9c6c-6b27e9afa9bc" providerId="ADAL" clId="{BF04C754-5BF4-4E83-9615-DB14FA25AF8A}" dt="2023-10-12T11:38:20.867" v="298"/>
          <ac:spMkLst>
            <pc:docMk/>
            <pc:sldMk cId="2376958513" sldId="260"/>
            <ac:spMk id="10845" creationId="{99A2D3BA-64D8-52D9-2A51-9096AC691F5E}"/>
          </ac:spMkLst>
        </pc:spChg>
        <pc:spChg chg="mod">
          <ac:chgData name="White, Alex" userId="eff6cc8c-37d8-483b-9c6c-6b27e9afa9bc" providerId="ADAL" clId="{BF04C754-5BF4-4E83-9615-DB14FA25AF8A}" dt="2023-10-12T11:38:20.867" v="298"/>
          <ac:spMkLst>
            <pc:docMk/>
            <pc:sldMk cId="2376958513" sldId="260"/>
            <ac:spMk id="10846" creationId="{871879D4-F33D-4EB8-7E3C-B540C116D21F}"/>
          </ac:spMkLst>
        </pc:spChg>
        <pc:spChg chg="mod">
          <ac:chgData name="White, Alex" userId="eff6cc8c-37d8-483b-9c6c-6b27e9afa9bc" providerId="ADAL" clId="{BF04C754-5BF4-4E83-9615-DB14FA25AF8A}" dt="2023-10-12T11:38:20.867" v="298"/>
          <ac:spMkLst>
            <pc:docMk/>
            <pc:sldMk cId="2376958513" sldId="260"/>
            <ac:spMk id="10847" creationId="{859D1A0A-A035-5EA9-051F-3E0353FE8BDB}"/>
          </ac:spMkLst>
        </pc:spChg>
        <pc:spChg chg="mod">
          <ac:chgData name="White, Alex" userId="eff6cc8c-37d8-483b-9c6c-6b27e9afa9bc" providerId="ADAL" clId="{BF04C754-5BF4-4E83-9615-DB14FA25AF8A}" dt="2023-10-12T11:38:20.867" v="298"/>
          <ac:spMkLst>
            <pc:docMk/>
            <pc:sldMk cId="2376958513" sldId="260"/>
            <ac:spMk id="10848" creationId="{2D90CFC4-63B8-8136-7B5E-68FCF4C8C91E}"/>
          </ac:spMkLst>
        </pc:spChg>
        <pc:spChg chg="mod">
          <ac:chgData name="White, Alex" userId="eff6cc8c-37d8-483b-9c6c-6b27e9afa9bc" providerId="ADAL" clId="{BF04C754-5BF4-4E83-9615-DB14FA25AF8A}" dt="2023-10-12T11:38:20.867" v="298"/>
          <ac:spMkLst>
            <pc:docMk/>
            <pc:sldMk cId="2376958513" sldId="260"/>
            <ac:spMk id="10849" creationId="{74598D16-9B6C-48F6-DD82-731EFC6B2B46}"/>
          </ac:spMkLst>
        </pc:spChg>
        <pc:spChg chg="mod">
          <ac:chgData name="White, Alex" userId="eff6cc8c-37d8-483b-9c6c-6b27e9afa9bc" providerId="ADAL" clId="{BF04C754-5BF4-4E83-9615-DB14FA25AF8A}" dt="2023-10-12T11:38:20.867" v="298"/>
          <ac:spMkLst>
            <pc:docMk/>
            <pc:sldMk cId="2376958513" sldId="260"/>
            <ac:spMk id="10850" creationId="{DB40C6ED-6E80-D4DE-34AA-84C8DAD9B317}"/>
          </ac:spMkLst>
        </pc:spChg>
        <pc:spChg chg="mod">
          <ac:chgData name="White, Alex" userId="eff6cc8c-37d8-483b-9c6c-6b27e9afa9bc" providerId="ADAL" clId="{BF04C754-5BF4-4E83-9615-DB14FA25AF8A}" dt="2023-10-12T11:38:20.867" v="298"/>
          <ac:spMkLst>
            <pc:docMk/>
            <pc:sldMk cId="2376958513" sldId="260"/>
            <ac:spMk id="10851" creationId="{3542C9E5-0BE2-7454-2D0F-C931005C8B8E}"/>
          </ac:spMkLst>
        </pc:spChg>
        <pc:spChg chg="mod">
          <ac:chgData name="White, Alex" userId="eff6cc8c-37d8-483b-9c6c-6b27e9afa9bc" providerId="ADAL" clId="{BF04C754-5BF4-4E83-9615-DB14FA25AF8A}" dt="2023-10-12T11:38:20.867" v="298"/>
          <ac:spMkLst>
            <pc:docMk/>
            <pc:sldMk cId="2376958513" sldId="260"/>
            <ac:spMk id="10852" creationId="{F24451A6-2D5C-A5DC-F4A3-F8FC4239B521}"/>
          </ac:spMkLst>
        </pc:spChg>
        <pc:spChg chg="mod">
          <ac:chgData name="White, Alex" userId="eff6cc8c-37d8-483b-9c6c-6b27e9afa9bc" providerId="ADAL" clId="{BF04C754-5BF4-4E83-9615-DB14FA25AF8A}" dt="2023-10-12T11:38:20.867" v="298"/>
          <ac:spMkLst>
            <pc:docMk/>
            <pc:sldMk cId="2376958513" sldId="260"/>
            <ac:spMk id="10853" creationId="{E2F1D952-782F-2927-FB8E-FC548B3C5715}"/>
          </ac:spMkLst>
        </pc:spChg>
        <pc:spChg chg="mod">
          <ac:chgData name="White, Alex" userId="eff6cc8c-37d8-483b-9c6c-6b27e9afa9bc" providerId="ADAL" clId="{BF04C754-5BF4-4E83-9615-DB14FA25AF8A}" dt="2023-10-12T11:38:20.867" v="298"/>
          <ac:spMkLst>
            <pc:docMk/>
            <pc:sldMk cId="2376958513" sldId="260"/>
            <ac:spMk id="10854" creationId="{9537D56A-8DF8-8F74-2A28-9B60A8D052FE}"/>
          </ac:spMkLst>
        </pc:spChg>
        <pc:spChg chg="mod">
          <ac:chgData name="White, Alex" userId="eff6cc8c-37d8-483b-9c6c-6b27e9afa9bc" providerId="ADAL" clId="{BF04C754-5BF4-4E83-9615-DB14FA25AF8A}" dt="2023-10-12T11:38:20.867" v="298"/>
          <ac:spMkLst>
            <pc:docMk/>
            <pc:sldMk cId="2376958513" sldId="260"/>
            <ac:spMk id="10855" creationId="{B2EAA7E9-C5C9-1981-401D-014B1460077F}"/>
          </ac:spMkLst>
        </pc:spChg>
        <pc:spChg chg="mod">
          <ac:chgData name="White, Alex" userId="eff6cc8c-37d8-483b-9c6c-6b27e9afa9bc" providerId="ADAL" clId="{BF04C754-5BF4-4E83-9615-DB14FA25AF8A}" dt="2023-10-12T11:38:20.867" v="298"/>
          <ac:spMkLst>
            <pc:docMk/>
            <pc:sldMk cId="2376958513" sldId="260"/>
            <ac:spMk id="10856" creationId="{433DD40A-37BD-0556-332F-A67A43055319}"/>
          </ac:spMkLst>
        </pc:spChg>
        <pc:spChg chg="mod">
          <ac:chgData name="White, Alex" userId="eff6cc8c-37d8-483b-9c6c-6b27e9afa9bc" providerId="ADAL" clId="{BF04C754-5BF4-4E83-9615-DB14FA25AF8A}" dt="2023-10-12T11:38:20.867" v="298"/>
          <ac:spMkLst>
            <pc:docMk/>
            <pc:sldMk cId="2376958513" sldId="260"/>
            <ac:spMk id="10857" creationId="{88567C55-710E-6C13-EC85-1DA66AB73820}"/>
          </ac:spMkLst>
        </pc:spChg>
        <pc:spChg chg="mod">
          <ac:chgData name="White, Alex" userId="eff6cc8c-37d8-483b-9c6c-6b27e9afa9bc" providerId="ADAL" clId="{BF04C754-5BF4-4E83-9615-DB14FA25AF8A}" dt="2023-10-12T11:38:20.867" v="298"/>
          <ac:spMkLst>
            <pc:docMk/>
            <pc:sldMk cId="2376958513" sldId="260"/>
            <ac:spMk id="10858" creationId="{F07F6CB2-95D1-D8E7-C01A-865773952821}"/>
          </ac:spMkLst>
        </pc:spChg>
        <pc:spChg chg="mod">
          <ac:chgData name="White, Alex" userId="eff6cc8c-37d8-483b-9c6c-6b27e9afa9bc" providerId="ADAL" clId="{BF04C754-5BF4-4E83-9615-DB14FA25AF8A}" dt="2023-10-12T11:38:20.867" v="298"/>
          <ac:spMkLst>
            <pc:docMk/>
            <pc:sldMk cId="2376958513" sldId="260"/>
            <ac:spMk id="10859" creationId="{8ABECCBB-6C01-FE42-001A-54E07478953B}"/>
          </ac:spMkLst>
        </pc:spChg>
        <pc:spChg chg="mod">
          <ac:chgData name="White, Alex" userId="eff6cc8c-37d8-483b-9c6c-6b27e9afa9bc" providerId="ADAL" clId="{BF04C754-5BF4-4E83-9615-DB14FA25AF8A}" dt="2023-10-12T11:38:20.867" v="298"/>
          <ac:spMkLst>
            <pc:docMk/>
            <pc:sldMk cId="2376958513" sldId="260"/>
            <ac:spMk id="10860" creationId="{B699DAE2-E597-B40A-38CF-808258C36ABD}"/>
          </ac:spMkLst>
        </pc:spChg>
        <pc:spChg chg="mod">
          <ac:chgData name="White, Alex" userId="eff6cc8c-37d8-483b-9c6c-6b27e9afa9bc" providerId="ADAL" clId="{BF04C754-5BF4-4E83-9615-DB14FA25AF8A}" dt="2023-10-12T11:38:20.867" v="298"/>
          <ac:spMkLst>
            <pc:docMk/>
            <pc:sldMk cId="2376958513" sldId="260"/>
            <ac:spMk id="10861" creationId="{6FF3DA3B-A83C-1ABC-A752-198B0233E807}"/>
          </ac:spMkLst>
        </pc:spChg>
        <pc:spChg chg="mod">
          <ac:chgData name="White, Alex" userId="eff6cc8c-37d8-483b-9c6c-6b27e9afa9bc" providerId="ADAL" clId="{BF04C754-5BF4-4E83-9615-DB14FA25AF8A}" dt="2023-10-12T11:38:20.867" v="298"/>
          <ac:spMkLst>
            <pc:docMk/>
            <pc:sldMk cId="2376958513" sldId="260"/>
            <ac:spMk id="10862" creationId="{5DF41EDE-3E27-2A1F-9348-07BFBDFE4453}"/>
          </ac:spMkLst>
        </pc:spChg>
        <pc:spChg chg="mod">
          <ac:chgData name="White, Alex" userId="eff6cc8c-37d8-483b-9c6c-6b27e9afa9bc" providerId="ADAL" clId="{BF04C754-5BF4-4E83-9615-DB14FA25AF8A}" dt="2023-10-12T11:38:20.867" v="298"/>
          <ac:spMkLst>
            <pc:docMk/>
            <pc:sldMk cId="2376958513" sldId="260"/>
            <ac:spMk id="10863" creationId="{8827D850-500A-458A-B1C5-0BAE7253FC7D}"/>
          </ac:spMkLst>
        </pc:spChg>
        <pc:spChg chg="mod">
          <ac:chgData name="White, Alex" userId="eff6cc8c-37d8-483b-9c6c-6b27e9afa9bc" providerId="ADAL" clId="{BF04C754-5BF4-4E83-9615-DB14FA25AF8A}" dt="2023-10-12T11:38:20.867" v="298"/>
          <ac:spMkLst>
            <pc:docMk/>
            <pc:sldMk cId="2376958513" sldId="260"/>
            <ac:spMk id="10864" creationId="{E72B7BE1-C218-2D5C-D81C-8931681FF63C}"/>
          </ac:spMkLst>
        </pc:spChg>
        <pc:spChg chg="mod">
          <ac:chgData name="White, Alex" userId="eff6cc8c-37d8-483b-9c6c-6b27e9afa9bc" providerId="ADAL" clId="{BF04C754-5BF4-4E83-9615-DB14FA25AF8A}" dt="2023-10-12T11:38:20.867" v="298"/>
          <ac:spMkLst>
            <pc:docMk/>
            <pc:sldMk cId="2376958513" sldId="260"/>
            <ac:spMk id="10865" creationId="{1830AF50-0345-81AC-52DF-01747E30A898}"/>
          </ac:spMkLst>
        </pc:spChg>
        <pc:spChg chg="mod">
          <ac:chgData name="White, Alex" userId="eff6cc8c-37d8-483b-9c6c-6b27e9afa9bc" providerId="ADAL" clId="{BF04C754-5BF4-4E83-9615-DB14FA25AF8A}" dt="2023-10-12T11:38:20.867" v="298"/>
          <ac:spMkLst>
            <pc:docMk/>
            <pc:sldMk cId="2376958513" sldId="260"/>
            <ac:spMk id="10866" creationId="{40924692-6A1C-1FAD-B536-75A01A450556}"/>
          </ac:spMkLst>
        </pc:spChg>
        <pc:spChg chg="mod">
          <ac:chgData name="White, Alex" userId="eff6cc8c-37d8-483b-9c6c-6b27e9afa9bc" providerId="ADAL" clId="{BF04C754-5BF4-4E83-9615-DB14FA25AF8A}" dt="2023-10-12T11:38:20.867" v="298"/>
          <ac:spMkLst>
            <pc:docMk/>
            <pc:sldMk cId="2376958513" sldId="260"/>
            <ac:spMk id="10867" creationId="{F9BCB84A-93E5-0043-7965-9939C9F1F8AE}"/>
          </ac:spMkLst>
        </pc:spChg>
        <pc:spChg chg="mod">
          <ac:chgData name="White, Alex" userId="eff6cc8c-37d8-483b-9c6c-6b27e9afa9bc" providerId="ADAL" clId="{BF04C754-5BF4-4E83-9615-DB14FA25AF8A}" dt="2023-10-12T11:38:20.867" v="298"/>
          <ac:spMkLst>
            <pc:docMk/>
            <pc:sldMk cId="2376958513" sldId="260"/>
            <ac:spMk id="10868" creationId="{A7237B6C-CECF-3210-6F63-02E361B86D1A}"/>
          </ac:spMkLst>
        </pc:spChg>
        <pc:spChg chg="mod">
          <ac:chgData name="White, Alex" userId="eff6cc8c-37d8-483b-9c6c-6b27e9afa9bc" providerId="ADAL" clId="{BF04C754-5BF4-4E83-9615-DB14FA25AF8A}" dt="2023-10-12T11:38:20.867" v="298"/>
          <ac:spMkLst>
            <pc:docMk/>
            <pc:sldMk cId="2376958513" sldId="260"/>
            <ac:spMk id="10869" creationId="{8023FB91-4793-F07B-0E7A-D00EF3E5DF67}"/>
          </ac:spMkLst>
        </pc:spChg>
        <pc:spChg chg="mod">
          <ac:chgData name="White, Alex" userId="eff6cc8c-37d8-483b-9c6c-6b27e9afa9bc" providerId="ADAL" clId="{BF04C754-5BF4-4E83-9615-DB14FA25AF8A}" dt="2023-10-12T11:38:20.867" v="298"/>
          <ac:spMkLst>
            <pc:docMk/>
            <pc:sldMk cId="2376958513" sldId="260"/>
            <ac:spMk id="10870" creationId="{03168A04-7B94-F18E-3B79-0636101F279B}"/>
          </ac:spMkLst>
        </pc:spChg>
        <pc:spChg chg="mod">
          <ac:chgData name="White, Alex" userId="eff6cc8c-37d8-483b-9c6c-6b27e9afa9bc" providerId="ADAL" clId="{BF04C754-5BF4-4E83-9615-DB14FA25AF8A}" dt="2023-10-12T11:38:20.867" v="298"/>
          <ac:spMkLst>
            <pc:docMk/>
            <pc:sldMk cId="2376958513" sldId="260"/>
            <ac:spMk id="10871" creationId="{E7D42918-0C11-B0D6-C7E3-9DF66648B4E0}"/>
          </ac:spMkLst>
        </pc:spChg>
        <pc:spChg chg="mod">
          <ac:chgData name="White, Alex" userId="eff6cc8c-37d8-483b-9c6c-6b27e9afa9bc" providerId="ADAL" clId="{BF04C754-5BF4-4E83-9615-DB14FA25AF8A}" dt="2023-10-12T11:38:20.867" v="298"/>
          <ac:spMkLst>
            <pc:docMk/>
            <pc:sldMk cId="2376958513" sldId="260"/>
            <ac:spMk id="10872" creationId="{57C5248D-A896-D2A8-7085-796C3A796CA7}"/>
          </ac:spMkLst>
        </pc:spChg>
        <pc:spChg chg="mod">
          <ac:chgData name="White, Alex" userId="eff6cc8c-37d8-483b-9c6c-6b27e9afa9bc" providerId="ADAL" clId="{BF04C754-5BF4-4E83-9615-DB14FA25AF8A}" dt="2023-10-12T11:38:20.867" v="298"/>
          <ac:spMkLst>
            <pc:docMk/>
            <pc:sldMk cId="2376958513" sldId="260"/>
            <ac:spMk id="10873" creationId="{2C643302-D614-ACA6-D0B5-1CFFEB258690}"/>
          </ac:spMkLst>
        </pc:spChg>
        <pc:spChg chg="mod">
          <ac:chgData name="White, Alex" userId="eff6cc8c-37d8-483b-9c6c-6b27e9afa9bc" providerId="ADAL" clId="{BF04C754-5BF4-4E83-9615-DB14FA25AF8A}" dt="2023-10-12T11:38:20.867" v="298"/>
          <ac:spMkLst>
            <pc:docMk/>
            <pc:sldMk cId="2376958513" sldId="260"/>
            <ac:spMk id="10874" creationId="{CF508E0B-D296-E090-EA0B-4172D7459E06}"/>
          </ac:spMkLst>
        </pc:spChg>
        <pc:spChg chg="mod">
          <ac:chgData name="White, Alex" userId="eff6cc8c-37d8-483b-9c6c-6b27e9afa9bc" providerId="ADAL" clId="{BF04C754-5BF4-4E83-9615-DB14FA25AF8A}" dt="2023-10-12T11:38:20.867" v="298"/>
          <ac:spMkLst>
            <pc:docMk/>
            <pc:sldMk cId="2376958513" sldId="260"/>
            <ac:spMk id="10875" creationId="{DE48CF03-35FD-438E-7F69-22D6241205D1}"/>
          </ac:spMkLst>
        </pc:spChg>
        <pc:spChg chg="mod">
          <ac:chgData name="White, Alex" userId="eff6cc8c-37d8-483b-9c6c-6b27e9afa9bc" providerId="ADAL" clId="{BF04C754-5BF4-4E83-9615-DB14FA25AF8A}" dt="2023-10-12T11:38:20.867" v="298"/>
          <ac:spMkLst>
            <pc:docMk/>
            <pc:sldMk cId="2376958513" sldId="260"/>
            <ac:spMk id="10876" creationId="{17B8967C-4825-8787-200A-542762DE07BE}"/>
          </ac:spMkLst>
        </pc:spChg>
        <pc:spChg chg="mod">
          <ac:chgData name="White, Alex" userId="eff6cc8c-37d8-483b-9c6c-6b27e9afa9bc" providerId="ADAL" clId="{BF04C754-5BF4-4E83-9615-DB14FA25AF8A}" dt="2023-10-12T11:38:20.867" v="298"/>
          <ac:spMkLst>
            <pc:docMk/>
            <pc:sldMk cId="2376958513" sldId="260"/>
            <ac:spMk id="10877" creationId="{DBD17673-028B-8A98-BCCF-81BB12836697}"/>
          </ac:spMkLst>
        </pc:spChg>
        <pc:spChg chg="mod">
          <ac:chgData name="White, Alex" userId="eff6cc8c-37d8-483b-9c6c-6b27e9afa9bc" providerId="ADAL" clId="{BF04C754-5BF4-4E83-9615-DB14FA25AF8A}" dt="2023-10-12T11:38:20.867" v="298"/>
          <ac:spMkLst>
            <pc:docMk/>
            <pc:sldMk cId="2376958513" sldId="260"/>
            <ac:spMk id="10878" creationId="{1FA0E43D-A3F6-3F18-0E1F-F725E813A0F9}"/>
          </ac:spMkLst>
        </pc:spChg>
        <pc:spChg chg="mod">
          <ac:chgData name="White, Alex" userId="eff6cc8c-37d8-483b-9c6c-6b27e9afa9bc" providerId="ADAL" clId="{BF04C754-5BF4-4E83-9615-DB14FA25AF8A}" dt="2023-10-12T11:38:20.867" v="298"/>
          <ac:spMkLst>
            <pc:docMk/>
            <pc:sldMk cId="2376958513" sldId="260"/>
            <ac:spMk id="10879" creationId="{07BEED01-50BA-EC89-3127-415F03ADFEBA}"/>
          </ac:spMkLst>
        </pc:spChg>
        <pc:spChg chg="mod">
          <ac:chgData name="White, Alex" userId="eff6cc8c-37d8-483b-9c6c-6b27e9afa9bc" providerId="ADAL" clId="{BF04C754-5BF4-4E83-9615-DB14FA25AF8A}" dt="2023-10-12T11:38:20.867" v="298"/>
          <ac:spMkLst>
            <pc:docMk/>
            <pc:sldMk cId="2376958513" sldId="260"/>
            <ac:spMk id="10880" creationId="{9A56DAE7-4754-31C5-73D7-6A26F0DE046D}"/>
          </ac:spMkLst>
        </pc:spChg>
        <pc:spChg chg="mod">
          <ac:chgData name="White, Alex" userId="eff6cc8c-37d8-483b-9c6c-6b27e9afa9bc" providerId="ADAL" clId="{BF04C754-5BF4-4E83-9615-DB14FA25AF8A}" dt="2023-10-12T11:38:20.867" v="298"/>
          <ac:spMkLst>
            <pc:docMk/>
            <pc:sldMk cId="2376958513" sldId="260"/>
            <ac:spMk id="10881" creationId="{BD332B4A-C319-A68A-1F5E-528E1DF9D874}"/>
          </ac:spMkLst>
        </pc:spChg>
        <pc:spChg chg="mod">
          <ac:chgData name="White, Alex" userId="eff6cc8c-37d8-483b-9c6c-6b27e9afa9bc" providerId="ADAL" clId="{BF04C754-5BF4-4E83-9615-DB14FA25AF8A}" dt="2023-10-12T11:38:20.867" v="298"/>
          <ac:spMkLst>
            <pc:docMk/>
            <pc:sldMk cId="2376958513" sldId="260"/>
            <ac:spMk id="10882" creationId="{7E99B411-77F7-B9AB-DBE7-FF101FF1345A}"/>
          </ac:spMkLst>
        </pc:spChg>
        <pc:spChg chg="mod">
          <ac:chgData name="White, Alex" userId="eff6cc8c-37d8-483b-9c6c-6b27e9afa9bc" providerId="ADAL" clId="{BF04C754-5BF4-4E83-9615-DB14FA25AF8A}" dt="2023-10-12T11:38:20.867" v="298"/>
          <ac:spMkLst>
            <pc:docMk/>
            <pc:sldMk cId="2376958513" sldId="260"/>
            <ac:spMk id="10883" creationId="{EF99D82E-047E-2A4B-51AE-3EED16B15AE0}"/>
          </ac:spMkLst>
        </pc:spChg>
        <pc:spChg chg="mod">
          <ac:chgData name="White, Alex" userId="eff6cc8c-37d8-483b-9c6c-6b27e9afa9bc" providerId="ADAL" clId="{BF04C754-5BF4-4E83-9615-DB14FA25AF8A}" dt="2023-10-12T11:38:20.867" v="298"/>
          <ac:spMkLst>
            <pc:docMk/>
            <pc:sldMk cId="2376958513" sldId="260"/>
            <ac:spMk id="10884" creationId="{AA23EA14-32DB-2784-5947-D59CC5A33366}"/>
          </ac:spMkLst>
        </pc:spChg>
        <pc:spChg chg="mod">
          <ac:chgData name="White, Alex" userId="eff6cc8c-37d8-483b-9c6c-6b27e9afa9bc" providerId="ADAL" clId="{BF04C754-5BF4-4E83-9615-DB14FA25AF8A}" dt="2023-10-12T11:38:20.867" v="298"/>
          <ac:spMkLst>
            <pc:docMk/>
            <pc:sldMk cId="2376958513" sldId="260"/>
            <ac:spMk id="10885" creationId="{63FF02A6-7A7D-8E30-FFA2-EF547CE75554}"/>
          </ac:spMkLst>
        </pc:spChg>
        <pc:spChg chg="mod">
          <ac:chgData name="White, Alex" userId="eff6cc8c-37d8-483b-9c6c-6b27e9afa9bc" providerId="ADAL" clId="{BF04C754-5BF4-4E83-9615-DB14FA25AF8A}" dt="2023-10-12T11:38:20.867" v="298"/>
          <ac:spMkLst>
            <pc:docMk/>
            <pc:sldMk cId="2376958513" sldId="260"/>
            <ac:spMk id="10886" creationId="{7F9DB3E6-7533-098C-AD83-83C26D6E5257}"/>
          </ac:spMkLst>
        </pc:spChg>
        <pc:spChg chg="mod">
          <ac:chgData name="White, Alex" userId="eff6cc8c-37d8-483b-9c6c-6b27e9afa9bc" providerId="ADAL" clId="{BF04C754-5BF4-4E83-9615-DB14FA25AF8A}" dt="2023-10-12T11:38:20.867" v="298"/>
          <ac:spMkLst>
            <pc:docMk/>
            <pc:sldMk cId="2376958513" sldId="260"/>
            <ac:spMk id="10887" creationId="{F4835DA7-54FA-BACF-9C1E-66559C68CE5F}"/>
          </ac:spMkLst>
        </pc:spChg>
        <pc:spChg chg="mod">
          <ac:chgData name="White, Alex" userId="eff6cc8c-37d8-483b-9c6c-6b27e9afa9bc" providerId="ADAL" clId="{BF04C754-5BF4-4E83-9615-DB14FA25AF8A}" dt="2023-10-12T11:38:20.867" v="298"/>
          <ac:spMkLst>
            <pc:docMk/>
            <pc:sldMk cId="2376958513" sldId="260"/>
            <ac:spMk id="10888" creationId="{2049A312-3B26-6052-7755-79AF88A7D379}"/>
          </ac:spMkLst>
        </pc:spChg>
        <pc:spChg chg="mod">
          <ac:chgData name="White, Alex" userId="eff6cc8c-37d8-483b-9c6c-6b27e9afa9bc" providerId="ADAL" clId="{BF04C754-5BF4-4E83-9615-DB14FA25AF8A}" dt="2023-10-12T11:38:20.867" v="298"/>
          <ac:spMkLst>
            <pc:docMk/>
            <pc:sldMk cId="2376958513" sldId="260"/>
            <ac:spMk id="10889" creationId="{27BF86C9-5A6D-9B00-A298-6AB4690D84AD}"/>
          </ac:spMkLst>
        </pc:spChg>
        <pc:spChg chg="mod">
          <ac:chgData name="White, Alex" userId="eff6cc8c-37d8-483b-9c6c-6b27e9afa9bc" providerId="ADAL" clId="{BF04C754-5BF4-4E83-9615-DB14FA25AF8A}" dt="2023-10-12T11:38:20.867" v="298"/>
          <ac:spMkLst>
            <pc:docMk/>
            <pc:sldMk cId="2376958513" sldId="260"/>
            <ac:spMk id="10890" creationId="{0A363AAD-64BA-DEF3-F920-D1C4671ADE35}"/>
          </ac:spMkLst>
        </pc:spChg>
        <pc:spChg chg="mod">
          <ac:chgData name="White, Alex" userId="eff6cc8c-37d8-483b-9c6c-6b27e9afa9bc" providerId="ADAL" clId="{BF04C754-5BF4-4E83-9615-DB14FA25AF8A}" dt="2023-10-12T11:38:20.867" v="298"/>
          <ac:spMkLst>
            <pc:docMk/>
            <pc:sldMk cId="2376958513" sldId="260"/>
            <ac:spMk id="10891" creationId="{66349A2C-FAA4-FF7D-116E-F4CD7896DCD8}"/>
          </ac:spMkLst>
        </pc:spChg>
        <pc:spChg chg="mod">
          <ac:chgData name="White, Alex" userId="eff6cc8c-37d8-483b-9c6c-6b27e9afa9bc" providerId="ADAL" clId="{BF04C754-5BF4-4E83-9615-DB14FA25AF8A}" dt="2023-10-12T11:38:20.867" v="298"/>
          <ac:spMkLst>
            <pc:docMk/>
            <pc:sldMk cId="2376958513" sldId="260"/>
            <ac:spMk id="10892" creationId="{84F52BE3-4446-A3F3-9169-6DC716CA1542}"/>
          </ac:spMkLst>
        </pc:spChg>
        <pc:spChg chg="mod">
          <ac:chgData name="White, Alex" userId="eff6cc8c-37d8-483b-9c6c-6b27e9afa9bc" providerId="ADAL" clId="{BF04C754-5BF4-4E83-9615-DB14FA25AF8A}" dt="2023-10-12T11:38:20.867" v="298"/>
          <ac:spMkLst>
            <pc:docMk/>
            <pc:sldMk cId="2376958513" sldId="260"/>
            <ac:spMk id="10893" creationId="{BDB49D20-B777-62D0-D8B1-7DD0067532AA}"/>
          </ac:spMkLst>
        </pc:spChg>
        <pc:spChg chg="mod">
          <ac:chgData name="White, Alex" userId="eff6cc8c-37d8-483b-9c6c-6b27e9afa9bc" providerId="ADAL" clId="{BF04C754-5BF4-4E83-9615-DB14FA25AF8A}" dt="2023-10-12T11:38:20.867" v="298"/>
          <ac:spMkLst>
            <pc:docMk/>
            <pc:sldMk cId="2376958513" sldId="260"/>
            <ac:spMk id="10894" creationId="{559DF64D-AC6C-47E1-45D2-6F1801915609}"/>
          </ac:spMkLst>
        </pc:spChg>
        <pc:spChg chg="mod">
          <ac:chgData name="White, Alex" userId="eff6cc8c-37d8-483b-9c6c-6b27e9afa9bc" providerId="ADAL" clId="{BF04C754-5BF4-4E83-9615-DB14FA25AF8A}" dt="2023-10-12T11:38:20.867" v="298"/>
          <ac:spMkLst>
            <pc:docMk/>
            <pc:sldMk cId="2376958513" sldId="260"/>
            <ac:spMk id="10895" creationId="{54DF531E-186D-A833-0AA5-40D301F2AA8D}"/>
          </ac:spMkLst>
        </pc:spChg>
        <pc:spChg chg="mod">
          <ac:chgData name="White, Alex" userId="eff6cc8c-37d8-483b-9c6c-6b27e9afa9bc" providerId="ADAL" clId="{BF04C754-5BF4-4E83-9615-DB14FA25AF8A}" dt="2023-10-12T11:38:20.867" v="298"/>
          <ac:spMkLst>
            <pc:docMk/>
            <pc:sldMk cId="2376958513" sldId="260"/>
            <ac:spMk id="10896" creationId="{A183516B-D949-37C2-A66A-BF7C3A0B2D40}"/>
          </ac:spMkLst>
        </pc:spChg>
        <pc:spChg chg="mod">
          <ac:chgData name="White, Alex" userId="eff6cc8c-37d8-483b-9c6c-6b27e9afa9bc" providerId="ADAL" clId="{BF04C754-5BF4-4E83-9615-DB14FA25AF8A}" dt="2023-10-12T11:38:20.867" v="298"/>
          <ac:spMkLst>
            <pc:docMk/>
            <pc:sldMk cId="2376958513" sldId="260"/>
            <ac:spMk id="10897" creationId="{9048E9C7-BF20-BD35-950D-85D30608A82D}"/>
          </ac:spMkLst>
        </pc:spChg>
        <pc:spChg chg="mod">
          <ac:chgData name="White, Alex" userId="eff6cc8c-37d8-483b-9c6c-6b27e9afa9bc" providerId="ADAL" clId="{BF04C754-5BF4-4E83-9615-DB14FA25AF8A}" dt="2023-10-12T11:38:20.867" v="298"/>
          <ac:spMkLst>
            <pc:docMk/>
            <pc:sldMk cId="2376958513" sldId="260"/>
            <ac:spMk id="10898" creationId="{3AF6A8BB-3D9F-E3E3-78CD-F39AB4D76960}"/>
          </ac:spMkLst>
        </pc:spChg>
        <pc:spChg chg="mod">
          <ac:chgData name="White, Alex" userId="eff6cc8c-37d8-483b-9c6c-6b27e9afa9bc" providerId="ADAL" clId="{BF04C754-5BF4-4E83-9615-DB14FA25AF8A}" dt="2023-10-12T11:38:20.867" v="298"/>
          <ac:spMkLst>
            <pc:docMk/>
            <pc:sldMk cId="2376958513" sldId="260"/>
            <ac:spMk id="10899" creationId="{4B479DDA-DDCA-C59D-B7D4-1622A1E88B76}"/>
          </ac:spMkLst>
        </pc:spChg>
        <pc:spChg chg="mod">
          <ac:chgData name="White, Alex" userId="eff6cc8c-37d8-483b-9c6c-6b27e9afa9bc" providerId="ADAL" clId="{BF04C754-5BF4-4E83-9615-DB14FA25AF8A}" dt="2023-10-12T11:38:20.867" v="298"/>
          <ac:spMkLst>
            <pc:docMk/>
            <pc:sldMk cId="2376958513" sldId="260"/>
            <ac:spMk id="10900" creationId="{EC749523-3BCC-AD0A-D234-8C26858C2B3F}"/>
          </ac:spMkLst>
        </pc:spChg>
        <pc:spChg chg="mod">
          <ac:chgData name="White, Alex" userId="eff6cc8c-37d8-483b-9c6c-6b27e9afa9bc" providerId="ADAL" clId="{BF04C754-5BF4-4E83-9615-DB14FA25AF8A}" dt="2023-10-12T11:38:20.867" v="298"/>
          <ac:spMkLst>
            <pc:docMk/>
            <pc:sldMk cId="2376958513" sldId="260"/>
            <ac:spMk id="10901" creationId="{4E15F4B6-5579-D908-B39D-F6C328E4CA16}"/>
          </ac:spMkLst>
        </pc:spChg>
        <pc:spChg chg="mod">
          <ac:chgData name="White, Alex" userId="eff6cc8c-37d8-483b-9c6c-6b27e9afa9bc" providerId="ADAL" clId="{BF04C754-5BF4-4E83-9615-DB14FA25AF8A}" dt="2023-10-12T11:38:20.867" v="298"/>
          <ac:spMkLst>
            <pc:docMk/>
            <pc:sldMk cId="2376958513" sldId="260"/>
            <ac:spMk id="10902" creationId="{FFC78EE5-839D-C5F8-0803-6ECE0B320488}"/>
          </ac:spMkLst>
        </pc:spChg>
        <pc:spChg chg="mod">
          <ac:chgData name="White, Alex" userId="eff6cc8c-37d8-483b-9c6c-6b27e9afa9bc" providerId="ADAL" clId="{BF04C754-5BF4-4E83-9615-DB14FA25AF8A}" dt="2023-10-12T11:38:20.867" v="298"/>
          <ac:spMkLst>
            <pc:docMk/>
            <pc:sldMk cId="2376958513" sldId="260"/>
            <ac:spMk id="10903" creationId="{EBDF75A3-D6C7-E8F4-E4C6-BDD092544AFF}"/>
          </ac:spMkLst>
        </pc:spChg>
        <pc:spChg chg="mod">
          <ac:chgData name="White, Alex" userId="eff6cc8c-37d8-483b-9c6c-6b27e9afa9bc" providerId="ADAL" clId="{BF04C754-5BF4-4E83-9615-DB14FA25AF8A}" dt="2023-10-12T11:38:20.867" v="298"/>
          <ac:spMkLst>
            <pc:docMk/>
            <pc:sldMk cId="2376958513" sldId="260"/>
            <ac:spMk id="10904" creationId="{35A5F1AE-09FA-D310-0C33-B493B9B49544}"/>
          </ac:spMkLst>
        </pc:spChg>
        <pc:spChg chg="mod">
          <ac:chgData name="White, Alex" userId="eff6cc8c-37d8-483b-9c6c-6b27e9afa9bc" providerId="ADAL" clId="{BF04C754-5BF4-4E83-9615-DB14FA25AF8A}" dt="2023-10-12T11:38:20.867" v="298"/>
          <ac:spMkLst>
            <pc:docMk/>
            <pc:sldMk cId="2376958513" sldId="260"/>
            <ac:spMk id="10905" creationId="{9AF416A5-55FA-E08B-28C0-C70CAA192332}"/>
          </ac:spMkLst>
        </pc:spChg>
        <pc:spChg chg="mod">
          <ac:chgData name="White, Alex" userId="eff6cc8c-37d8-483b-9c6c-6b27e9afa9bc" providerId="ADAL" clId="{BF04C754-5BF4-4E83-9615-DB14FA25AF8A}" dt="2023-10-12T11:38:20.867" v="298"/>
          <ac:spMkLst>
            <pc:docMk/>
            <pc:sldMk cId="2376958513" sldId="260"/>
            <ac:spMk id="10906" creationId="{23C4FAF3-F840-AFB7-4410-CED08C429C16}"/>
          </ac:spMkLst>
        </pc:spChg>
        <pc:spChg chg="mod">
          <ac:chgData name="White, Alex" userId="eff6cc8c-37d8-483b-9c6c-6b27e9afa9bc" providerId="ADAL" clId="{BF04C754-5BF4-4E83-9615-DB14FA25AF8A}" dt="2023-10-12T11:38:20.867" v="298"/>
          <ac:spMkLst>
            <pc:docMk/>
            <pc:sldMk cId="2376958513" sldId="260"/>
            <ac:spMk id="10907" creationId="{C6963C74-C1C3-A734-32FA-50A0469260E1}"/>
          </ac:spMkLst>
        </pc:spChg>
        <pc:spChg chg="mod">
          <ac:chgData name="White, Alex" userId="eff6cc8c-37d8-483b-9c6c-6b27e9afa9bc" providerId="ADAL" clId="{BF04C754-5BF4-4E83-9615-DB14FA25AF8A}" dt="2023-10-12T11:38:20.867" v="298"/>
          <ac:spMkLst>
            <pc:docMk/>
            <pc:sldMk cId="2376958513" sldId="260"/>
            <ac:spMk id="10908" creationId="{0382DF6B-C744-50BD-36E4-9D03EA8BA33A}"/>
          </ac:spMkLst>
        </pc:spChg>
        <pc:spChg chg="mod">
          <ac:chgData name="White, Alex" userId="eff6cc8c-37d8-483b-9c6c-6b27e9afa9bc" providerId="ADAL" clId="{BF04C754-5BF4-4E83-9615-DB14FA25AF8A}" dt="2023-10-12T11:38:20.867" v="298"/>
          <ac:spMkLst>
            <pc:docMk/>
            <pc:sldMk cId="2376958513" sldId="260"/>
            <ac:spMk id="10909" creationId="{491E12F2-5AB7-6B15-855F-832E0AF818F3}"/>
          </ac:spMkLst>
        </pc:spChg>
        <pc:spChg chg="mod">
          <ac:chgData name="White, Alex" userId="eff6cc8c-37d8-483b-9c6c-6b27e9afa9bc" providerId="ADAL" clId="{BF04C754-5BF4-4E83-9615-DB14FA25AF8A}" dt="2023-10-12T11:38:20.867" v="298"/>
          <ac:spMkLst>
            <pc:docMk/>
            <pc:sldMk cId="2376958513" sldId="260"/>
            <ac:spMk id="10910" creationId="{367D6AC6-3592-A38B-50E3-B5D486080C4B}"/>
          </ac:spMkLst>
        </pc:spChg>
        <pc:spChg chg="mod">
          <ac:chgData name="White, Alex" userId="eff6cc8c-37d8-483b-9c6c-6b27e9afa9bc" providerId="ADAL" clId="{BF04C754-5BF4-4E83-9615-DB14FA25AF8A}" dt="2023-10-12T11:38:20.867" v="298"/>
          <ac:spMkLst>
            <pc:docMk/>
            <pc:sldMk cId="2376958513" sldId="260"/>
            <ac:spMk id="10911" creationId="{9057138F-783D-097E-A2BF-6578498F60D6}"/>
          </ac:spMkLst>
        </pc:spChg>
        <pc:spChg chg="mod">
          <ac:chgData name="White, Alex" userId="eff6cc8c-37d8-483b-9c6c-6b27e9afa9bc" providerId="ADAL" clId="{BF04C754-5BF4-4E83-9615-DB14FA25AF8A}" dt="2023-10-12T11:38:20.867" v="298"/>
          <ac:spMkLst>
            <pc:docMk/>
            <pc:sldMk cId="2376958513" sldId="260"/>
            <ac:spMk id="10912" creationId="{B3B61F3D-C391-6101-8830-D0B4E13BDAB2}"/>
          </ac:spMkLst>
        </pc:spChg>
        <pc:spChg chg="mod">
          <ac:chgData name="White, Alex" userId="eff6cc8c-37d8-483b-9c6c-6b27e9afa9bc" providerId="ADAL" clId="{BF04C754-5BF4-4E83-9615-DB14FA25AF8A}" dt="2023-10-12T11:38:20.867" v="298"/>
          <ac:spMkLst>
            <pc:docMk/>
            <pc:sldMk cId="2376958513" sldId="260"/>
            <ac:spMk id="10913" creationId="{E2357153-04F0-490C-2725-425AB3B11EFD}"/>
          </ac:spMkLst>
        </pc:spChg>
        <pc:spChg chg="mod">
          <ac:chgData name="White, Alex" userId="eff6cc8c-37d8-483b-9c6c-6b27e9afa9bc" providerId="ADAL" clId="{BF04C754-5BF4-4E83-9615-DB14FA25AF8A}" dt="2023-10-12T11:38:20.867" v="298"/>
          <ac:spMkLst>
            <pc:docMk/>
            <pc:sldMk cId="2376958513" sldId="260"/>
            <ac:spMk id="10914" creationId="{382B2E60-9731-28C9-FDEC-54E40628F407}"/>
          </ac:spMkLst>
        </pc:spChg>
        <pc:spChg chg="mod">
          <ac:chgData name="White, Alex" userId="eff6cc8c-37d8-483b-9c6c-6b27e9afa9bc" providerId="ADAL" clId="{BF04C754-5BF4-4E83-9615-DB14FA25AF8A}" dt="2023-10-12T11:38:20.867" v="298"/>
          <ac:spMkLst>
            <pc:docMk/>
            <pc:sldMk cId="2376958513" sldId="260"/>
            <ac:spMk id="10915" creationId="{C279B009-904E-9C93-6183-A88B0AEFB273}"/>
          </ac:spMkLst>
        </pc:spChg>
        <pc:spChg chg="mod">
          <ac:chgData name="White, Alex" userId="eff6cc8c-37d8-483b-9c6c-6b27e9afa9bc" providerId="ADAL" clId="{BF04C754-5BF4-4E83-9615-DB14FA25AF8A}" dt="2023-10-12T11:38:20.867" v="298"/>
          <ac:spMkLst>
            <pc:docMk/>
            <pc:sldMk cId="2376958513" sldId="260"/>
            <ac:spMk id="10916" creationId="{E95CED88-4004-7ADB-099F-3822D344C998}"/>
          </ac:spMkLst>
        </pc:spChg>
        <pc:spChg chg="mod">
          <ac:chgData name="White, Alex" userId="eff6cc8c-37d8-483b-9c6c-6b27e9afa9bc" providerId="ADAL" clId="{BF04C754-5BF4-4E83-9615-DB14FA25AF8A}" dt="2023-10-12T11:38:20.867" v="298"/>
          <ac:spMkLst>
            <pc:docMk/>
            <pc:sldMk cId="2376958513" sldId="260"/>
            <ac:spMk id="10917" creationId="{3F9FCBDB-2792-B48A-24BE-C26BB219A8FA}"/>
          </ac:spMkLst>
        </pc:spChg>
        <pc:spChg chg="mod">
          <ac:chgData name="White, Alex" userId="eff6cc8c-37d8-483b-9c6c-6b27e9afa9bc" providerId="ADAL" clId="{BF04C754-5BF4-4E83-9615-DB14FA25AF8A}" dt="2023-10-12T11:38:20.867" v="298"/>
          <ac:spMkLst>
            <pc:docMk/>
            <pc:sldMk cId="2376958513" sldId="260"/>
            <ac:spMk id="10918" creationId="{EB0BDA59-7A91-FDE5-89A4-407564992254}"/>
          </ac:spMkLst>
        </pc:spChg>
        <pc:spChg chg="mod">
          <ac:chgData name="White, Alex" userId="eff6cc8c-37d8-483b-9c6c-6b27e9afa9bc" providerId="ADAL" clId="{BF04C754-5BF4-4E83-9615-DB14FA25AF8A}" dt="2023-10-12T11:38:20.867" v="298"/>
          <ac:spMkLst>
            <pc:docMk/>
            <pc:sldMk cId="2376958513" sldId="260"/>
            <ac:spMk id="10919" creationId="{DFF1B8C3-0BE0-A908-C1A7-6C51BE1E32F7}"/>
          </ac:spMkLst>
        </pc:spChg>
        <pc:spChg chg="mod">
          <ac:chgData name="White, Alex" userId="eff6cc8c-37d8-483b-9c6c-6b27e9afa9bc" providerId="ADAL" clId="{BF04C754-5BF4-4E83-9615-DB14FA25AF8A}" dt="2023-10-12T11:38:20.867" v="298"/>
          <ac:spMkLst>
            <pc:docMk/>
            <pc:sldMk cId="2376958513" sldId="260"/>
            <ac:spMk id="10920" creationId="{B031D39A-5BED-8EB5-775C-EB3BF4DEA348}"/>
          </ac:spMkLst>
        </pc:spChg>
        <pc:spChg chg="mod">
          <ac:chgData name="White, Alex" userId="eff6cc8c-37d8-483b-9c6c-6b27e9afa9bc" providerId="ADAL" clId="{BF04C754-5BF4-4E83-9615-DB14FA25AF8A}" dt="2023-10-12T11:38:20.867" v="298"/>
          <ac:spMkLst>
            <pc:docMk/>
            <pc:sldMk cId="2376958513" sldId="260"/>
            <ac:spMk id="10921" creationId="{8851669E-7ED0-A886-C63F-BCED414519C7}"/>
          </ac:spMkLst>
        </pc:spChg>
        <pc:spChg chg="mod">
          <ac:chgData name="White, Alex" userId="eff6cc8c-37d8-483b-9c6c-6b27e9afa9bc" providerId="ADAL" clId="{BF04C754-5BF4-4E83-9615-DB14FA25AF8A}" dt="2023-10-12T11:38:20.867" v="298"/>
          <ac:spMkLst>
            <pc:docMk/>
            <pc:sldMk cId="2376958513" sldId="260"/>
            <ac:spMk id="10922" creationId="{D418AE5C-C7B0-AD63-B3A4-6EFBE6056A61}"/>
          </ac:spMkLst>
        </pc:spChg>
        <pc:spChg chg="mod">
          <ac:chgData name="White, Alex" userId="eff6cc8c-37d8-483b-9c6c-6b27e9afa9bc" providerId="ADAL" clId="{BF04C754-5BF4-4E83-9615-DB14FA25AF8A}" dt="2023-10-12T11:38:20.867" v="298"/>
          <ac:spMkLst>
            <pc:docMk/>
            <pc:sldMk cId="2376958513" sldId="260"/>
            <ac:spMk id="10923" creationId="{24C531FB-9CBA-7F70-3266-8E88F32DB042}"/>
          </ac:spMkLst>
        </pc:spChg>
        <pc:spChg chg="mod">
          <ac:chgData name="White, Alex" userId="eff6cc8c-37d8-483b-9c6c-6b27e9afa9bc" providerId="ADAL" clId="{BF04C754-5BF4-4E83-9615-DB14FA25AF8A}" dt="2023-10-12T11:38:20.867" v="298"/>
          <ac:spMkLst>
            <pc:docMk/>
            <pc:sldMk cId="2376958513" sldId="260"/>
            <ac:spMk id="10924" creationId="{CB59DB8B-F087-2BD8-BAF6-A81C00DE6849}"/>
          </ac:spMkLst>
        </pc:spChg>
        <pc:spChg chg="mod">
          <ac:chgData name="White, Alex" userId="eff6cc8c-37d8-483b-9c6c-6b27e9afa9bc" providerId="ADAL" clId="{BF04C754-5BF4-4E83-9615-DB14FA25AF8A}" dt="2023-10-12T11:38:20.867" v="298"/>
          <ac:spMkLst>
            <pc:docMk/>
            <pc:sldMk cId="2376958513" sldId="260"/>
            <ac:spMk id="10925" creationId="{D1B1E380-1DFC-79E4-38CC-8CE9DFDA8268}"/>
          </ac:spMkLst>
        </pc:spChg>
        <pc:spChg chg="mod">
          <ac:chgData name="White, Alex" userId="eff6cc8c-37d8-483b-9c6c-6b27e9afa9bc" providerId="ADAL" clId="{BF04C754-5BF4-4E83-9615-DB14FA25AF8A}" dt="2023-10-12T11:38:20.867" v="298"/>
          <ac:spMkLst>
            <pc:docMk/>
            <pc:sldMk cId="2376958513" sldId="260"/>
            <ac:spMk id="10926" creationId="{BF3B0230-FDDD-BC52-6B57-21DEBD91FA3A}"/>
          </ac:spMkLst>
        </pc:spChg>
        <pc:spChg chg="mod">
          <ac:chgData name="White, Alex" userId="eff6cc8c-37d8-483b-9c6c-6b27e9afa9bc" providerId="ADAL" clId="{BF04C754-5BF4-4E83-9615-DB14FA25AF8A}" dt="2023-10-12T11:38:20.867" v="298"/>
          <ac:spMkLst>
            <pc:docMk/>
            <pc:sldMk cId="2376958513" sldId="260"/>
            <ac:spMk id="10927" creationId="{DFB48491-7C34-85D6-6677-9154D1CB26DF}"/>
          </ac:spMkLst>
        </pc:spChg>
        <pc:spChg chg="mod">
          <ac:chgData name="White, Alex" userId="eff6cc8c-37d8-483b-9c6c-6b27e9afa9bc" providerId="ADAL" clId="{BF04C754-5BF4-4E83-9615-DB14FA25AF8A}" dt="2023-10-12T11:38:20.867" v="298"/>
          <ac:spMkLst>
            <pc:docMk/>
            <pc:sldMk cId="2376958513" sldId="260"/>
            <ac:spMk id="10928" creationId="{6B3848FF-0BEE-BDDE-CF74-EEB9171326EB}"/>
          </ac:spMkLst>
        </pc:spChg>
        <pc:spChg chg="mod">
          <ac:chgData name="White, Alex" userId="eff6cc8c-37d8-483b-9c6c-6b27e9afa9bc" providerId="ADAL" clId="{BF04C754-5BF4-4E83-9615-DB14FA25AF8A}" dt="2023-10-12T11:38:20.867" v="298"/>
          <ac:spMkLst>
            <pc:docMk/>
            <pc:sldMk cId="2376958513" sldId="260"/>
            <ac:spMk id="10929" creationId="{074362B8-EFFC-61DF-CB3F-E8A6B3F37DD5}"/>
          </ac:spMkLst>
        </pc:spChg>
        <pc:spChg chg="mod">
          <ac:chgData name="White, Alex" userId="eff6cc8c-37d8-483b-9c6c-6b27e9afa9bc" providerId="ADAL" clId="{BF04C754-5BF4-4E83-9615-DB14FA25AF8A}" dt="2023-10-12T11:38:20.867" v="298"/>
          <ac:spMkLst>
            <pc:docMk/>
            <pc:sldMk cId="2376958513" sldId="260"/>
            <ac:spMk id="10930" creationId="{2E885CCB-26C2-627F-A93F-F8C7303D576C}"/>
          </ac:spMkLst>
        </pc:spChg>
        <pc:spChg chg="mod">
          <ac:chgData name="White, Alex" userId="eff6cc8c-37d8-483b-9c6c-6b27e9afa9bc" providerId="ADAL" clId="{BF04C754-5BF4-4E83-9615-DB14FA25AF8A}" dt="2023-10-12T11:38:20.867" v="298"/>
          <ac:spMkLst>
            <pc:docMk/>
            <pc:sldMk cId="2376958513" sldId="260"/>
            <ac:spMk id="10931" creationId="{6ADF8585-7007-153D-274D-1027449209E9}"/>
          </ac:spMkLst>
        </pc:spChg>
        <pc:spChg chg="mod">
          <ac:chgData name="White, Alex" userId="eff6cc8c-37d8-483b-9c6c-6b27e9afa9bc" providerId="ADAL" clId="{BF04C754-5BF4-4E83-9615-DB14FA25AF8A}" dt="2023-10-12T11:38:20.867" v="298"/>
          <ac:spMkLst>
            <pc:docMk/>
            <pc:sldMk cId="2376958513" sldId="260"/>
            <ac:spMk id="10932" creationId="{1A040693-491B-E71B-EF73-811CF3EA4303}"/>
          </ac:spMkLst>
        </pc:spChg>
        <pc:spChg chg="mod">
          <ac:chgData name="White, Alex" userId="eff6cc8c-37d8-483b-9c6c-6b27e9afa9bc" providerId="ADAL" clId="{BF04C754-5BF4-4E83-9615-DB14FA25AF8A}" dt="2023-10-12T11:38:20.867" v="298"/>
          <ac:spMkLst>
            <pc:docMk/>
            <pc:sldMk cId="2376958513" sldId="260"/>
            <ac:spMk id="10933" creationId="{C6628F4E-0AD4-89DF-4520-F3BE1669BFBC}"/>
          </ac:spMkLst>
        </pc:spChg>
        <pc:spChg chg="mod">
          <ac:chgData name="White, Alex" userId="eff6cc8c-37d8-483b-9c6c-6b27e9afa9bc" providerId="ADAL" clId="{BF04C754-5BF4-4E83-9615-DB14FA25AF8A}" dt="2023-10-12T11:38:20.867" v="298"/>
          <ac:spMkLst>
            <pc:docMk/>
            <pc:sldMk cId="2376958513" sldId="260"/>
            <ac:spMk id="10934" creationId="{92722FE7-3593-6E28-90FB-296469CCE551}"/>
          </ac:spMkLst>
        </pc:spChg>
        <pc:spChg chg="mod">
          <ac:chgData name="White, Alex" userId="eff6cc8c-37d8-483b-9c6c-6b27e9afa9bc" providerId="ADAL" clId="{BF04C754-5BF4-4E83-9615-DB14FA25AF8A}" dt="2023-10-12T11:38:20.867" v="298"/>
          <ac:spMkLst>
            <pc:docMk/>
            <pc:sldMk cId="2376958513" sldId="260"/>
            <ac:spMk id="10935" creationId="{6688AD80-2A32-36DF-8F31-5C1CD602E06E}"/>
          </ac:spMkLst>
        </pc:spChg>
        <pc:spChg chg="mod">
          <ac:chgData name="White, Alex" userId="eff6cc8c-37d8-483b-9c6c-6b27e9afa9bc" providerId="ADAL" clId="{BF04C754-5BF4-4E83-9615-DB14FA25AF8A}" dt="2023-10-12T11:38:20.867" v="298"/>
          <ac:spMkLst>
            <pc:docMk/>
            <pc:sldMk cId="2376958513" sldId="260"/>
            <ac:spMk id="10936" creationId="{0783E741-167A-B5D1-ABDD-7BA813F5A3FF}"/>
          </ac:spMkLst>
        </pc:spChg>
        <pc:spChg chg="mod">
          <ac:chgData name="White, Alex" userId="eff6cc8c-37d8-483b-9c6c-6b27e9afa9bc" providerId="ADAL" clId="{BF04C754-5BF4-4E83-9615-DB14FA25AF8A}" dt="2023-10-12T11:38:20.867" v="298"/>
          <ac:spMkLst>
            <pc:docMk/>
            <pc:sldMk cId="2376958513" sldId="260"/>
            <ac:spMk id="10937" creationId="{87D1F9C0-7FDA-3B56-D7F6-98F2F55E6D4F}"/>
          </ac:spMkLst>
        </pc:spChg>
        <pc:spChg chg="mod">
          <ac:chgData name="White, Alex" userId="eff6cc8c-37d8-483b-9c6c-6b27e9afa9bc" providerId="ADAL" clId="{BF04C754-5BF4-4E83-9615-DB14FA25AF8A}" dt="2023-10-12T11:38:20.867" v="298"/>
          <ac:spMkLst>
            <pc:docMk/>
            <pc:sldMk cId="2376958513" sldId="260"/>
            <ac:spMk id="10938" creationId="{10D89BA7-71FD-2585-E44C-B4816646E2CC}"/>
          </ac:spMkLst>
        </pc:spChg>
        <pc:spChg chg="mod">
          <ac:chgData name="White, Alex" userId="eff6cc8c-37d8-483b-9c6c-6b27e9afa9bc" providerId="ADAL" clId="{BF04C754-5BF4-4E83-9615-DB14FA25AF8A}" dt="2023-10-12T11:38:20.867" v="298"/>
          <ac:spMkLst>
            <pc:docMk/>
            <pc:sldMk cId="2376958513" sldId="260"/>
            <ac:spMk id="10939" creationId="{4E85380C-B568-115C-58A4-0854B992BD39}"/>
          </ac:spMkLst>
        </pc:spChg>
        <pc:spChg chg="mod">
          <ac:chgData name="White, Alex" userId="eff6cc8c-37d8-483b-9c6c-6b27e9afa9bc" providerId="ADAL" clId="{BF04C754-5BF4-4E83-9615-DB14FA25AF8A}" dt="2023-10-12T11:38:20.867" v="298"/>
          <ac:spMkLst>
            <pc:docMk/>
            <pc:sldMk cId="2376958513" sldId="260"/>
            <ac:spMk id="10940" creationId="{9274CF48-BF2F-A5EE-6761-918DDD1D0508}"/>
          </ac:spMkLst>
        </pc:spChg>
        <pc:spChg chg="mod">
          <ac:chgData name="White, Alex" userId="eff6cc8c-37d8-483b-9c6c-6b27e9afa9bc" providerId="ADAL" clId="{BF04C754-5BF4-4E83-9615-DB14FA25AF8A}" dt="2023-10-12T11:38:20.867" v="298"/>
          <ac:spMkLst>
            <pc:docMk/>
            <pc:sldMk cId="2376958513" sldId="260"/>
            <ac:spMk id="10941" creationId="{7EF3BF5D-0011-AD12-6308-F370F3EC9286}"/>
          </ac:spMkLst>
        </pc:spChg>
        <pc:spChg chg="mod">
          <ac:chgData name="White, Alex" userId="eff6cc8c-37d8-483b-9c6c-6b27e9afa9bc" providerId="ADAL" clId="{BF04C754-5BF4-4E83-9615-DB14FA25AF8A}" dt="2023-10-12T11:38:20.867" v="298"/>
          <ac:spMkLst>
            <pc:docMk/>
            <pc:sldMk cId="2376958513" sldId="260"/>
            <ac:spMk id="10942" creationId="{123FF186-664F-E042-745A-E6D744098D68}"/>
          </ac:spMkLst>
        </pc:spChg>
        <pc:spChg chg="mod">
          <ac:chgData name="White, Alex" userId="eff6cc8c-37d8-483b-9c6c-6b27e9afa9bc" providerId="ADAL" clId="{BF04C754-5BF4-4E83-9615-DB14FA25AF8A}" dt="2023-10-12T11:38:20.867" v="298"/>
          <ac:spMkLst>
            <pc:docMk/>
            <pc:sldMk cId="2376958513" sldId="260"/>
            <ac:spMk id="10943" creationId="{FADF129B-EED6-904D-F01B-33F5925664DF}"/>
          </ac:spMkLst>
        </pc:spChg>
        <pc:spChg chg="mod">
          <ac:chgData name="White, Alex" userId="eff6cc8c-37d8-483b-9c6c-6b27e9afa9bc" providerId="ADAL" clId="{BF04C754-5BF4-4E83-9615-DB14FA25AF8A}" dt="2023-10-12T11:38:20.867" v="298"/>
          <ac:spMkLst>
            <pc:docMk/>
            <pc:sldMk cId="2376958513" sldId="260"/>
            <ac:spMk id="10944" creationId="{2755F3E9-D90C-80C3-30B3-58AFDA384035}"/>
          </ac:spMkLst>
        </pc:spChg>
        <pc:spChg chg="mod">
          <ac:chgData name="White, Alex" userId="eff6cc8c-37d8-483b-9c6c-6b27e9afa9bc" providerId="ADAL" clId="{BF04C754-5BF4-4E83-9615-DB14FA25AF8A}" dt="2023-10-12T11:38:20.867" v="298"/>
          <ac:spMkLst>
            <pc:docMk/>
            <pc:sldMk cId="2376958513" sldId="260"/>
            <ac:spMk id="10945" creationId="{C3F1228E-647D-2DF9-DF41-923666C9A3BF}"/>
          </ac:spMkLst>
        </pc:spChg>
        <pc:spChg chg="mod">
          <ac:chgData name="White, Alex" userId="eff6cc8c-37d8-483b-9c6c-6b27e9afa9bc" providerId="ADAL" clId="{BF04C754-5BF4-4E83-9615-DB14FA25AF8A}" dt="2023-10-12T11:38:20.867" v="298"/>
          <ac:spMkLst>
            <pc:docMk/>
            <pc:sldMk cId="2376958513" sldId="260"/>
            <ac:spMk id="10946" creationId="{3419472C-C30B-F1E2-BAC3-9342261F67E0}"/>
          </ac:spMkLst>
        </pc:spChg>
        <pc:spChg chg="mod">
          <ac:chgData name="White, Alex" userId="eff6cc8c-37d8-483b-9c6c-6b27e9afa9bc" providerId="ADAL" clId="{BF04C754-5BF4-4E83-9615-DB14FA25AF8A}" dt="2023-10-12T11:38:20.867" v="298"/>
          <ac:spMkLst>
            <pc:docMk/>
            <pc:sldMk cId="2376958513" sldId="260"/>
            <ac:spMk id="10947" creationId="{996DEAB3-E8AF-D140-FE46-3603E8802BDB}"/>
          </ac:spMkLst>
        </pc:spChg>
        <pc:spChg chg="mod">
          <ac:chgData name="White, Alex" userId="eff6cc8c-37d8-483b-9c6c-6b27e9afa9bc" providerId="ADAL" clId="{BF04C754-5BF4-4E83-9615-DB14FA25AF8A}" dt="2023-10-12T11:38:20.867" v="298"/>
          <ac:spMkLst>
            <pc:docMk/>
            <pc:sldMk cId="2376958513" sldId="260"/>
            <ac:spMk id="10948" creationId="{6306AD6C-48B0-FAE8-E6F4-13301FFF3953}"/>
          </ac:spMkLst>
        </pc:spChg>
        <pc:spChg chg="mod">
          <ac:chgData name="White, Alex" userId="eff6cc8c-37d8-483b-9c6c-6b27e9afa9bc" providerId="ADAL" clId="{BF04C754-5BF4-4E83-9615-DB14FA25AF8A}" dt="2023-10-12T11:38:20.867" v="298"/>
          <ac:spMkLst>
            <pc:docMk/>
            <pc:sldMk cId="2376958513" sldId="260"/>
            <ac:spMk id="10949" creationId="{13D22E43-3854-DA34-235B-9E69B18AD8F2}"/>
          </ac:spMkLst>
        </pc:spChg>
        <pc:spChg chg="mod">
          <ac:chgData name="White, Alex" userId="eff6cc8c-37d8-483b-9c6c-6b27e9afa9bc" providerId="ADAL" clId="{BF04C754-5BF4-4E83-9615-DB14FA25AF8A}" dt="2023-10-12T11:38:20.867" v="298"/>
          <ac:spMkLst>
            <pc:docMk/>
            <pc:sldMk cId="2376958513" sldId="260"/>
            <ac:spMk id="10950" creationId="{AE4753C0-472F-BC7F-B4D2-14B670D9FC34}"/>
          </ac:spMkLst>
        </pc:spChg>
        <pc:spChg chg="mod">
          <ac:chgData name="White, Alex" userId="eff6cc8c-37d8-483b-9c6c-6b27e9afa9bc" providerId="ADAL" clId="{BF04C754-5BF4-4E83-9615-DB14FA25AF8A}" dt="2023-10-12T11:38:20.867" v="298"/>
          <ac:spMkLst>
            <pc:docMk/>
            <pc:sldMk cId="2376958513" sldId="260"/>
            <ac:spMk id="10951" creationId="{88BEB2AD-AE26-858B-8708-288CFF7B09A2}"/>
          </ac:spMkLst>
        </pc:spChg>
        <pc:spChg chg="mod">
          <ac:chgData name="White, Alex" userId="eff6cc8c-37d8-483b-9c6c-6b27e9afa9bc" providerId="ADAL" clId="{BF04C754-5BF4-4E83-9615-DB14FA25AF8A}" dt="2023-10-12T11:38:20.867" v="298"/>
          <ac:spMkLst>
            <pc:docMk/>
            <pc:sldMk cId="2376958513" sldId="260"/>
            <ac:spMk id="10952" creationId="{164FE90B-63AF-266B-FB4B-3809E3588B92}"/>
          </ac:spMkLst>
        </pc:spChg>
        <pc:spChg chg="mod">
          <ac:chgData name="White, Alex" userId="eff6cc8c-37d8-483b-9c6c-6b27e9afa9bc" providerId="ADAL" clId="{BF04C754-5BF4-4E83-9615-DB14FA25AF8A}" dt="2023-10-12T11:38:20.867" v="298"/>
          <ac:spMkLst>
            <pc:docMk/>
            <pc:sldMk cId="2376958513" sldId="260"/>
            <ac:spMk id="10953" creationId="{EFAAA0AC-AF33-A333-BB6D-F0E28229F8C2}"/>
          </ac:spMkLst>
        </pc:spChg>
        <pc:spChg chg="mod">
          <ac:chgData name="White, Alex" userId="eff6cc8c-37d8-483b-9c6c-6b27e9afa9bc" providerId="ADAL" clId="{BF04C754-5BF4-4E83-9615-DB14FA25AF8A}" dt="2023-10-12T11:38:20.867" v="298"/>
          <ac:spMkLst>
            <pc:docMk/>
            <pc:sldMk cId="2376958513" sldId="260"/>
            <ac:spMk id="10954" creationId="{8F0DCB5E-BCA7-957A-209B-A185347E8150}"/>
          </ac:spMkLst>
        </pc:spChg>
        <pc:spChg chg="mod">
          <ac:chgData name="White, Alex" userId="eff6cc8c-37d8-483b-9c6c-6b27e9afa9bc" providerId="ADAL" clId="{BF04C754-5BF4-4E83-9615-DB14FA25AF8A}" dt="2023-10-12T11:38:20.867" v="298"/>
          <ac:spMkLst>
            <pc:docMk/>
            <pc:sldMk cId="2376958513" sldId="260"/>
            <ac:spMk id="10955" creationId="{C70E8B0E-55A0-7FCC-FA9E-48FF36B36750}"/>
          </ac:spMkLst>
        </pc:spChg>
        <pc:spChg chg="mod">
          <ac:chgData name="White, Alex" userId="eff6cc8c-37d8-483b-9c6c-6b27e9afa9bc" providerId="ADAL" clId="{BF04C754-5BF4-4E83-9615-DB14FA25AF8A}" dt="2023-10-12T11:38:20.867" v="298"/>
          <ac:spMkLst>
            <pc:docMk/>
            <pc:sldMk cId="2376958513" sldId="260"/>
            <ac:spMk id="10956" creationId="{2B825D59-1140-7ABA-797F-51F0440592C6}"/>
          </ac:spMkLst>
        </pc:spChg>
        <pc:spChg chg="mod">
          <ac:chgData name="White, Alex" userId="eff6cc8c-37d8-483b-9c6c-6b27e9afa9bc" providerId="ADAL" clId="{BF04C754-5BF4-4E83-9615-DB14FA25AF8A}" dt="2023-10-12T11:38:20.867" v="298"/>
          <ac:spMkLst>
            <pc:docMk/>
            <pc:sldMk cId="2376958513" sldId="260"/>
            <ac:spMk id="10957" creationId="{54F4CBC3-B4A1-D885-4A81-52923AEF3010}"/>
          </ac:spMkLst>
        </pc:spChg>
        <pc:spChg chg="mod">
          <ac:chgData name="White, Alex" userId="eff6cc8c-37d8-483b-9c6c-6b27e9afa9bc" providerId="ADAL" clId="{BF04C754-5BF4-4E83-9615-DB14FA25AF8A}" dt="2023-10-12T11:38:20.867" v="298"/>
          <ac:spMkLst>
            <pc:docMk/>
            <pc:sldMk cId="2376958513" sldId="260"/>
            <ac:spMk id="10958" creationId="{7773D7D3-A26A-EBC5-3160-C74AFED39829}"/>
          </ac:spMkLst>
        </pc:spChg>
        <pc:spChg chg="mod">
          <ac:chgData name="White, Alex" userId="eff6cc8c-37d8-483b-9c6c-6b27e9afa9bc" providerId="ADAL" clId="{BF04C754-5BF4-4E83-9615-DB14FA25AF8A}" dt="2023-10-12T11:38:20.867" v="298"/>
          <ac:spMkLst>
            <pc:docMk/>
            <pc:sldMk cId="2376958513" sldId="260"/>
            <ac:spMk id="10959" creationId="{FA1B080C-60F0-5F96-F618-274E063C2CE0}"/>
          </ac:spMkLst>
        </pc:spChg>
        <pc:spChg chg="mod">
          <ac:chgData name="White, Alex" userId="eff6cc8c-37d8-483b-9c6c-6b27e9afa9bc" providerId="ADAL" clId="{BF04C754-5BF4-4E83-9615-DB14FA25AF8A}" dt="2023-10-12T11:38:20.867" v="298"/>
          <ac:spMkLst>
            <pc:docMk/>
            <pc:sldMk cId="2376958513" sldId="260"/>
            <ac:spMk id="10960" creationId="{75FD0F90-FCEA-0018-979D-DE88136AA8A8}"/>
          </ac:spMkLst>
        </pc:spChg>
        <pc:spChg chg="mod">
          <ac:chgData name="White, Alex" userId="eff6cc8c-37d8-483b-9c6c-6b27e9afa9bc" providerId="ADAL" clId="{BF04C754-5BF4-4E83-9615-DB14FA25AF8A}" dt="2023-10-12T11:38:20.867" v="298"/>
          <ac:spMkLst>
            <pc:docMk/>
            <pc:sldMk cId="2376958513" sldId="260"/>
            <ac:spMk id="10961" creationId="{416EFB9C-B7A4-0781-71E4-5640659F286D}"/>
          </ac:spMkLst>
        </pc:spChg>
        <pc:spChg chg="mod">
          <ac:chgData name="White, Alex" userId="eff6cc8c-37d8-483b-9c6c-6b27e9afa9bc" providerId="ADAL" clId="{BF04C754-5BF4-4E83-9615-DB14FA25AF8A}" dt="2023-10-12T11:38:20.867" v="298"/>
          <ac:spMkLst>
            <pc:docMk/>
            <pc:sldMk cId="2376958513" sldId="260"/>
            <ac:spMk id="10962" creationId="{5C630D37-AB76-6EB6-620C-14059B111FC1}"/>
          </ac:spMkLst>
        </pc:spChg>
        <pc:spChg chg="mod">
          <ac:chgData name="White, Alex" userId="eff6cc8c-37d8-483b-9c6c-6b27e9afa9bc" providerId="ADAL" clId="{BF04C754-5BF4-4E83-9615-DB14FA25AF8A}" dt="2023-10-12T11:38:20.867" v="298"/>
          <ac:spMkLst>
            <pc:docMk/>
            <pc:sldMk cId="2376958513" sldId="260"/>
            <ac:spMk id="10963" creationId="{F3C2687E-A95F-1682-7FD4-1572D7A17059}"/>
          </ac:spMkLst>
        </pc:spChg>
        <pc:spChg chg="mod">
          <ac:chgData name="White, Alex" userId="eff6cc8c-37d8-483b-9c6c-6b27e9afa9bc" providerId="ADAL" clId="{BF04C754-5BF4-4E83-9615-DB14FA25AF8A}" dt="2023-10-12T11:38:20.867" v="298"/>
          <ac:spMkLst>
            <pc:docMk/>
            <pc:sldMk cId="2376958513" sldId="260"/>
            <ac:spMk id="10964" creationId="{E09DF1C5-3B56-A952-CFDD-0260948D8C80}"/>
          </ac:spMkLst>
        </pc:spChg>
        <pc:spChg chg="mod">
          <ac:chgData name="White, Alex" userId="eff6cc8c-37d8-483b-9c6c-6b27e9afa9bc" providerId="ADAL" clId="{BF04C754-5BF4-4E83-9615-DB14FA25AF8A}" dt="2023-10-12T11:38:20.867" v="298"/>
          <ac:spMkLst>
            <pc:docMk/>
            <pc:sldMk cId="2376958513" sldId="260"/>
            <ac:spMk id="10965" creationId="{547AD003-E8FA-5EFC-03B3-0AF138C1874D}"/>
          </ac:spMkLst>
        </pc:spChg>
        <pc:spChg chg="mod">
          <ac:chgData name="White, Alex" userId="eff6cc8c-37d8-483b-9c6c-6b27e9afa9bc" providerId="ADAL" clId="{BF04C754-5BF4-4E83-9615-DB14FA25AF8A}" dt="2023-10-12T11:38:20.867" v="298"/>
          <ac:spMkLst>
            <pc:docMk/>
            <pc:sldMk cId="2376958513" sldId="260"/>
            <ac:spMk id="10966" creationId="{F9854696-FF47-4D0E-0C40-43DE57F5EF81}"/>
          </ac:spMkLst>
        </pc:spChg>
        <pc:spChg chg="mod">
          <ac:chgData name="White, Alex" userId="eff6cc8c-37d8-483b-9c6c-6b27e9afa9bc" providerId="ADAL" clId="{BF04C754-5BF4-4E83-9615-DB14FA25AF8A}" dt="2023-10-12T11:38:20.867" v="298"/>
          <ac:spMkLst>
            <pc:docMk/>
            <pc:sldMk cId="2376958513" sldId="260"/>
            <ac:spMk id="10967" creationId="{C31AED15-F10C-1801-46FB-713C53236EBD}"/>
          </ac:spMkLst>
        </pc:spChg>
        <pc:spChg chg="mod">
          <ac:chgData name="White, Alex" userId="eff6cc8c-37d8-483b-9c6c-6b27e9afa9bc" providerId="ADAL" clId="{BF04C754-5BF4-4E83-9615-DB14FA25AF8A}" dt="2023-10-12T11:38:20.867" v="298"/>
          <ac:spMkLst>
            <pc:docMk/>
            <pc:sldMk cId="2376958513" sldId="260"/>
            <ac:spMk id="10968" creationId="{E5703518-C258-C942-BE9F-3C676337EFDD}"/>
          </ac:spMkLst>
        </pc:spChg>
        <pc:spChg chg="mod">
          <ac:chgData name="White, Alex" userId="eff6cc8c-37d8-483b-9c6c-6b27e9afa9bc" providerId="ADAL" clId="{BF04C754-5BF4-4E83-9615-DB14FA25AF8A}" dt="2023-10-12T11:38:20.867" v="298"/>
          <ac:spMkLst>
            <pc:docMk/>
            <pc:sldMk cId="2376958513" sldId="260"/>
            <ac:spMk id="10969" creationId="{63863A14-F292-A0E6-77E5-A84D251041DB}"/>
          </ac:spMkLst>
        </pc:spChg>
        <pc:spChg chg="mod">
          <ac:chgData name="White, Alex" userId="eff6cc8c-37d8-483b-9c6c-6b27e9afa9bc" providerId="ADAL" clId="{BF04C754-5BF4-4E83-9615-DB14FA25AF8A}" dt="2023-10-12T11:38:20.867" v="298"/>
          <ac:spMkLst>
            <pc:docMk/>
            <pc:sldMk cId="2376958513" sldId="260"/>
            <ac:spMk id="10970" creationId="{D1E15F3E-2DBC-1B76-8EC3-C53E1D929351}"/>
          </ac:spMkLst>
        </pc:spChg>
        <pc:spChg chg="mod">
          <ac:chgData name="White, Alex" userId="eff6cc8c-37d8-483b-9c6c-6b27e9afa9bc" providerId="ADAL" clId="{BF04C754-5BF4-4E83-9615-DB14FA25AF8A}" dt="2023-10-12T11:38:20.867" v="298"/>
          <ac:spMkLst>
            <pc:docMk/>
            <pc:sldMk cId="2376958513" sldId="260"/>
            <ac:spMk id="10971" creationId="{759A0ED6-A723-BD39-F88C-C3841BC5B14C}"/>
          </ac:spMkLst>
        </pc:spChg>
        <pc:spChg chg="mod">
          <ac:chgData name="White, Alex" userId="eff6cc8c-37d8-483b-9c6c-6b27e9afa9bc" providerId="ADAL" clId="{BF04C754-5BF4-4E83-9615-DB14FA25AF8A}" dt="2023-10-12T11:38:20.867" v="298"/>
          <ac:spMkLst>
            <pc:docMk/>
            <pc:sldMk cId="2376958513" sldId="260"/>
            <ac:spMk id="10972" creationId="{A79F7637-D91A-CB35-68AB-6BF72B2799F3}"/>
          </ac:spMkLst>
        </pc:spChg>
        <pc:spChg chg="mod">
          <ac:chgData name="White, Alex" userId="eff6cc8c-37d8-483b-9c6c-6b27e9afa9bc" providerId="ADAL" clId="{BF04C754-5BF4-4E83-9615-DB14FA25AF8A}" dt="2023-10-12T11:38:20.867" v="298"/>
          <ac:spMkLst>
            <pc:docMk/>
            <pc:sldMk cId="2376958513" sldId="260"/>
            <ac:spMk id="10973" creationId="{48B4D8FB-6337-59C3-C9E5-8EE5FA2AE6BA}"/>
          </ac:spMkLst>
        </pc:spChg>
        <pc:spChg chg="mod">
          <ac:chgData name="White, Alex" userId="eff6cc8c-37d8-483b-9c6c-6b27e9afa9bc" providerId="ADAL" clId="{BF04C754-5BF4-4E83-9615-DB14FA25AF8A}" dt="2023-10-12T11:38:20.867" v="298"/>
          <ac:spMkLst>
            <pc:docMk/>
            <pc:sldMk cId="2376958513" sldId="260"/>
            <ac:spMk id="10974" creationId="{2D11CF47-A60B-855A-8B57-EBFCCAF338A6}"/>
          </ac:spMkLst>
        </pc:spChg>
        <pc:spChg chg="mod">
          <ac:chgData name="White, Alex" userId="eff6cc8c-37d8-483b-9c6c-6b27e9afa9bc" providerId="ADAL" clId="{BF04C754-5BF4-4E83-9615-DB14FA25AF8A}" dt="2023-10-12T11:38:20.867" v="298"/>
          <ac:spMkLst>
            <pc:docMk/>
            <pc:sldMk cId="2376958513" sldId="260"/>
            <ac:spMk id="10975" creationId="{7D981659-36DC-0B21-EB08-89CF4449F431}"/>
          </ac:spMkLst>
        </pc:spChg>
        <pc:spChg chg="mod">
          <ac:chgData name="White, Alex" userId="eff6cc8c-37d8-483b-9c6c-6b27e9afa9bc" providerId="ADAL" clId="{BF04C754-5BF4-4E83-9615-DB14FA25AF8A}" dt="2023-10-12T11:38:20.867" v="298"/>
          <ac:spMkLst>
            <pc:docMk/>
            <pc:sldMk cId="2376958513" sldId="260"/>
            <ac:spMk id="10976" creationId="{66551EE4-D437-5ED8-EE20-F33E287378C7}"/>
          </ac:spMkLst>
        </pc:spChg>
        <pc:spChg chg="mod">
          <ac:chgData name="White, Alex" userId="eff6cc8c-37d8-483b-9c6c-6b27e9afa9bc" providerId="ADAL" clId="{BF04C754-5BF4-4E83-9615-DB14FA25AF8A}" dt="2023-10-12T11:38:20.867" v="298"/>
          <ac:spMkLst>
            <pc:docMk/>
            <pc:sldMk cId="2376958513" sldId="260"/>
            <ac:spMk id="10977" creationId="{87B473E6-CB1E-6861-689F-B0DA7F4F6B31}"/>
          </ac:spMkLst>
        </pc:spChg>
        <pc:spChg chg="mod">
          <ac:chgData name="White, Alex" userId="eff6cc8c-37d8-483b-9c6c-6b27e9afa9bc" providerId="ADAL" clId="{BF04C754-5BF4-4E83-9615-DB14FA25AF8A}" dt="2023-10-12T11:38:20.867" v="298"/>
          <ac:spMkLst>
            <pc:docMk/>
            <pc:sldMk cId="2376958513" sldId="260"/>
            <ac:spMk id="10978" creationId="{37540905-8FAF-DEA0-558C-9D818785309B}"/>
          </ac:spMkLst>
        </pc:spChg>
        <pc:spChg chg="mod">
          <ac:chgData name="White, Alex" userId="eff6cc8c-37d8-483b-9c6c-6b27e9afa9bc" providerId="ADAL" clId="{BF04C754-5BF4-4E83-9615-DB14FA25AF8A}" dt="2023-10-12T11:38:20.867" v="298"/>
          <ac:spMkLst>
            <pc:docMk/>
            <pc:sldMk cId="2376958513" sldId="260"/>
            <ac:spMk id="10979" creationId="{538BB297-35D1-A0BB-F0FF-F117D6095EAA}"/>
          </ac:spMkLst>
        </pc:spChg>
        <pc:spChg chg="mod">
          <ac:chgData name="White, Alex" userId="eff6cc8c-37d8-483b-9c6c-6b27e9afa9bc" providerId="ADAL" clId="{BF04C754-5BF4-4E83-9615-DB14FA25AF8A}" dt="2023-10-12T11:38:20.867" v="298"/>
          <ac:spMkLst>
            <pc:docMk/>
            <pc:sldMk cId="2376958513" sldId="260"/>
            <ac:spMk id="10980" creationId="{9DF7CD13-0949-64B7-9F9B-DAC8E2AD4562}"/>
          </ac:spMkLst>
        </pc:spChg>
        <pc:spChg chg="mod">
          <ac:chgData name="White, Alex" userId="eff6cc8c-37d8-483b-9c6c-6b27e9afa9bc" providerId="ADAL" clId="{BF04C754-5BF4-4E83-9615-DB14FA25AF8A}" dt="2023-10-12T11:38:20.867" v="298"/>
          <ac:spMkLst>
            <pc:docMk/>
            <pc:sldMk cId="2376958513" sldId="260"/>
            <ac:spMk id="10981" creationId="{A411B4F3-ECA6-632C-3456-4EA0F05C02BC}"/>
          </ac:spMkLst>
        </pc:spChg>
        <pc:spChg chg="mod">
          <ac:chgData name="White, Alex" userId="eff6cc8c-37d8-483b-9c6c-6b27e9afa9bc" providerId="ADAL" clId="{BF04C754-5BF4-4E83-9615-DB14FA25AF8A}" dt="2023-10-12T11:38:20.867" v="298"/>
          <ac:spMkLst>
            <pc:docMk/>
            <pc:sldMk cId="2376958513" sldId="260"/>
            <ac:spMk id="10982" creationId="{4119B8E2-4CD1-D1DF-404B-6BCACA691A0E}"/>
          </ac:spMkLst>
        </pc:spChg>
        <pc:spChg chg="mod">
          <ac:chgData name="White, Alex" userId="eff6cc8c-37d8-483b-9c6c-6b27e9afa9bc" providerId="ADAL" clId="{BF04C754-5BF4-4E83-9615-DB14FA25AF8A}" dt="2023-10-12T11:38:20.867" v="298"/>
          <ac:spMkLst>
            <pc:docMk/>
            <pc:sldMk cId="2376958513" sldId="260"/>
            <ac:spMk id="10983" creationId="{647B2432-F48E-E0EA-0008-C923E1DF62BF}"/>
          </ac:spMkLst>
        </pc:spChg>
        <pc:spChg chg="mod">
          <ac:chgData name="White, Alex" userId="eff6cc8c-37d8-483b-9c6c-6b27e9afa9bc" providerId="ADAL" clId="{BF04C754-5BF4-4E83-9615-DB14FA25AF8A}" dt="2023-10-12T11:38:20.867" v="298"/>
          <ac:spMkLst>
            <pc:docMk/>
            <pc:sldMk cId="2376958513" sldId="260"/>
            <ac:spMk id="10984" creationId="{68A16DE8-6E21-FF08-84EF-2E1AD0C89E5C}"/>
          </ac:spMkLst>
        </pc:spChg>
        <pc:spChg chg="mod">
          <ac:chgData name="White, Alex" userId="eff6cc8c-37d8-483b-9c6c-6b27e9afa9bc" providerId="ADAL" clId="{BF04C754-5BF4-4E83-9615-DB14FA25AF8A}" dt="2023-10-12T11:38:20.867" v="298"/>
          <ac:spMkLst>
            <pc:docMk/>
            <pc:sldMk cId="2376958513" sldId="260"/>
            <ac:spMk id="10985" creationId="{B4E5B3B5-5614-D17D-7449-CCFB4E4A1DEA}"/>
          </ac:spMkLst>
        </pc:spChg>
        <pc:spChg chg="mod">
          <ac:chgData name="White, Alex" userId="eff6cc8c-37d8-483b-9c6c-6b27e9afa9bc" providerId="ADAL" clId="{BF04C754-5BF4-4E83-9615-DB14FA25AF8A}" dt="2023-10-12T11:38:20.867" v="298"/>
          <ac:spMkLst>
            <pc:docMk/>
            <pc:sldMk cId="2376958513" sldId="260"/>
            <ac:spMk id="10986" creationId="{A795ED64-3DC9-4F21-71D0-DFED8D201379}"/>
          </ac:spMkLst>
        </pc:spChg>
        <pc:spChg chg="mod">
          <ac:chgData name="White, Alex" userId="eff6cc8c-37d8-483b-9c6c-6b27e9afa9bc" providerId="ADAL" clId="{BF04C754-5BF4-4E83-9615-DB14FA25AF8A}" dt="2023-10-12T11:38:20.867" v="298"/>
          <ac:spMkLst>
            <pc:docMk/>
            <pc:sldMk cId="2376958513" sldId="260"/>
            <ac:spMk id="10987" creationId="{395115F5-FCC8-BD04-D850-E9BCE8043E5F}"/>
          </ac:spMkLst>
        </pc:spChg>
        <pc:spChg chg="mod">
          <ac:chgData name="White, Alex" userId="eff6cc8c-37d8-483b-9c6c-6b27e9afa9bc" providerId="ADAL" clId="{BF04C754-5BF4-4E83-9615-DB14FA25AF8A}" dt="2023-10-12T11:38:20.867" v="298"/>
          <ac:spMkLst>
            <pc:docMk/>
            <pc:sldMk cId="2376958513" sldId="260"/>
            <ac:spMk id="10988" creationId="{E22B37C3-67DF-F530-E197-A892EE73A395}"/>
          </ac:spMkLst>
        </pc:spChg>
        <pc:spChg chg="mod">
          <ac:chgData name="White, Alex" userId="eff6cc8c-37d8-483b-9c6c-6b27e9afa9bc" providerId="ADAL" clId="{BF04C754-5BF4-4E83-9615-DB14FA25AF8A}" dt="2023-10-12T11:38:20.867" v="298"/>
          <ac:spMkLst>
            <pc:docMk/>
            <pc:sldMk cId="2376958513" sldId="260"/>
            <ac:spMk id="10989" creationId="{A2B3479E-9DAF-8B7B-E1E7-B6E73532203E}"/>
          </ac:spMkLst>
        </pc:spChg>
        <pc:spChg chg="mod">
          <ac:chgData name="White, Alex" userId="eff6cc8c-37d8-483b-9c6c-6b27e9afa9bc" providerId="ADAL" clId="{BF04C754-5BF4-4E83-9615-DB14FA25AF8A}" dt="2023-10-12T11:38:20.867" v="298"/>
          <ac:spMkLst>
            <pc:docMk/>
            <pc:sldMk cId="2376958513" sldId="260"/>
            <ac:spMk id="10990" creationId="{CCD5947E-184C-1C46-88F0-04189B66E919}"/>
          </ac:spMkLst>
        </pc:spChg>
        <pc:spChg chg="mod">
          <ac:chgData name="White, Alex" userId="eff6cc8c-37d8-483b-9c6c-6b27e9afa9bc" providerId="ADAL" clId="{BF04C754-5BF4-4E83-9615-DB14FA25AF8A}" dt="2023-10-12T11:38:20.867" v="298"/>
          <ac:spMkLst>
            <pc:docMk/>
            <pc:sldMk cId="2376958513" sldId="260"/>
            <ac:spMk id="10991" creationId="{C7350813-9C9C-FF99-48D8-9E9BB247D8EB}"/>
          </ac:spMkLst>
        </pc:spChg>
        <pc:spChg chg="mod">
          <ac:chgData name="White, Alex" userId="eff6cc8c-37d8-483b-9c6c-6b27e9afa9bc" providerId="ADAL" clId="{BF04C754-5BF4-4E83-9615-DB14FA25AF8A}" dt="2023-10-12T11:38:20.867" v="298"/>
          <ac:spMkLst>
            <pc:docMk/>
            <pc:sldMk cId="2376958513" sldId="260"/>
            <ac:spMk id="10992" creationId="{D49F8520-773F-50D9-7DF7-D18668E960F5}"/>
          </ac:spMkLst>
        </pc:spChg>
        <pc:spChg chg="mod">
          <ac:chgData name="White, Alex" userId="eff6cc8c-37d8-483b-9c6c-6b27e9afa9bc" providerId="ADAL" clId="{BF04C754-5BF4-4E83-9615-DB14FA25AF8A}" dt="2023-10-12T11:38:20.867" v="298"/>
          <ac:spMkLst>
            <pc:docMk/>
            <pc:sldMk cId="2376958513" sldId="260"/>
            <ac:spMk id="10993" creationId="{FA18BDF5-C4FD-7C2D-3A48-ADA80D154FE3}"/>
          </ac:spMkLst>
        </pc:spChg>
        <pc:spChg chg="mod">
          <ac:chgData name="White, Alex" userId="eff6cc8c-37d8-483b-9c6c-6b27e9afa9bc" providerId="ADAL" clId="{BF04C754-5BF4-4E83-9615-DB14FA25AF8A}" dt="2023-10-12T11:38:20.867" v="298"/>
          <ac:spMkLst>
            <pc:docMk/>
            <pc:sldMk cId="2376958513" sldId="260"/>
            <ac:spMk id="10994" creationId="{1A0A5693-685A-DF0A-8E9E-7F9417B32AE7}"/>
          </ac:spMkLst>
        </pc:spChg>
        <pc:spChg chg="mod">
          <ac:chgData name="White, Alex" userId="eff6cc8c-37d8-483b-9c6c-6b27e9afa9bc" providerId="ADAL" clId="{BF04C754-5BF4-4E83-9615-DB14FA25AF8A}" dt="2023-10-12T11:38:20.867" v="298"/>
          <ac:spMkLst>
            <pc:docMk/>
            <pc:sldMk cId="2376958513" sldId="260"/>
            <ac:spMk id="10995" creationId="{F0E3DC32-085E-E1E4-FBAC-A742E1B1E76D}"/>
          </ac:spMkLst>
        </pc:spChg>
        <pc:spChg chg="mod">
          <ac:chgData name="White, Alex" userId="eff6cc8c-37d8-483b-9c6c-6b27e9afa9bc" providerId="ADAL" clId="{BF04C754-5BF4-4E83-9615-DB14FA25AF8A}" dt="2023-10-12T11:38:20.867" v="298"/>
          <ac:spMkLst>
            <pc:docMk/>
            <pc:sldMk cId="2376958513" sldId="260"/>
            <ac:spMk id="10996" creationId="{95393F11-2249-592A-9D04-DA3518A68184}"/>
          </ac:spMkLst>
        </pc:spChg>
        <pc:spChg chg="mod">
          <ac:chgData name="White, Alex" userId="eff6cc8c-37d8-483b-9c6c-6b27e9afa9bc" providerId="ADAL" clId="{BF04C754-5BF4-4E83-9615-DB14FA25AF8A}" dt="2023-10-12T11:38:20.867" v="298"/>
          <ac:spMkLst>
            <pc:docMk/>
            <pc:sldMk cId="2376958513" sldId="260"/>
            <ac:spMk id="10997" creationId="{6395686F-BB4B-9CA1-EF3C-92B85092832E}"/>
          </ac:spMkLst>
        </pc:spChg>
        <pc:spChg chg="mod">
          <ac:chgData name="White, Alex" userId="eff6cc8c-37d8-483b-9c6c-6b27e9afa9bc" providerId="ADAL" clId="{BF04C754-5BF4-4E83-9615-DB14FA25AF8A}" dt="2023-10-12T11:38:20.867" v="298"/>
          <ac:spMkLst>
            <pc:docMk/>
            <pc:sldMk cId="2376958513" sldId="260"/>
            <ac:spMk id="10998" creationId="{47C438EC-732B-B76C-653A-00067ADA2CEA}"/>
          </ac:spMkLst>
        </pc:spChg>
        <pc:spChg chg="mod">
          <ac:chgData name="White, Alex" userId="eff6cc8c-37d8-483b-9c6c-6b27e9afa9bc" providerId="ADAL" clId="{BF04C754-5BF4-4E83-9615-DB14FA25AF8A}" dt="2023-10-12T11:38:20.867" v="298"/>
          <ac:spMkLst>
            <pc:docMk/>
            <pc:sldMk cId="2376958513" sldId="260"/>
            <ac:spMk id="10999" creationId="{450D0B0B-21A8-6F69-B43B-C9586BC0B230}"/>
          </ac:spMkLst>
        </pc:spChg>
        <pc:spChg chg="mod">
          <ac:chgData name="White, Alex" userId="eff6cc8c-37d8-483b-9c6c-6b27e9afa9bc" providerId="ADAL" clId="{BF04C754-5BF4-4E83-9615-DB14FA25AF8A}" dt="2023-10-12T11:38:20.867" v="298"/>
          <ac:spMkLst>
            <pc:docMk/>
            <pc:sldMk cId="2376958513" sldId="260"/>
            <ac:spMk id="11000" creationId="{792B8819-9CBA-BA76-FF83-57BB54AA7E6D}"/>
          </ac:spMkLst>
        </pc:spChg>
        <pc:spChg chg="mod">
          <ac:chgData name="White, Alex" userId="eff6cc8c-37d8-483b-9c6c-6b27e9afa9bc" providerId="ADAL" clId="{BF04C754-5BF4-4E83-9615-DB14FA25AF8A}" dt="2023-10-12T11:38:20.867" v="298"/>
          <ac:spMkLst>
            <pc:docMk/>
            <pc:sldMk cId="2376958513" sldId="260"/>
            <ac:spMk id="11001" creationId="{973AF15C-7937-E71F-E326-671BDFE4C464}"/>
          </ac:spMkLst>
        </pc:spChg>
        <pc:spChg chg="mod">
          <ac:chgData name="White, Alex" userId="eff6cc8c-37d8-483b-9c6c-6b27e9afa9bc" providerId="ADAL" clId="{BF04C754-5BF4-4E83-9615-DB14FA25AF8A}" dt="2023-10-12T11:38:20.867" v="298"/>
          <ac:spMkLst>
            <pc:docMk/>
            <pc:sldMk cId="2376958513" sldId="260"/>
            <ac:spMk id="11002" creationId="{A09A8164-A2F7-E2F0-E117-E9BB43AFC2B6}"/>
          </ac:spMkLst>
        </pc:spChg>
        <pc:spChg chg="mod">
          <ac:chgData name="White, Alex" userId="eff6cc8c-37d8-483b-9c6c-6b27e9afa9bc" providerId="ADAL" clId="{BF04C754-5BF4-4E83-9615-DB14FA25AF8A}" dt="2023-10-12T11:38:20.867" v="298"/>
          <ac:spMkLst>
            <pc:docMk/>
            <pc:sldMk cId="2376958513" sldId="260"/>
            <ac:spMk id="11003" creationId="{AD2E8826-4017-7F78-0F11-3E2133B0ABBA}"/>
          </ac:spMkLst>
        </pc:spChg>
        <pc:spChg chg="mod">
          <ac:chgData name="White, Alex" userId="eff6cc8c-37d8-483b-9c6c-6b27e9afa9bc" providerId="ADAL" clId="{BF04C754-5BF4-4E83-9615-DB14FA25AF8A}" dt="2023-10-12T11:38:20.867" v="298"/>
          <ac:spMkLst>
            <pc:docMk/>
            <pc:sldMk cId="2376958513" sldId="260"/>
            <ac:spMk id="11004" creationId="{35276BC1-08C2-5CC7-9EED-C0ACFD7352B9}"/>
          </ac:spMkLst>
        </pc:spChg>
        <pc:spChg chg="mod">
          <ac:chgData name="White, Alex" userId="eff6cc8c-37d8-483b-9c6c-6b27e9afa9bc" providerId="ADAL" clId="{BF04C754-5BF4-4E83-9615-DB14FA25AF8A}" dt="2023-10-12T11:38:20.867" v="298"/>
          <ac:spMkLst>
            <pc:docMk/>
            <pc:sldMk cId="2376958513" sldId="260"/>
            <ac:spMk id="11005" creationId="{A5377DF3-9EA9-CAE1-76DB-5529699C3517}"/>
          </ac:spMkLst>
        </pc:spChg>
        <pc:spChg chg="mod">
          <ac:chgData name="White, Alex" userId="eff6cc8c-37d8-483b-9c6c-6b27e9afa9bc" providerId="ADAL" clId="{BF04C754-5BF4-4E83-9615-DB14FA25AF8A}" dt="2023-10-12T11:38:20.867" v="298"/>
          <ac:spMkLst>
            <pc:docMk/>
            <pc:sldMk cId="2376958513" sldId="260"/>
            <ac:spMk id="11006" creationId="{BDB46A6F-B1DD-2D8A-2454-0E9929EA5182}"/>
          </ac:spMkLst>
        </pc:spChg>
        <pc:spChg chg="mod">
          <ac:chgData name="White, Alex" userId="eff6cc8c-37d8-483b-9c6c-6b27e9afa9bc" providerId="ADAL" clId="{BF04C754-5BF4-4E83-9615-DB14FA25AF8A}" dt="2023-10-12T11:38:20.867" v="298"/>
          <ac:spMkLst>
            <pc:docMk/>
            <pc:sldMk cId="2376958513" sldId="260"/>
            <ac:spMk id="11007" creationId="{8A16256C-B809-482F-9744-94FE3A07DA48}"/>
          </ac:spMkLst>
        </pc:spChg>
        <pc:spChg chg="mod">
          <ac:chgData name="White, Alex" userId="eff6cc8c-37d8-483b-9c6c-6b27e9afa9bc" providerId="ADAL" clId="{BF04C754-5BF4-4E83-9615-DB14FA25AF8A}" dt="2023-10-12T11:38:20.867" v="298"/>
          <ac:spMkLst>
            <pc:docMk/>
            <pc:sldMk cId="2376958513" sldId="260"/>
            <ac:spMk id="11008" creationId="{582E6CEC-31D5-B17A-F05B-5E43176626D6}"/>
          </ac:spMkLst>
        </pc:spChg>
        <pc:spChg chg="mod">
          <ac:chgData name="White, Alex" userId="eff6cc8c-37d8-483b-9c6c-6b27e9afa9bc" providerId="ADAL" clId="{BF04C754-5BF4-4E83-9615-DB14FA25AF8A}" dt="2023-10-12T11:38:20.867" v="298"/>
          <ac:spMkLst>
            <pc:docMk/>
            <pc:sldMk cId="2376958513" sldId="260"/>
            <ac:spMk id="11009" creationId="{CA55B65E-2D13-8532-4858-313027966030}"/>
          </ac:spMkLst>
        </pc:spChg>
        <pc:spChg chg="mod">
          <ac:chgData name="White, Alex" userId="eff6cc8c-37d8-483b-9c6c-6b27e9afa9bc" providerId="ADAL" clId="{BF04C754-5BF4-4E83-9615-DB14FA25AF8A}" dt="2023-10-12T11:38:20.867" v="298"/>
          <ac:spMkLst>
            <pc:docMk/>
            <pc:sldMk cId="2376958513" sldId="260"/>
            <ac:spMk id="11010" creationId="{B7FD1E85-1A3F-2400-58FD-DF473674114A}"/>
          </ac:spMkLst>
        </pc:spChg>
        <pc:spChg chg="mod">
          <ac:chgData name="White, Alex" userId="eff6cc8c-37d8-483b-9c6c-6b27e9afa9bc" providerId="ADAL" clId="{BF04C754-5BF4-4E83-9615-DB14FA25AF8A}" dt="2023-10-12T11:38:20.867" v="298"/>
          <ac:spMkLst>
            <pc:docMk/>
            <pc:sldMk cId="2376958513" sldId="260"/>
            <ac:spMk id="11011" creationId="{5ADF1240-346D-1054-AC3C-4CE350CAC732}"/>
          </ac:spMkLst>
        </pc:spChg>
        <pc:spChg chg="mod">
          <ac:chgData name="White, Alex" userId="eff6cc8c-37d8-483b-9c6c-6b27e9afa9bc" providerId="ADAL" clId="{BF04C754-5BF4-4E83-9615-DB14FA25AF8A}" dt="2023-10-12T11:38:20.867" v="298"/>
          <ac:spMkLst>
            <pc:docMk/>
            <pc:sldMk cId="2376958513" sldId="260"/>
            <ac:spMk id="11012" creationId="{721301AC-6CAB-C15A-6B34-63D706CD6F76}"/>
          </ac:spMkLst>
        </pc:spChg>
        <pc:spChg chg="mod">
          <ac:chgData name="White, Alex" userId="eff6cc8c-37d8-483b-9c6c-6b27e9afa9bc" providerId="ADAL" clId="{BF04C754-5BF4-4E83-9615-DB14FA25AF8A}" dt="2023-10-12T11:38:20.867" v="298"/>
          <ac:spMkLst>
            <pc:docMk/>
            <pc:sldMk cId="2376958513" sldId="260"/>
            <ac:spMk id="11013" creationId="{7E5361D1-63A4-0FD5-87E1-B65E3B3ECFE9}"/>
          </ac:spMkLst>
        </pc:spChg>
        <pc:spChg chg="mod">
          <ac:chgData name="White, Alex" userId="eff6cc8c-37d8-483b-9c6c-6b27e9afa9bc" providerId="ADAL" clId="{BF04C754-5BF4-4E83-9615-DB14FA25AF8A}" dt="2023-10-12T11:38:20.867" v="298"/>
          <ac:spMkLst>
            <pc:docMk/>
            <pc:sldMk cId="2376958513" sldId="260"/>
            <ac:spMk id="11014" creationId="{B30D7187-F709-B21C-A6A1-9060FFD9F7C2}"/>
          </ac:spMkLst>
        </pc:spChg>
        <pc:spChg chg="mod">
          <ac:chgData name="White, Alex" userId="eff6cc8c-37d8-483b-9c6c-6b27e9afa9bc" providerId="ADAL" clId="{BF04C754-5BF4-4E83-9615-DB14FA25AF8A}" dt="2023-10-12T11:38:20.867" v="298"/>
          <ac:spMkLst>
            <pc:docMk/>
            <pc:sldMk cId="2376958513" sldId="260"/>
            <ac:spMk id="11015" creationId="{001D5A5B-805E-1398-C7D2-A85765048905}"/>
          </ac:spMkLst>
        </pc:spChg>
        <pc:spChg chg="mod">
          <ac:chgData name="White, Alex" userId="eff6cc8c-37d8-483b-9c6c-6b27e9afa9bc" providerId="ADAL" clId="{BF04C754-5BF4-4E83-9615-DB14FA25AF8A}" dt="2023-10-12T11:38:20.867" v="298"/>
          <ac:spMkLst>
            <pc:docMk/>
            <pc:sldMk cId="2376958513" sldId="260"/>
            <ac:spMk id="11016" creationId="{4EC4985B-73BF-04BE-45A2-4AF5CD846972}"/>
          </ac:spMkLst>
        </pc:spChg>
        <pc:spChg chg="mod">
          <ac:chgData name="White, Alex" userId="eff6cc8c-37d8-483b-9c6c-6b27e9afa9bc" providerId="ADAL" clId="{BF04C754-5BF4-4E83-9615-DB14FA25AF8A}" dt="2023-10-12T11:38:20.867" v="298"/>
          <ac:spMkLst>
            <pc:docMk/>
            <pc:sldMk cId="2376958513" sldId="260"/>
            <ac:spMk id="11017" creationId="{2D8E2F00-B979-0714-3759-4843CAD203E2}"/>
          </ac:spMkLst>
        </pc:spChg>
        <pc:spChg chg="mod">
          <ac:chgData name="White, Alex" userId="eff6cc8c-37d8-483b-9c6c-6b27e9afa9bc" providerId="ADAL" clId="{BF04C754-5BF4-4E83-9615-DB14FA25AF8A}" dt="2023-10-12T11:38:20.867" v="298"/>
          <ac:spMkLst>
            <pc:docMk/>
            <pc:sldMk cId="2376958513" sldId="260"/>
            <ac:spMk id="11018" creationId="{A76EC5ED-9A53-2C55-3075-A21A18265600}"/>
          </ac:spMkLst>
        </pc:spChg>
        <pc:spChg chg="mod">
          <ac:chgData name="White, Alex" userId="eff6cc8c-37d8-483b-9c6c-6b27e9afa9bc" providerId="ADAL" clId="{BF04C754-5BF4-4E83-9615-DB14FA25AF8A}" dt="2023-10-12T11:38:20.867" v="298"/>
          <ac:spMkLst>
            <pc:docMk/>
            <pc:sldMk cId="2376958513" sldId="260"/>
            <ac:spMk id="11019" creationId="{2BF2194A-70E4-F932-3FB3-8D968EC1DA56}"/>
          </ac:spMkLst>
        </pc:spChg>
        <pc:spChg chg="mod">
          <ac:chgData name="White, Alex" userId="eff6cc8c-37d8-483b-9c6c-6b27e9afa9bc" providerId="ADAL" clId="{BF04C754-5BF4-4E83-9615-DB14FA25AF8A}" dt="2023-10-12T11:38:20.867" v="298"/>
          <ac:spMkLst>
            <pc:docMk/>
            <pc:sldMk cId="2376958513" sldId="260"/>
            <ac:spMk id="11020" creationId="{2A55700A-F225-2F7D-5C63-6F69ECDC4425}"/>
          </ac:spMkLst>
        </pc:spChg>
        <pc:spChg chg="mod">
          <ac:chgData name="White, Alex" userId="eff6cc8c-37d8-483b-9c6c-6b27e9afa9bc" providerId="ADAL" clId="{BF04C754-5BF4-4E83-9615-DB14FA25AF8A}" dt="2023-10-12T11:38:20.867" v="298"/>
          <ac:spMkLst>
            <pc:docMk/>
            <pc:sldMk cId="2376958513" sldId="260"/>
            <ac:spMk id="11021" creationId="{6981D0A8-CA28-6E8D-8F93-102A12D7967C}"/>
          </ac:spMkLst>
        </pc:spChg>
        <pc:spChg chg="mod">
          <ac:chgData name="White, Alex" userId="eff6cc8c-37d8-483b-9c6c-6b27e9afa9bc" providerId="ADAL" clId="{BF04C754-5BF4-4E83-9615-DB14FA25AF8A}" dt="2023-10-12T11:38:20.867" v="298"/>
          <ac:spMkLst>
            <pc:docMk/>
            <pc:sldMk cId="2376958513" sldId="260"/>
            <ac:spMk id="11022" creationId="{1CBFE363-1ACF-953F-F19C-6FC283C7D551}"/>
          </ac:spMkLst>
        </pc:spChg>
        <pc:spChg chg="mod">
          <ac:chgData name="White, Alex" userId="eff6cc8c-37d8-483b-9c6c-6b27e9afa9bc" providerId="ADAL" clId="{BF04C754-5BF4-4E83-9615-DB14FA25AF8A}" dt="2023-10-12T11:38:20.867" v="298"/>
          <ac:spMkLst>
            <pc:docMk/>
            <pc:sldMk cId="2376958513" sldId="260"/>
            <ac:spMk id="11023" creationId="{808668B0-EE14-6D17-DC44-426C1EAA738D}"/>
          </ac:spMkLst>
        </pc:spChg>
        <pc:spChg chg="mod">
          <ac:chgData name="White, Alex" userId="eff6cc8c-37d8-483b-9c6c-6b27e9afa9bc" providerId="ADAL" clId="{BF04C754-5BF4-4E83-9615-DB14FA25AF8A}" dt="2023-10-12T11:38:20.867" v="298"/>
          <ac:spMkLst>
            <pc:docMk/>
            <pc:sldMk cId="2376958513" sldId="260"/>
            <ac:spMk id="11024" creationId="{B04B4E5B-832E-7685-B8EB-A2E2B85C7959}"/>
          </ac:spMkLst>
        </pc:spChg>
        <pc:spChg chg="mod">
          <ac:chgData name="White, Alex" userId="eff6cc8c-37d8-483b-9c6c-6b27e9afa9bc" providerId="ADAL" clId="{BF04C754-5BF4-4E83-9615-DB14FA25AF8A}" dt="2023-10-12T11:38:20.867" v="298"/>
          <ac:spMkLst>
            <pc:docMk/>
            <pc:sldMk cId="2376958513" sldId="260"/>
            <ac:spMk id="11025" creationId="{8491F925-7142-CBDC-BED0-F32C6353CB81}"/>
          </ac:spMkLst>
        </pc:spChg>
        <pc:spChg chg="mod">
          <ac:chgData name="White, Alex" userId="eff6cc8c-37d8-483b-9c6c-6b27e9afa9bc" providerId="ADAL" clId="{BF04C754-5BF4-4E83-9615-DB14FA25AF8A}" dt="2023-10-12T11:38:20.867" v="298"/>
          <ac:spMkLst>
            <pc:docMk/>
            <pc:sldMk cId="2376958513" sldId="260"/>
            <ac:spMk id="11026" creationId="{C2F18D4F-955A-EA3C-2C32-2B1D245BB0B8}"/>
          </ac:spMkLst>
        </pc:spChg>
        <pc:spChg chg="mod">
          <ac:chgData name="White, Alex" userId="eff6cc8c-37d8-483b-9c6c-6b27e9afa9bc" providerId="ADAL" clId="{BF04C754-5BF4-4E83-9615-DB14FA25AF8A}" dt="2023-10-12T11:38:20.867" v="298"/>
          <ac:spMkLst>
            <pc:docMk/>
            <pc:sldMk cId="2376958513" sldId="260"/>
            <ac:spMk id="11027" creationId="{B2F0063C-7494-0CA0-BEDA-2ACC08E5FCC7}"/>
          </ac:spMkLst>
        </pc:spChg>
        <pc:spChg chg="mod">
          <ac:chgData name="White, Alex" userId="eff6cc8c-37d8-483b-9c6c-6b27e9afa9bc" providerId="ADAL" clId="{BF04C754-5BF4-4E83-9615-DB14FA25AF8A}" dt="2023-10-12T11:38:20.867" v="298"/>
          <ac:spMkLst>
            <pc:docMk/>
            <pc:sldMk cId="2376958513" sldId="260"/>
            <ac:spMk id="11028" creationId="{5008C1C8-BF96-8001-32D0-B3CE97F4CDE7}"/>
          </ac:spMkLst>
        </pc:spChg>
        <pc:spChg chg="mod">
          <ac:chgData name="White, Alex" userId="eff6cc8c-37d8-483b-9c6c-6b27e9afa9bc" providerId="ADAL" clId="{BF04C754-5BF4-4E83-9615-DB14FA25AF8A}" dt="2023-10-12T11:38:20.867" v="298"/>
          <ac:spMkLst>
            <pc:docMk/>
            <pc:sldMk cId="2376958513" sldId="260"/>
            <ac:spMk id="11029" creationId="{6380453A-A53D-2F0C-F11E-8ADD4C11CFEF}"/>
          </ac:spMkLst>
        </pc:spChg>
        <pc:spChg chg="mod">
          <ac:chgData name="White, Alex" userId="eff6cc8c-37d8-483b-9c6c-6b27e9afa9bc" providerId="ADAL" clId="{BF04C754-5BF4-4E83-9615-DB14FA25AF8A}" dt="2023-10-12T11:38:20.867" v="298"/>
          <ac:spMkLst>
            <pc:docMk/>
            <pc:sldMk cId="2376958513" sldId="260"/>
            <ac:spMk id="11030" creationId="{CF9F6A25-911A-08E9-8CE8-71A8D4836C94}"/>
          </ac:spMkLst>
        </pc:spChg>
        <pc:spChg chg="mod">
          <ac:chgData name="White, Alex" userId="eff6cc8c-37d8-483b-9c6c-6b27e9afa9bc" providerId="ADAL" clId="{BF04C754-5BF4-4E83-9615-DB14FA25AF8A}" dt="2023-10-12T11:38:20.867" v="298"/>
          <ac:spMkLst>
            <pc:docMk/>
            <pc:sldMk cId="2376958513" sldId="260"/>
            <ac:spMk id="11031" creationId="{F59DADD5-ED6C-22B9-A919-F75F3298E9AD}"/>
          </ac:spMkLst>
        </pc:spChg>
        <pc:spChg chg="mod">
          <ac:chgData name="White, Alex" userId="eff6cc8c-37d8-483b-9c6c-6b27e9afa9bc" providerId="ADAL" clId="{BF04C754-5BF4-4E83-9615-DB14FA25AF8A}" dt="2023-10-12T11:38:20.867" v="298"/>
          <ac:spMkLst>
            <pc:docMk/>
            <pc:sldMk cId="2376958513" sldId="260"/>
            <ac:spMk id="11032" creationId="{8AC017BF-37A9-C056-1821-0C07F159031D}"/>
          </ac:spMkLst>
        </pc:spChg>
        <pc:spChg chg="mod">
          <ac:chgData name="White, Alex" userId="eff6cc8c-37d8-483b-9c6c-6b27e9afa9bc" providerId="ADAL" clId="{BF04C754-5BF4-4E83-9615-DB14FA25AF8A}" dt="2023-10-12T11:38:20.867" v="298"/>
          <ac:spMkLst>
            <pc:docMk/>
            <pc:sldMk cId="2376958513" sldId="260"/>
            <ac:spMk id="11033" creationId="{C8CB750F-74AC-B0FF-F081-8B2074C2CE82}"/>
          </ac:spMkLst>
        </pc:spChg>
        <pc:spChg chg="mod">
          <ac:chgData name="White, Alex" userId="eff6cc8c-37d8-483b-9c6c-6b27e9afa9bc" providerId="ADAL" clId="{BF04C754-5BF4-4E83-9615-DB14FA25AF8A}" dt="2023-10-12T11:38:20.867" v="298"/>
          <ac:spMkLst>
            <pc:docMk/>
            <pc:sldMk cId="2376958513" sldId="260"/>
            <ac:spMk id="11034" creationId="{3BB4E111-043D-F0B4-8892-F694F6656E09}"/>
          </ac:spMkLst>
        </pc:spChg>
        <pc:spChg chg="mod">
          <ac:chgData name="White, Alex" userId="eff6cc8c-37d8-483b-9c6c-6b27e9afa9bc" providerId="ADAL" clId="{BF04C754-5BF4-4E83-9615-DB14FA25AF8A}" dt="2023-10-12T11:38:20.867" v="298"/>
          <ac:spMkLst>
            <pc:docMk/>
            <pc:sldMk cId="2376958513" sldId="260"/>
            <ac:spMk id="11035" creationId="{DAA52829-4DDB-0449-0F2C-95174E1F2F9C}"/>
          </ac:spMkLst>
        </pc:spChg>
        <pc:spChg chg="mod">
          <ac:chgData name="White, Alex" userId="eff6cc8c-37d8-483b-9c6c-6b27e9afa9bc" providerId="ADAL" clId="{BF04C754-5BF4-4E83-9615-DB14FA25AF8A}" dt="2023-10-12T11:38:20.867" v="298"/>
          <ac:spMkLst>
            <pc:docMk/>
            <pc:sldMk cId="2376958513" sldId="260"/>
            <ac:spMk id="11036" creationId="{2FBE0175-104D-0822-5D2F-C53D21B786AA}"/>
          </ac:spMkLst>
        </pc:spChg>
        <pc:spChg chg="mod">
          <ac:chgData name="White, Alex" userId="eff6cc8c-37d8-483b-9c6c-6b27e9afa9bc" providerId="ADAL" clId="{BF04C754-5BF4-4E83-9615-DB14FA25AF8A}" dt="2023-10-12T11:38:20.867" v="298"/>
          <ac:spMkLst>
            <pc:docMk/>
            <pc:sldMk cId="2376958513" sldId="260"/>
            <ac:spMk id="11037" creationId="{D393DB9B-1FA5-5808-EFCE-14826CC77AB4}"/>
          </ac:spMkLst>
        </pc:spChg>
        <pc:spChg chg="mod">
          <ac:chgData name="White, Alex" userId="eff6cc8c-37d8-483b-9c6c-6b27e9afa9bc" providerId="ADAL" clId="{BF04C754-5BF4-4E83-9615-DB14FA25AF8A}" dt="2023-10-12T11:38:20.867" v="298"/>
          <ac:spMkLst>
            <pc:docMk/>
            <pc:sldMk cId="2376958513" sldId="260"/>
            <ac:spMk id="11038" creationId="{60915B9F-2A35-8EAF-2D29-FC2802D5C3CB}"/>
          </ac:spMkLst>
        </pc:spChg>
        <pc:spChg chg="mod">
          <ac:chgData name="White, Alex" userId="eff6cc8c-37d8-483b-9c6c-6b27e9afa9bc" providerId="ADAL" clId="{BF04C754-5BF4-4E83-9615-DB14FA25AF8A}" dt="2023-10-12T11:38:20.867" v="298"/>
          <ac:spMkLst>
            <pc:docMk/>
            <pc:sldMk cId="2376958513" sldId="260"/>
            <ac:spMk id="11039" creationId="{5927AEAF-CEEF-E1EA-D738-061104C56CAC}"/>
          </ac:spMkLst>
        </pc:spChg>
        <pc:spChg chg="mod">
          <ac:chgData name="White, Alex" userId="eff6cc8c-37d8-483b-9c6c-6b27e9afa9bc" providerId="ADAL" clId="{BF04C754-5BF4-4E83-9615-DB14FA25AF8A}" dt="2023-10-12T11:38:20.867" v="298"/>
          <ac:spMkLst>
            <pc:docMk/>
            <pc:sldMk cId="2376958513" sldId="260"/>
            <ac:spMk id="11040" creationId="{D6624F2E-2519-1000-1A84-E3BD55B034D5}"/>
          </ac:spMkLst>
        </pc:spChg>
        <pc:spChg chg="mod">
          <ac:chgData name="White, Alex" userId="eff6cc8c-37d8-483b-9c6c-6b27e9afa9bc" providerId="ADAL" clId="{BF04C754-5BF4-4E83-9615-DB14FA25AF8A}" dt="2023-10-12T11:38:20.867" v="298"/>
          <ac:spMkLst>
            <pc:docMk/>
            <pc:sldMk cId="2376958513" sldId="260"/>
            <ac:spMk id="11041" creationId="{53416FFB-76F9-EC43-6689-96268DA993EB}"/>
          </ac:spMkLst>
        </pc:spChg>
        <pc:spChg chg="mod">
          <ac:chgData name="White, Alex" userId="eff6cc8c-37d8-483b-9c6c-6b27e9afa9bc" providerId="ADAL" clId="{BF04C754-5BF4-4E83-9615-DB14FA25AF8A}" dt="2023-10-12T11:38:20.867" v="298"/>
          <ac:spMkLst>
            <pc:docMk/>
            <pc:sldMk cId="2376958513" sldId="260"/>
            <ac:spMk id="11042" creationId="{CD79C238-A31D-B205-8E63-5D8F3D96F1FC}"/>
          </ac:spMkLst>
        </pc:spChg>
        <pc:spChg chg="mod">
          <ac:chgData name="White, Alex" userId="eff6cc8c-37d8-483b-9c6c-6b27e9afa9bc" providerId="ADAL" clId="{BF04C754-5BF4-4E83-9615-DB14FA25AF8A}" dt="2023-10-12T11:38:20.867" v="298"/>
          <ac:spMkLst>
            <pc:docMk/>
            <pc:sldMk cId="2376958513" sldId="260"/>
            <ac:spMk id="11043" creationId="{27F436C7-AA96-D7F9-5122-CB497EBE1015}"/>
          </ac:spMkLst>
        </pc:spChg>
        <pc:spChg chg="mod">
          <ac:chgData name="White, Alex" userId="eff6cc8c-37d8-483b-9c6c-6b27e9afa9bc" providerId="ADAL" clId="{BF04C754-5BF4-4E83-9615-DB14FA25AF8A}" dt="2023-10-12T11:38:20.867" v="298"/>
          <ac:spMkLst>
            <pc:docMk/>
            <pc:sldMk cId="2376958513" sldId="260"/>
            <ac:spMk id="11044" creationId="{09E3EF09-A6E9-4996-A8A2-C8F039626F88}"/>
          </ac:spMkLst>
        </pc:spChg>
        <pc:spChg chg="mod">
          <ac:chgData name="White, Alex" userId="eff6cc8c-37d8-483b-9c6c-6b27e9afa9bc" providerId="ADAL" clId="{BF04C754-5BF4-4E83-9615-DB14FA25AF8A}" dt="2023-10-12T11:38:20.867" v="298"/>
          <ac:spMkLst>
            <pc:docMk/>
            <pc:sldMk cId="2376958513" sldId="260"/>
            <ac:spMk id="11045" creationId="{2A21B14A-19CB-8438-AD77-1C39358452DD}"/>
          </ac:spMkLst>
        </pc:spChg>
        <pc:spChg chg="mod">
          <ac:chgData name="White, Alex" userId="eff6cc8c-37d8-483b-9c6c-6b27e9afa9bc" providerId="ADAL" clId="{BF04C754-5BF4-4E83-9615-DB14FA25AF8A}" dt="2023-10-12T11:38:20.867" v="298"/>
          <ac:spMkLst>
            <pc:docMk/>
            <pc:sldMk cId="2376958513" sldId="260"/>
            <ac:spMk id="11046" creationId="{4E2C7865-8E58-8BE8-3576-F80BA36CF19C}"/>
          </ac:spMkLst>
        </pc:spChg>
        <pc:spChg chg="mod">
          <ac:chgData name="White, Alex" userId="eff6cc8c-37d8-483b-9c6c-6b27e9afa9bc" providerId="ADAL" clId="{BF04C754-5BF4-4E83-9615-DB14FA25AF8A}" dt="2023-10-12T11:38:20.867" v="298"/>
          <ac:spMkLst>
            <pc:docMk/>
            <pc:sldMk cId="2376958513" sldId="260"/>
            <ac:spMk id="11047" creationId="{3226EA87-B719-8AFF-C7A1-023310EF25F0}"/>
          </ac:spMkLst>
        </pc:spChg>
        <pc:spChg chg="mod">
          <ac:chgData name="White, Alex" userId="eff6cc8c-37d8-483b-9c6c-6b27e9afa9bc" providerId="ADAL" clId="{BF04C754-5BF4-4E83-9615-DB14FA25AF8A}" dt="2023-10-12T11:38:20.867" v="298"/>
          <ac:spMkLst>
            <pc:docMk/>
            <pc:sldMk cId="2376958513" sldId="260"/>
            <ac:spMk id="11048" creationId="{D018B84A-86DA-3AF7-2ED1-EFCB9ACD1A8E}"/>
          </ac:spMkLst>
        </pc:spChg>
        <pc:spChg chg="mod">
          <ac:chgData name="White, Alex" userId="eff6cc8c-37d8-483b-9c6c-6b27e9afa9bc" providerId="ADAL" clId="{BF04C754-5BF4-4E83-9615-DB14FA25AF8A}" dt="2023-10-12T11:38:20.867" v="298"/>
          <ac:spMkLst>
            <pc:docMk/>
            <pc:sldMk cId="2376958513" sldId="260"/>
            <ac:spMk id="11049" creationId="{91E60DF7-FA9B-72CE-3E84-3DBDC068B190}"/>
          </ac:spMkLst>
        </pc:spChg>
        <pc:spChg chg="mod">
          <ac:chgData name="White, Alex" userId="eff6cc8c-37d8-483b-9c6c-6b27e9afa9bc" providerId="ADAL" clId="{BF04C754-5BF4-4E83-9615-DB14FA25AF8A}" dt="2023-10-12T11:38:20.867" v="298"/>
          <ac:spMkLst>
            <pc:docMk/>
            <pc:sldMk cId="2376958513" sldId="260"/>
            <ac:spMk id="11050" creationId="{4D94417D-8AA9-B99A-76FE-BBC7137DB3C7}"/>
          </ac:spMkLst>
        </pc:spChg>
        <pc:spChg chg="mod">
          <ac:chgData name="White, Alex" userId="eff6cc8c-37d8-483b-9c6c-6b27e9afa9bc" providerId="ADAL" clId="{BF04C754-5BF4-4E83-9615-DB14FA25AF8A}" dt="2023-10-12T11:38:20.867" v="298"/>
          <ac:spMkLst>
            <pc:docMk/>
            <pc:sldMk cId="2376958513" sldId="260"/>
            <ac:spMk id="11051" creationId="{68090121-8799-80CD-C570-E686D83A02B3}"/>
          </ac:spMkLst>
        </pc:spChg>
        <pc:spChg chg="mod">
          <ac:chgData name="White, Alex" userId="eff6cc8c-37d8-483b-9c6c-6b27e9afa9bc" providerId="ADAL" clId="{BF04C754-5BF4-4E83-9615-DB14FA25AF8A}" dt="2023-10-12T11:38:20.867" v="298"/>
          <ac:spMkLst>
            <pc:docMk/>
            <pc:sldMk cId="2376958513" sldId="260"/>
            <ac:spMk id="11052" creationId="{3B496391-8409-5F9E-03DA-1A837750E517}"/>
          </ac:spMkLst>
        </pc:spChg>
        <pc:spChg chg="mod">
          <ac:chgData name="White, Alex" userId="eff6cc8c-37d8-483b-9c6c-6b27e9afa9bc" providerId="ADAL" clId="{BF04C754-5BF4-4E83-9615-DB14FA25AF8A}" dt="2023-10-12T11:38:20.867" v="298"/>
          <ac:spMkLst>
            <pc:docMk/>
            <pc:sldMk cId="2376958513" sldId="260"/>
            <ac:spMk id="11053" creationId="{73A5F63E-4E45-6503-570A-F9218CCB5DFD}"/>
          </ac:spMkLst>
        </pc:spChg>
        <pc:spChg chg="mod">
          <ac:chgData name="White, Alex" userId="eff6cc8c-37d8-483b-9c6c-6b27e9afa9bc" providerId="ADAL" clId="{BF04C754-5BF4-4E83-9615-DB14FA25AF8A}" dt="2023-10-12T11:38:20.867" v="298"/>
          <ac:spMkLst>
            <pc:docMk/>
            <pc:sldMk cId="2376958513" sldId="260"/>
            <ac:spMk id="11054" creationId="{F41FACA3-B981-D226-3C75-F9CD5AE92056}"/>
          </ac:spMkLst>
        </pc:spChg>
        <pc:spChg chg="mod">
          <ac:chgData name="White, Alex" userId="eff6cc8c-37d8-483b-9c6c-6b27e9afa9bc" providerId="ADAL" clId="{BF04C754-5BF4-4E83-9615-DB14FA25AF8A}" dt="2023-10-12T11:38:20.867" v="298"/>
          <ac:spMkLst>
            <pc:docMk/>
            <pc:sldMk cId="2376958513" sldId="260"/>
            <ac:spMk id="11055" creationId="{6A065659-95B8-B37B-CF66-704B64C849F2}"/>
          </ac:spMkLst>
        </pc:spChg>
        <pc:spChg chg="mod">
          <ac:chgData name="White, Alex" userId="eff6cc8c-37d8-483b-9c6c-6b27e9afa9bc" providerId="ADAL" clId="{BF04C754-5BF4-4E83-9615-DB14FA25AF8A}" dt="2023-10-12T11:38:20.867" v="298"/>
          <ac:spMkLst>
            <pc:docMk/>
            <pc:sldMk cId="2376958513" sldId="260"/>
            <ac:spMk id="11056" creationId="{CFE4B910-A2CB-05FE-CB52-8273CA7B2DCC}"/>
          </ac:spMkLst>
        </pc:spChg>
        <pc:spChg chg="mod">
          <ac:chgData name="White, Alex" userId="eff6cc8c-37d8-483b-9c6c-6b27e9afa9bc" providerId="ADAL" clId="{BF04C754-5BF4-4E83-9615-DB14FA25AF8A}" dt="2023-10-12T11:38:20.867" v="298"/>
          <ac:spMkLst>
            <pc:docMk/>
            <pc:sldMk cId="2376958513" sldId="260"/>
            <ac:spMk id="11057" creationId="{5D6D866E-066C-82F6-A534-9358A4473939}"/>
          </ac:spMkLst>
        </pc:spChg>
        <pc:spChg chg="mod">
          <ac:chgData name="White, Alex" userId="eff6cc8c-37d8-483b-9c6c-6b27e9afa9bc" providerId="ADAL" clId="{BF04C754-5BF4-4E83-9615-DB14FA25AF8A}" dt="2023-10-12T11:38:20.867" v="298"/>
          <ac:spMkLst>
            <pc:docMk/>
            <pc:sldMk cId="2376958513" sldId="260"/>
            <ac:spMk id="11058" creationId="{A130B781-B7C5-67F2-AEFF-8D7985C6499E}"/>
          </ac:spMkLst>
        </pc:spChg>
        <pc:spChg chg="mod">
          <ac:chgData name="White, Alex" userId="eff6cc8c-37d8-483b-9c6c-6b27e9afa9bc" providerId="ADAL" clId="{BF04C754-5BF4-4E83-9615-DB14FA25AF8A}" dt="2023-10-12T11:38:20.867" v="298"/>
          <ac:spMkLst>
            <pc:docMk/>
            <pc:sldMk cId="2376958513" sldId="260"/>
            <ac:spMk id="11059" creationId="{1A53A4D0-AEB4-19CA-8690-6CA494A98A6A}"/>
          </ac:spMkLst>
        </pc:spChg>
        <pc:spChg chg="mod">
          <ac:chgData name="White, Alex" userId="eff6cc8c-37d8-483b-9c6c-6b27e9afa9bc" providerId="ADAL" clId="{BF04C754-5BF4-4E83-9615-DB14FA25AF8A}" dt="2023-10-12T11:38:20.867" v="298"/>
          <ac:spMkLst>
            <pc:docMk/>
            <pc:sldMk cId="2376958513" sldId="260"/>
            <ac:spMk id="11060" creationId="{49F863AA-0DC8-EF2F-C4D5-6695D7F61176}"/>
          </ac:spMkLst>
        </pc:spChg>
        <pc:spChg chg="mod">
          <ac:chgData name="White, Alex" userId="eff6cc8c-37d8-483b-9c6c-6b27e9afa9bc" providerId="ADAL" clId="{BF04C754-5BF4-4E83-9615-DB14FA25AF8A}" dt="2023-10-12T11:38:20.867" v="298"/>
          <ac:spMkLst>
            <pc:docMk/>
            <pc:sldMk cId="2376958513" sldId="260"/>
            <ac:spMk id="11061" creationId="{69007681-FC60-6797-040D-DB05E08DC0C3}"/>
          </ac:spMkLst>
        </pc:spChg>
        <pc:spChg chg="mod">
          <ac:chgData name="White, Alex" userId="eff6cc8c-37d8-483b-9c6c-6b27e9afa9bc" providerId="ADAL" clId="{BF04C754-5BF4-4E83-9615-DB14FA25AF8A}" dt="2023-10-12T11:38:20.867" v="298"/>
          <ac:spMkLst>
            <pc:docMk/>
            <pc:sldMk cId="2376958513" sldId="260"/>
            <ac:spMk id="11062" creationId="{11C2AA53-1B7A-B9BB-8BEB-021596A3B1E0}"/>
          </ac:spMkLst>
        </pc:spChg>
        <pc:spChg chg="mod">
          <ac:chgData name="White, Alex" userId="eff6cc8c-37d8-483b-9c6c-6b27e9afa9bc" providerId="ADAL" clId="{BF04C754-5BF4-4E83-9615-DB14FA25AF8A}" dt="2023-10-12T11:38:20.867" v="298"/>
          <ac:spMkLst>
            <pc:docMk/>
            <pc:sldMk cId="2376958513" sldId="260"/>
            <ac:spMk id="11063" creationId="{AB5C8DA0-D5DA-6BC6-7F65-2029B5384811}"/>
          </ac:spMkLst>
        </pc:spChg>
        <pc:spChg chg="mod">
          <ac:chgData name="White, Alex" userId="eff6cc8c-37d8-483b-9c6c-6b27e9afa9bc" providerId="ADAL" clId="{BF04C754-5BF4-4E83-9615-DB14FA25AF8A}" dt="2023-10-12T11:38:20.867" v="298"/>
          <ac:spMkLst>
            <pc:docMk/>
            <pc:sldMk cId="2376958513" sldId="260"/>
            <ac:spMk id="11064" creationId="{0EBBF6B6-0F0D-AC08-0631-6507E7CC67BB}"/>
          </ac:spMkLst>
        </pc:spChg>
        <pc:spChg chg="mod">
          <ac:chgData name="White, Alex" userId="eff6cc8c-37d8-483b-9c6c-6b27e9afa9bc" providerId="ADAL" clId="{BF04C754-5BF4-4E83-9615-DB14FA25AF8A}" dt="2023-10-12T11:38:20.867" v="298"/>
          <ac:spMkLst>
            <pc:docMk/>
            <pc:sldMk cId="2376958513" sldId="260"/>
            <ac:spMk id="11065" creationId="{259B72DF-D725-5035-22DD-3BB58563D3A4}"/>
          </ac:spMkLst>
        </pc:spChg>
        <pc:spChg chg="mod">
          <ac:chgData name="White, Alex" userId="eff6cc8c-37d8-483b-9c6c-6b27e9afa9bc" providerId="ADAL" clId="{BF04C754-5BF4-4E83-9615-DB14FA25AF8A}" dt="2023-10-12T11:38:20.867" v="298"/>
          <ac:spMkLst>
            <pc:docMk/>
            <pc:sldMk cId="2376958513" sldId="260"/>
            <ac:spMk id="11066" creationId="{08F7E3A5-C56A-6660-BF5F-B9723F881A2B}"/>
          </ac:spMkLst>
        </pc:spChg>
        <pc:spChg chg="mod">
          <ac:chgData name="White, Alex" userId="eff6cc8c-37d8-483b-9c6c-6b27e9afa9bc" providerId="ADAL" clId="{BF04C754-5BF4-4E83-9615-DB14FA25AF8A}" dt="2023-10-12T11:38:20.867" v="298"/>
          <ac:spMkLst>
            <pc:docMk/>
            <pc:sldMk cId="2376958513" sldId="260"/>
            <ac:spMk id="11067" creationId="{4574BE9E-1D62-6AAE-658D-9151BCC7BC4C}"/>
          </ac:spMkLst>
        </pc:spChg>
        <pc:spChg chg="mod">
          <ac:chgData name="White, Alex" userId="eff6cc8c-37d8-483b-9c6c-6b27e9afa9bc" providerId="ADAL" clId="{BF04C754-5BF4-4E83-9615-DB14FA25AF8A}" dt="2023-10-12T11:38:20.867" v="298"/>
          <ac:spMkLst>
            <pc:docMk/>
            <pc:sldMk cId="2376958513" sldId="260"/>
            <ac:spMk id="11068" creationId="{19828756-5F99-284A-8D6F-AAE460B2D56E}"/>
          </ac:spMkLst>
        </pc:spChg>
        <pc:spChg chg="mod">
          <ac:chgData name="White, Alex" userId="eff6cc8c-37d8-483b-9c6c-6b27e9afa9bc" providerId="ADAL" clId="{BF04C754-5BF4-4E83-9615-DB14FA25AF8A}" dt="2023-10-12T11:38:20.867" v="298"/>
          <ac:spMkLst>
            <pc:docMk/>
            <pc:sldMk cId="2376958513" sldId="260"/>
            <ac:spMk id="11069" creationId="{C21EF591-272C-DAF1-2D46-667F8B245150}"/>
          </ac:spMkLst>
        </pc:spChg>
        <pc:spChg chg="mod">
          <ac:chgData name="White, Alex" userId="eff6cc8c-37d8-483b-9c6c-6b27e9afa9bc" providerId="ADAL" clId="{BF04C754-5BF4-4E83-9615-DB14FA25AF8A}" dt="2023-10-12T11:38:20.867" v="298"/>
          <ac:spMkLst>
            <pc:docMk/>
            <pc:sldMk cId="2376958513" sldId="260"/>
            <ac:spMk id="11070" creationId="{BB34FED9-5AA2-0D52-352D-4F51343C3683}"/>
          </ac:spMkLst>
        </pc:spChg>
        <pc:spChg chg="mod">
          <ac:chgData name="White, Alex" userId="eff6cc8c-37d8-483b-9c6c-6b27e9afa9bc" providerId="ADAL" clId="{BF04C754-5BF4-4E83-9615-DB14FA25AF8A}" dt="2023-10-12T11:38:20.867" v="298"/>
          <ac:spMkLst>
            <pc:docMk/>
            <pc:sldMk cId="2376958513" sldId="260"/>
            <ac:spMk id="11071" creationId="{6EE4586F-56B9-C714-75B1-5AD068993B79}"/>
          </ac:spMkLst>
        </pc:spChg>
        <pc:spChg chg="mod">
          <ac:chgData name="White, Alex" userId="eff6cc8c-37d8-483b-9c6c-6b27e9afa9bc" providerId="ADAL" clId="{BF04C754-5BF4-4E83-9615-DB14FA25AF8A}" dt="2023-10-12T11:38:20.867" v="298"/>
          <ac:spMkLst>
            <pc:docMk/>
            <pc:sldMk cId="2376958513" sldId="260"/>
            <ac:spMk id="11072" creationId="{846EEF9D-490F-E7A4-F5C7-5F851935F47D}"/>
          </ac:spMkLst>
        </pc:spChg>
        <pc:spChg chg="mod">
          <ac:chgData name="White, Alex" userId="eff6cc8c-37d8-483b-9c6c-6b27e9afa9bc" providerId="ADAL" clId="{BF04C754-5BF4-4E83-9615-DB14FA25AF8A}" dt="2023-10-12T11:38:20.867" v="298"/>
          <ac:spMkLst>
            <pc:docMk/>
            <pc:sldMk cId="2376958513" sldId="260"/>
            <ac:spMk id="11073" creationId="{7857597D-4D0E-960B-2EAA-748576B450D7}"/>
          </ac:spMkLst>
        </pc:spChg>
        <pc:spChg chg="mod">
          <ac:chgData name="White, Alex" userId="eff6cc8c-37d8-483b-9c6c-6b27e9afa9bc" providerId="ADAL" clId="{BF04C754-5BF4-4E83-9615-DB14FA25AF8A}" dt="2023-10-12T11:38:20.867" v="298"/>
          <ac:spMkLst>
            <pc:docMk/>
            <pc:sldMk cId="2376958513" sldId="260"/>
            <ac:spMk id="11074" creationId="{A8FFBEF8-0CDD-2937-878B-B0D97CDCC658}"/>
          </ac:spMkLst>
        </pc:spChg>
        <pc:spChg chg="mod">
          <ac:chgData name="White, Alex" userId="eff6cc8c-37d8-483b-9c6c-6b27e9afa9bc" providerId="ADAL" clId="{BF04C754-5BF4-4E83-9615-DB14FA25AF8A}" dt="2023-10-12T11:38:20.867" v="298"/>
          <ac:spMkLst>
            <pc:docMk/>
            <pc:sldMk cId="2376958513" sldId="260"/>
            <ac:spMk id="11075" creationId="{E7E5A91F-520C-6427-DEDD-72B447AEA55D}"/>
          </ac:spMkLst>
        </pc:spChg>
        <pc:spChg chg="mod">
          <ac:chgData name="White, Alex" userId="eff6cc8c-37d8-483b-9c6c-6b27e9afa9bc" providerId="ADAL" clId="{BF04C754-5BF4-4E83-9615-DB14FA25AF8A}" dt="2023-10-12T11:38:20.867" v="298"/>
          <ac:spMkLst>
            <pc:docMk/>
            <pc:sldMk cId="2376958513" sldId="260"/>
            <ac:spMk id="11076" creationId="{E50F93FF-6336-7DE1-CB2E-452DC9783134}"/>
          </ac:spMkLst>
        </pc:spChg>
        <pc:spChg chg="mod">
          <ac:chgData name="White, Alex" userId="eff6cc8c-37d8-483b-9c6c-6b27e9afa9bc" providerId="ADAL" clId="{BF04C754-5BF4-4E83-9615-DB14FA25AF8A}" dt="2023-10-12T11:38:20.867" v="298"/>
          <ac:spMkLst>
            <pc:docMk/>
            <pc:sldMk cId="2376958513" sldId="260"/>
            <ac:spMk id="11077" creationId="{CC31B22D-D4A2-89FD-7EDD-C0EB181E28E5}"/>
          </ac:spMkLst>
        </pc:spChg>
        <pc:spChg chg="mod">
          <ac:chgData name="White, Alex" userId="eff6cc8c-37d8-483b-9c6c-6b27e9afa9bc" providerId="ADAL" clId="{BF04C754-5BF4-4E83-9615-DB14FA25AF8A}" dt="2023-10-12T11:38:20.867" v="298"/>
          <ac:spMkLst>
            <pc:docMk/>
            <pc:sldMk cId="2376958513" sldId="260"/>
            <ac:spMk id="11078" creationId="{6EB0581B-8602-390B-8118-3E5C73AE8215}"/>
          </ac:spMkLst>
        </pc:spChg>
        <pc:spChg chg="mod">
          <ac:chgData name="White, Alex" userId="eff6cc8c-37d8-483b-9c6c-6b27e9afa9bc" providerId="ADAL" clId="{BF04C754-5BF4-4E83-9615-DB14FA25AF8A}" dt="2023-10-12T11:38:20.867" v="298"/>
          <ac:spMkLst>
            <pc:docMk/>
            <pc:sldMk cId="2376958513" sldId="260"/>
            <ac:spMk id="11079" creationId="{62B667E7-85FF-141D-498C-D33CCCF2A2D9}"/>
          </ac:spMkLst>
        </pc:spChg>
        <pc:spChg chg="mod">
          <ac:chgData name="White, Alex" userId="eff6cc8c-37d8-483b-9c6c-6b27e9afa9bc" providerId="ADAL" clId="{BF04C754-5BF4-4E83-9615-DB14FA25AF8A}" dt="2023-10-12T11:38:20.867" v="298"/>
          <ac:spMkLst>
            <pc:docMk/>
            <pc:sldMk cId="2376958513" sldId="260"/>
            <ac:spMk id="11080" creationId="{DCC5839F-D5D5-8F8D-BBF7-0B79AD59637A}"/>
          </ac:spMkLst>
        </pc:spChg>
        <pc:spChg chg="mod">
          <ac:chgData name="White, Alex" userId="eff6cc8c-37d8-483b-9c6c-6b27e9afa9bc" providerId="ADAL" clId="{BF04C754-5BF4-4E83-9615-DB14FA25AF8A}" dt="2023-10-12T11:38:20.867" v="298"/>
          <ac:spMkLst>
            <pc:docMk/>
            <pc:sldMk cId="2376958513" sldId="260"/>
            <ac:spMk id="11081" creationId="{1455085A-F1A6-6119-F3FE-20BD4743E3F2}"/>
          </ac:spMkLst>
        </pc:spChg>
        <pc:spChg chg="mod">
          <ac:chgData name="White, Alex" userId="eff6cc8c-37d8-483b-9c6c-6b27e9afa9bc" providerId="ADAL" clId="{BF04C754-5BF4-4E83-9615-DB14FA25AF8A}" dt="2023-10-12T11:38:20.867" v="298"/>
          <ac:spMkLst>
            <pc:docMk/>
            <pc:sldMk cId="2376958513" sldId="260"/>
            <ac:spMk id="11082" creationId="{058FF0F2-3F8B-B95B-FB36-4CDAC4B72324}"/>
          </ac:spMkLst>
        </pc:spChg>
        <pc:spChg chg="mod">
          <ac:chgData name="White, Alex" userId="eff6cc8c-37d8-483b-9c6c-6b27e9afa9bc" providerId="ADAL" clId="{BF04C754-5BF4-4E83-9615-DB14FA25AF8A}" dt="2023-10-12T11:38:20.867" v="298"/>
          <ac:spMkLst>
            <pc:docMk/>
            <pc:sldMk cId="2376958513" sldId="260"/>
            <ac:spMk id="11083" creationId="{C1F461BF-8738-24E4-CA61-75061A219B6F}"/>
          </ac:spMkLst>
        </pc:spChg>
        <pc:spChg chg="mod">
          <ac:chgData name="White, Alex" userId="eff6cc8c-37d8-483b-9c6c-6b27e9afa9bc" providerId="ADAL" clId="{BF04C754-5BF4-4E83-9615-DB14FA25AF8A}" dt="2023-10-12T11:38:20.867" v="298"/>
          <ac:spMkLst>
            <pc:docMk/>
            <pc:sldMk cId="2376958513" sldId="260"/>
            <ac:spMk id="11084" creationId="{29D47999-CFCE-7834-D8D2-FC7FE8058560}"/>
          </ac:spMkLst>
        </pc:spChg>
        <pc:spChg chg="mod">
          <ac:chgData name="White, Alex" userId="eff6cc8c-37d8-483b-9c6c-6b27e9afa9bc" providerId="ADAL" clId="{BF04C754-5BF4-4E83-9615-DB14FA25AF8A}" dt="2023-10-12T11:38:20.867" v="298"/>
          <ac:spMkLst>
            <pc:docMk/>
            <pc:sldMk cId="2376958513" sldId="260"/>
            <ac:spMk id="11085" creationId="{5E9B9046-94C4-97FE-52AA-F2007681A283}"/>
          </ac:spMkLst>
        </pc:spChg>
        <pc:spChg chg="mod">
          <ac:chgData name="White, Alex" userId="eff6cc8c-37d8-483b-9c6c-6b27e9afa9bc" providerId="ADAL" clId="{BF04C754-5BF4-4E83-9615-DB14FA25AF8A}" dt="2023-10-12T11:38:20.867" v="298"/>
          <ac:spMkLst>
            <pc:docMk/>
            <pc:sldMk cId="2376958513" sldId="260"/>
            <ac:spMk id="11086" creationId="{F22F3BEF-00CB-921A-CE98-E11DF1F473C8}"/>
          </ac:spMkLst>
        </pc:spChg>
        <pc:spChg chg="mod">
          <ac:chgData name="White, Alex" userId="eff6cc8c-37d8-483b-9c6c-6b27e9afa9bc" providerId="ADAL" clId="{BF04C754-5BF4-4E83-9615-DB14FA25AF8A}" dt="2023-10-12T11:38:20.867" v="298"/>
          <ac:spMkLst>
            <pc:docMk/>
            <pc:sldMk cId="2376958513" sldId="260"/>
            <ac:spMk id="11087" creationId="{E8D2AA91-BD6A-2467-3C82-A229B5EC5406}"/>
          </ac:spMkLst>
        </pc:spChg>
        <pc:spChg chg="mod">
          <ac:chgData name="White, Alex" userId="eff6cc8c-37d8-483b-9c6c-6b27e9afa9bc" providerId="ADAL" clId="{BF04C754-5BF4-4E83-9615-DB14FA25AF8A}" dt="2023-10-12T11:38:20.867" v="298"/>
          <ac:spMkLst>
            <pc:docMk/>
            <pc:sldMk cId="2376958513" sldId="260"/>
            <ac:spMk id="11088" creationId="{D3661827-95AC-CD51-C667-CBA8B365EEDD}"/>
          </ac:spMkLst>
        </pc:spChg>
        <pc:spChg chg="mod">
          <ac:chgData name="White, Alex" userId="eff6cc8c-37d8-483b-9c6c-6b27e9afa9bc" providerId="ADAL" clId="{BF04C754-5BF4-4E83-9615-DB14FA25AF8A}" dt="2023-10-12T11:38:20.867" v="298"/>
          <ac:spMkLst>
            <pc:docMk/>
            <pc:sldMk cId="2376958513" sldId="260"/>
            <ac:spMk id="11089" creationId="{2F09CC14-D6A1-25F6-F13B-35875E9420BD}"/>
          </ac:spMkLst>
        </pc:spChg>
        <pc:spChg chg="mod">
          <ac:chgData name="White, Alex" userId="eff6cc8c-37d8-483b-9c6c-6b27e9afa9bc" providerId="ADAL" clId="{BF04C754-5BF4-4E83-9615-DB14FA25AF8A}" dt="2023-10-12T11:38:20.867" v="298"/>
          <ac:spMkLst>
            <pc:docMk/>
            <pc:sldMk cId="2376958513" sldId="260"/>
            <ac:spMk id="11090" creationId="{15F03C76-39B7-F53F-8387-87BB9CE8A3B9}"/>
          </ac:spMkLst>
        </pc:spChg>
        <pc:spChg chg="mod">
          <ac:chgData name="White, Alex" userId="eff6cc8c-37d8-483b-9c6c-6b27e9afa9bc" providerId="ADAL" clId="{BF04C754-5BF4-4E83-9615-DB14FA25AF8A}" dt="2023-10-12T11:38:20.867" v="298"/>
          <ac:spMkLst>
            <pc:docMk/>
            <pc:sldMk cId="2376958513" sldId="260"/>
            <ac:spMk id="11091" creationId="{68FC4172-7284-D769-797E-371FD527210B}"/>
          </ac:spMkLst>
        </pc:spChg>
        <pc:spChg chg="mod">
          <ac:chgData name="White, Alex" userId="eff6cc8c-37d8-483b-9c6c-6b27e9afa9bc" providerId="ADAL" clId="{BF04C754-5BF4-4E83-9615-DB14FA25AF8A}" dt="2023-10-12T11:38:20.867" v="298"/>
          <ac:spMkLst>
            <pc:docMk/>
            <pc:sldMk cId="2376958513" sldId="260"/>
            <ac:spMk id="11092" creationId="{F9E9E643-F6B7-CE6E-9512-1AADFCAFCED1}"/>
          </ac:spMkLst>
        </pc:spChg>
        <pc:spChg chg="mod">
          <ac:chgData name="White, Alex" userId="eff6cc8c-37d8-483b-9c6c-6b27e9afa9bc" providerId="ADAL" clId="{BF04C754-5BF4-4E83-9615-DB14FA25AF8A}" dt="2023-10-12T11:38:20.867" v="298"/>
          <ac:spMkLst>
            <pc:docMk/>
            <pc:sldMk cId="2376958513" sldId="260"/>
            <ac:spMk id="11093" creationId="{1D366717-607E-AEA5-D905-E428BA47E6DD}"/>
          </ac:spMkLst>
        </pc:spChg>
        <pc:spChg chg="mod">
          <ac:chgData name="White, Alex" userId="eff6cc8c-37d8-483b-9c6c-6b27e9afa9bc" providerId="ADAL" clId="{BF04C754-5BF4-4E83-9615-DB14FA25AF8A}" dt="2023-10-12T11:38:20.867" v="298"/>
          <ac:spMkLst>
            <pc:docMk/>
            <pc:sldMk cId="2376958513" sldId="260"/>
            <ac:spMk id="11094" creationId="{14CA2D73-42BB-FAE1-8D6D-32BD0F9AFD22}"/>
          </ac:spMkLst>
        </pc:spChg>
        <pc:spChg chg="mod">
          <ac:chgData name="White, Alex" userId="eff6cc8c-37d8-483b-9c6c-6b27e9afa9bc" providerId="ADAL" clId="{BF04C754-5BF4-4E83-9615-DB14FA25AF8A}" dt="2023-10-12T11:38:20.867" v="298"/>
          <ac:spMkLst>
            <pc:docMk/>
            <pc:sldMk cId="2376958513" sldId="260"/>
            <ac:spMk id="11095" creationId="{56471DFA-F98A-2197-F167-A14FD74F4B7B}"/>
          </ac:spMkLst>
        </pc:spChg>
        <pc:spChg chg="mod">
          <ac:chgData name="White, Alex" userId="eff6cc8c-37d8-483b-9c6c-6b27e9afa9bc" providerId="ADAL" clId="{BF04C754-5BF4-4E83-9615-DB14FA25AF8A}" dt="2023-10-12T11:38:20.867" v="298"/>
          <ac:spMkLst>
            <pc:docMk/>
            <pc:sldMk cId="2376958513" sldId="260"/>
            <ac:spMk id="11096" creationId="{1448BCB8-16EE-F718-1775-1FC949BE5224}"/>
          </ac:spMkLst>
        </pc:spChg>
        <pc:spChg chg="mod">
          <ac:chgData name="White, Alex" userId="eff6cc8c-37d8-483b-9c6c-6b27e9afa9bc" providerId="ADAL" clId="{BF04C754-5BF4-4E83-9615-DB14FA25AF8A}" dt="2023-10-12T11:38:20.867" v="298"/>
          <ac:spMkLst>
            <pc:docMk/>
            <pc:sldMk cId="2376958513" sldId="260"/>
            <ac:spMk id="11097" creationId="{1A3E56DA-A16F-B1A3-41DE-03F9B43AEA8C}"/>
          </ac:spMkLst>
        </pc:spChg>
        <pc:spChg chg="mod">
          <ac:chgData name="White, Alex" userId="eff6cc8c-37d8-483b-9c6c-6b27e9afa9bc" providerId="ADAL" clId="{BF04C754-5BF4-4E83-9615-DB14FA25AF8A}" dt="2023-10-12T11:38:20.867" v="298"/>
          <ac:spMkLst>
            <pc:docMk/>
            <pc:sldMk cId="2376958513" sldId="260"/>
            <ac:spMk id="11098" creationId="{3035697B-100C-C8E0-D8EC-8A20181F4FFB}"/>
          </ac:spMkLst>
        </pc:spChg>
        <pc:spChg chg="mod">
          <ac:chgData name="White, Alex" userId="eff6cc8c-37d8-483b-9c6c-6b27e9afa9bc" providerId="ADAL" clId="{BF04C754-5BF4-4E83-9615-DB14FA25AF8A}" dt="2023-10-12T11:38:20.867" v="298"/>
          <ac:spMkLst>
            <pc:docMk/>
            <pc:sldMk cId="2376958513" sldId="260"/>
            <ac:spMk id="11099" creationId="{CD1BD254-1BEC-491B-948E-8CA9C41534A3}"/>
          </ac:spMkLst>
        </pc:spChg>
        <pc:spChg chg="mod">
          <ac:chgData name="White, Alex" userId="eff6cc8c-37d8-483b-9c6c-6b27e9afa9bc" providerId="ADAL" clId="{BF04C754-5BF4-4E83-9615-DB14FA25AF8A}" dt="2023-10-12T11:38:20.867" v="298"/>
          <ac:spMkLst>
            <pc:docMk/>
            <pc:sldMk cId="2376958513" sldId="260"/>
            <ac:spMk id="11100" creationId="{DEDB8CDD-E77A-F91B-2822-992D1084BBDD}"/>
          </ac:spMkLst>
        </pc:spChg>
        <pc:spChg chg="mod">
          <ac:chgData name="White, Alex" userId="eff6cc8c-37d8-483b-9c6c-6b27e9afa9bc" providerId="ADAL" clId="{BF04C754-5BF4-4E83-9615-DB14FA25AF8A}" dt="2023-10-12T11:38:20.867" v="298"/>
          <ac:spMkLst>
            <pc:docMk/>
            <pc:sldMk cId="2376958513" sldId="260"/>
            <ac:spMk id="11101" creationId="{845151BB-C946-40D4-4F02-59E6EA2D64BD}"/>
          </ac:spMkLst>
        </pc:spChg>
        <pc:spChg chg="mod">
          <ac:chgData name="White, Alex" userId="eff6cc8c-37d8-483b-9c6c-6b27e9afa9bc" providerId="ADAL" clId="{BF04C754-5BF4-4E83-9615-DB14FA25AF8A}" dt="2023-10-12T11:38:20.867" v="298"/>
          <ac:spMkLst>
            <pc:docMk/>
            <pc:sldMk cId="2376958513" sldId="260"/>
            <ac:spMk id="11102" creationId="{8BEEE700-1D5A-81E1-18BB-E86BEEB697D0}"/>
          </ac:spMkLst>
        </pc:spChg>
        <pc:spChg chg="mod">
          <ac:chgData name="White, Alex" userId="eff6cc8c-37d8-483b-9c6c-6b27e9afa9bc" providerId="ADAL" clId="{BF04C754-5BF4-4E83-9615-DB14FA25AF8A}" dt="2023-10-12T11:38:20.867" v="298"/>
          <ac:spMkLst>
            <pc:docMk/>
            <pc:sldMk cId="2376958513" sldId="260"/>
            <ac:spMk id="11103" creationId="{FC47ED4D-FB16-2AF4-EA35-BE82F78EF091}"/>
          </ac:spMkLst>
        </pc:spChg>
        <pc:spChg chg="mod">
          <ac:chgData name="White, Alex" userId="eff6cc8c-37d8-483b-9c6c-6b27e9afa9bc" providerId="ADAL" clId="{BF04C754-5BF4-4E83-9615-DB14FA25AF8A}" dt="2023-10-12T11:38:20.867" v="298"/>
          <ac:spMkLst>
            <pc:docMk/>
            <pc:sldMk cId="2376958513" sldId="260"/>
            <ac:spMk id="11104" creationId="{037B5DF6-4F39-3D2D-1737-5B9D566B112D}"/>
          </ac:spMkLst>
        </pc:spChg>
        <pc:spChg chg="mod">
          <ac:chgData name="White, Alex" userId="eff6cc8c-37d8-483b-9c6c-6b27e9afa9bc" providerId="ADAL" clId="{BF04C754-5BF4-4E83-9615-DB14FA25AF8A}" dt="2023-10-12T11:38:20.867" v="298"/>
          <ac:spMkLst>
            <pc:docMk/>
            <pc:sldMk cId="2376958513" sldId="260"/>
            <ac:spMk id="11105" creationId="{D8341B81-44E7-99E7-5070-C6918E891E33}"/>
          </ac:spMkLst>
        </pc:spChg>
        <pc:spChg chg="mod">
          <ac:chgData name="White, Alex" userId="eff6cc8c-37d8-483b-9c6c-6b27e9afa9bc" providerId="ADAL" clId="{BF04C754-5BF4-4E83-9615-DB14FA25AF8A}" dt="2023-10-12T11:38:20.867" v="298"/>
          <ac:spMkLst>
            <pc:docMk/>
            <pc:sldMk cId="2376958513" sldId="260"/>
            <ac:spMk id="11106" creationId="{6BB09E9A-05B6-4DF0-96E1-BAF3200D53E6}"/>
          </ac:spMkLst>
        </pc:spChg>
        <pc:spChg chg="mod">
          <ac:chgData name="White, Alex" userId="eff6cc8c-37d8-483b-9c6c-6b27e9afa9bc" providerId="ADAL" clId="{BF04C754-5BF4-4E83-9615-DB14FA25AF8A}" dt="2023-10-12T11:38:20.867" v="298"/>
          <ac:spMkLst>
            <pc:docMk/>
            <pc:sldMk cId="2376958513" sldId="260"/>
            <ac:spMk id="11107" creationId="{28E694AB-C43F-1575-3ABD-5ECA31735CD3}"/>
          </ac:spMkLst>
        </pc:spChg>
        <pc:spChg chg="mod">
          <ac:chgData name="White, Alex" userId="eff6cc8c-37d8-483b-9c6c-6b27e9afa9bc" providerId="ADAL" clId="{BF04C754-5BF4-4E83-9615-DB14FA25AF8A}" dt="2023-10-12T11:38:20.867" v="298"/>
          <ac:spMkLst>
            <pc:docMk/>
            <pc:sldMk cId="2376958513" sldId="260"/>
            <ac:spMk id="11108" creationId="{C93F1648-A116-AD63-622D-41C613030146}"/>
          </ac:spMkLst>
        </pc:spChg>
        <pc:spChg chg="mod">
          <ac:chgData name="White, Alex" userId="eff6cc8c-37d8-483b-9c6c-6b27e9afa9bc" providerId="ADAL" clId="{BF04C754-5BF4-4E83-9615-DB14FA25AF8A}" dt="2023-10-12T11:38:20.867" v="298"/>
          <ac:spMkLst>
            <pc:docMk/>
            <pc:sldMk cId="2376958513" sldId="260"/>
            <ac:spMk id="11109" creationId="{B5E91312-BE35-D327-482B-4A38993892F9}"/>
          </ac:spMkLst>
        </pc:spChg>
        <pc:spChg chg="mod">
          <ac:chgData name="White, Alex" userId="eff6cc8c-37d8-483b-9c6c-6b27e9afa9bc" providerId="ADAL" clId="{BF04C754-5BF4-4E83-9615-DB14FA25AF8A}" dt="2023-10-12T11:38:20.867" v="298"/>
          <ac:spMkLst>
            <pc:docMk/>
            <pc:sldMk cId="2376958513" sldId="260"/>
            <ac:spMk id="11110" creationId="{C2B060FF-7238-9ABC-D585-B4BA3370EE47}"/>
          </ac:spMkLst>
        </pc:spChg>
        <pc:spChg chg="mod">
          <ac:chgData name="White, Alex" userId="eff6cc8c-37d8-483b-9c6c-6b27e9afa9bc" providerId="ADAL" clId="{BF04C754-5BF4-4E83-9615-DB14FA25AF8A}" dt="2023-10-12T11:38:20.867" v="298"/>
          <ac:spMkLst>
            <pc:docMk/>
            <pc:sldMk cId="2376958513" sldId="260"/>
            <ac:spMk id="11111" creationId="{59A8A6E0-E68A-8B86-22F1-95F86027EB31}"/>
          </ac:spMkLst>
        </pc:spChg>
        <pc:spChg chg="mod">
          <ac:chgData name="White, Alex" userId="eff6cc8c-37d8-483b-9c6c-6b27e9afa9bc" providerId="ADAL" clId="{BF04C754-5BF4-4E83-9615-DB14FA25AF8A}" dt="2023-10-12T11:38:20.867" v="298"/>
          <ac:spMkLst>
            <pc:docMk/>
            <pc:sldMk cId="2376958513" sldId="260"/>
            <ac:spMk id="11112" creationId="{2E6B4FDE-8073-7768-C680-A379D38DB559}"/>
          </ac:spMkLst>
        </pc:spChg>
        <pc:spChg chg="mod">
          <ac:chgData name="White, Alex" userId="eff6cc8c-37d8-483b-9c6c-6b27e9afa9bc" providerId="ADAL" clId="{BF04C754-5BF4-4E83-9615-DB14FA25AF8A}" dt="2023-10-12T11:38:20.867" v="298"/>
          <ac:spMkLst>
            <pc:docMk/>
            <pc:sldMk cId="2376958513" sldId="260"/>
            <ac:spMk id="11113" creationId="{9C7E148C-8EEE-B165-033A-024778DF2656}"/>
          </ac:spMkLst>
        </pc:spChg>
        <pc:spChg chg="mod">
          <ac:chgData name="White, Alex" userId="eff6cc8c-37d8-483b-9c6c-6b27e9afa9bc" providerId="ADAL" clId="{BF04C754-5BF4-4E83-9615-DB14FA25AF8A}" dt="2023-10-12T11:38:20.867" v="298"/>
          <ac:spMkLst>
            <pc:docMk/>
            <pc:sldMk cId="2376958513" sldId="260"/>
            <ac:spMk id="11114" creationId="{896117F6-7CEE-DDB4-7A25-2A6EAAD4B7E5}"/>
          </ac:spMkLst>
        </pc:spChg>
        <pc:spChg chg="mod">
          <ac:chgData name="White, Alex" userId="eff6cc8c-37d8-483b-9c6c-6b27e9afa9bc" providerId="ADAL" clId="{BF04C754-5BF4-4E83-9615-DB14FA25AF8A}" dt="2023-10-12T11:38:20.867" v="298"/>
          <ac:spMkLst>
            <pc:docMk/>
            <pc:sldMk cId="2376958513" sldId="260"/>
            <ac:spMk id="11115" creationId="{F0FD83B8-FC97-9D4B-6072-0797E29656F7}"/>
          </ac:spMkLst>
        </pc:spChg>
        <pc:spChg chg="mod">
          <ac:chgData name="White, Alex" userId="eff6cc8c-37d8-483b-9c6c-6b27e9afa9bc" providerId="ADAL" clId="{BF04C754-5BF4-4E83-9615-DB14FA25AF8A}" dt="2023-10-12T11:38:20.867" v="298"/>
          <ac:spMkLst>
            <pc:docMk/>
            <pc:sldMk cId="2376958513" sldId="260"/>
            <ac:spMk id="11116" creationId="{CFB93CBF-2481-06F9-0B73-A6E5334204E4}"/>
          </ac:spMkLst>
        </pc:spChg>
        <pc:spChg chg="mod">
          <ac:chgData name="White, Alex" userId="eff6cc8c-37d8-483b-9c6c-6b27e9afa9bc" providerId="ADAL" clId="{BF04C754-5BF4-4E83-9615-DB14FA25AF8A}" dt="2023-10-12T11:38:20.867" v="298"/>
          <ac:spMkLst>
            <pc:docMk/>
            <pc:sldMk cId="2376958513" sldId="260"/>
            <ac:spMk id="11117" creationId="{5F5BE4FD-EF4F-608E-AB16-ADBDAFCA2A27}"/>
          </ac:spMkLst>
        </pc:spChg>
        <pc:spChg chg="mod">
          <ac:chgData name="White, Alex" userId="eff6cc8c-37d8-483b-9c6c-6b27e9afa9bc" providerId="ADAL" clId="{BF04C754-5BF4-4E83-9615-DB14FA25AF8A}" dt="2023-10-12T11:38:20.867" v="298"/>
          <ac:spMkLst>
            <pc:docMk/>
            <pc:sldMk cId="2376958513" sldId="260"/>
            <ac:spMk id="11118" creationId="{3C8EE434-A4B2-8594-C3CE-32CBDA3C286C}"/>
          </ac:spMkLst>
        </pc:spChg>
        <pc:spChg chg="mod">
          <ac:chgData name="White, Alex" userId="eff6cc8c-37d8-483b-9c6c-6b27e9afa9bc" providerId="ADAL" clId="{BF04C754-5BF4-4E83-9615-DB14FA25AF8A}" dt="2023-10-12T11:38:20.867" v="298"/>
          <ac:spMkLst>
            <pc:docMk/>
            <pc:sldMk cId="2376958513" sldId="260"/>
            <ac:spMk id="11119" creationId="{37CA7B3D-DF4E-D33E-CEE6-77D2261EE582}"/>
          </ac:spMkLst>
        </pc:spChg>
        <pc:spChg chg="mod">
          <ac:chgData name="White, Alex" userId="eff6cc8c-37d8-483b-9c6c-6b27e9afa9bc" providerId="ADAL" clId="{BF04C754-5BF4-4E83-9615-DB14FA25AF8A}" dt="2023-10-12T11:38:20.867" v="298"/>
          <ac:spMkLst>
            <pc:docMk/>
            <pc:sldMk cId="2376958513" sldId="260"/>
            <ac:spMk id="11120" creationId="{BB014A2B-CF37-78A6-BDE0-CCEC31145DAB}"/>
          </ac:spMkLst>
        </pc:spChg>
        <pc:spChg chg="mod">
          <ac:chgData name="White, Alex" userId="eff6cc8c-37d8-483b-9c6c-6b27e9afa9bc" providerId="ADAL" clId="{BF04C754-5BF4-4E83-9615-DB14FA25AF8A}" dt="2023-10-12T11:38:20.867" v="298"/>
          <ac:spMkLst>
            <pc:docMk/>
            <pc:sldMk cId="2376958513" sldId="260"/>
            <ac:spMk id="11121" creationId="{3F1A3040-F981-AC7D-9CF0-77864A446E10}"/>
          </ac:spMkLst>
        </pc:spChg>
        <pc:spChg chg="mod">
          <ac:chgData name="White, Alex" userId="eff6cc8c-37d8-483b-9c6c-6b27e9afa9bc" providerId="ADAL" clId="{BF04C754-5BF4-4E83-9615-DB14FA25AF8A}" dt="2023-10-12T11:38:20.867" v="298"/>
          <ac:spMkLst>
            <pc:docMk/>
            <pc:sldMk cId="2376958513" sldId="260"/>
            <ac:spMk id="11122" creationId="{91E9F95A-758C-DA91-3DBC-8D3578F4E329}"/>
          </ac:spMkLst>
        </pc:spChg>
        <pc:spChg chg="mod">
          <ac:chgData name="White, Alex" userId="eff6cc8c-37d8-483b-9c6c-6b27e9afa9bc" providerId="ADAL" clId="{BF04C754-5BF4-4E83-9615-DB14FA25AF8A}" dt="2023-10-12T11:38:20.867" v="298"/>
          <ac:spMkLst>
            <pc:docMk/>
            <pc:sldMk cId="2376958513" sldId="260"/>
            <ac:spMk id="11123" creationId="{30FCD9DB-4C44-F548-464F-B06E5E594F63}"/>
          </ac:spMkLst>
        </pc:spChg>
        <pc:spChg chg="mod">
          <ac:chgData name="White, Alex" userId="eff6cc8c-37d8-483b-9c6c-6b27e9afa9bc" providerId="ADAL" clId="{BF04C754-5BF4-4E83-9615-DB14FA25AF8A}" dt="2023-10-12T11:38:20.867" v="298"/>
          <ac:spMkLst>
            <pc:docMk/>
            <pc:sldMk cId="2376958513" sldId="260"/>
            <ac:spMk id="11124" creationId="{3E34D148-B29B-7B95-5DC9-C3EE1C841996}"/>
          </ac:spMkLst>
        </pc:spChg>
        <pc:spChg chg="mod">
          <ac:chgData name="White, Alex" userId="eff6cc8c-37d8-483b-9c6c-6b27e9afa9bc" providerId="ADAL" clId="{BF04C754-5BF4-4E83-9615-DB14FA25AF8A}" dt="2023-10-12T11:38:20.867" v="298"/>
          <ac:spMkLst>
            <pc:docMk/>
            <pc:sldMk cId="2376958513" sldId="260"/>
            <ac:spMk id="11125" creationId="{F3DCF410-717C-8AAF-4CD4-4AD07EC867A2}"/>
          </ac:spMkLst>
        </pc:spChg>
        <pc:spChg chg="mod">
          <ac:chgData name="White, Alex" userId="eff6cc8c-37d8-483b-9c6c-6b27e9afa9bc" providerId="ADAL" clId="{BF04C754-5BF4-4E83-9615-DB14FA25AF8A}" dt="2023-10-12T11:38:20.867" v="298"/>
          <ac:spMkLst>
            <pc:docMk/>
            <pc:sldMk cId="2376958513" sldId="260"/>
            <ac:spMk id="11126" creationId="{B55D00F3-2073-B2AF-AEDC-BA84E789CBB1}"/>
          </ac:spMkLst>
        </pc:spChg>
        <pc:spChg chg="mod">
          <ac:chgData name="White, Alex" userId="eff6cc8c-37d8-483b-9c6c-6b27e9afa9bc" providerId="ADAL" clId="{BF04C754-5BF4-4E83-9615-DB14FA25AF8A}" dt="2023-10-12T11:38:20.867" v="298"/>
          <ac:spMkLst>
            <pc:docMk/>
            <pc:sldMk cId="2376958513" sldId="260"/>
            <ac:spMk id="11127" creationId="{BD0C6ADA-6C20-964E-0BDD-7EA5B0325DD8}"/>
          </ac:spMkLst>
        </pc:spChg>
        <pc:spChg chg="mod">
          <ac:chgData name="White, Alex" userId="eff6cc8c-37d8-483b-9c6c-6b27e9afa9bc" providerId="ADAL" clId="{BF04C754-5BF4-4E83-9615-DB14FA25AF8A}" dt="2023-10-12T11:38:20.867" v="298"/>
          <ac:spMkLst>
            <pc:docMk/>
            <pc:sldMk cId="2376958513" sldId="260"/>
            <ac:spMk id="11128" creationId="{AA00FF49-B848-FF0E-F0EA-4DA7BF2579B4}"/>
          </ac:spMkLst>
        </pc:spChg>
        <pc:spChg chg="mod">
          <ac:chgData name="White, Alex" userId="eff6cc8c-37d8-483b-9c6c-6b27e9afa9bc" providerId="ADAL" clId="{BF04C754-5BF4-4E83-9615-DB14FA25AF8A}" dt="2023-10-12T11:38:20.867" v="298"/>
          <ac:spMkLst>
            <pc:docMk/>
            <pc:sldMk cId="2376958513" sldId="260"/>
            <ac:spMk id="11129" creationId="{17979D7E-A7A5-C90B-3E75-191A1F8667D2}"/>
          </ac:spMkLst>
        </pc:spChg>
        <pc:spChg chg="mod">
          <ac:chgData name="White, Alex" userId="eff6cc8c-37d8-483b-9c6c-6b27e9afa9bc" providerId="ADAL" clId="{BF04C754-5BF4-4E83-9615-DB14FA25AF8A}" dt="2023-10-12T11:38:20.867" v="298"/>
          <ac:spMkLst>
            <pc:docMk/>
            <pc:sldMk cId="2376958513" sldId="260"/>
            <ac:spMk id="11130" creationId="{3B723D60-00FF-611E-354E-60F260926686}"/>
          </ac:spMkLst>
        </pc:spChg>
        <pc:spChg chg="mod">
          <ac:chgData name="White, Alex" userId="eff6cc8c-37d8-483b-9c6c-6b27e9afa9bc" providerId="ADAL" clId="{BF04C754-5BF4-4E83-9615-DB14FA25AF8A}" dt="2023-10-12T11:38:20.867" v="298"/>
          <ac:spMkLst>
            <pc:docMk/>
            <pc:sldMk cId="2376958513" sldId="260"/>
            <ac:spMk id="11131" creationId="{D8C26C6A-B37E-9C15-49FF-3A85F7CC6851}"/>
          </ac:spMkLst>
        </pc:spChg>
        <pc:spChg chg="mod">
          <ac:chgData name="White, Alex" userId="eff6cc8c-37d8-483b-9c6c-6b27e9afa9bc" providerId="ADAL" clId="{BF04C754-5BF4-4E83-9615-DB14FA25AF8A}" dt="2023-10-12T11:38:20.867" v="298"/>
          <ac:spMkLst>
            <pc:docMk/>
            <pc:sldMk cId="2376958513" sldId="260"/>
            <ac:spMk id="11132" creationId="{87A0EF6F-8999-D3A2-AC0D-7F3A06913BEC}"/>
          </ac:spMkLst>
        </pc:spChg>
        <pc:spChg chg="mod">
          <ac:chgData name="White, Alex" userId="eff6cc8c-37d8-483b-9c6c-6b27e9afa9bc" providerId="ADAL" clId="{BF04C754-5BF4-4E83-9615-DB14FA25AF8A}" dt="2023-10-12T11:38:20.867" v="298"/>
          <ac:spMkLst>
            <pc:docMk/>
            <pc:sldMk cId="2376958513" sldId="260"/>
            <ac:spMk id="11133" creationId="{A860E580-BBB9-A5C0-9A1C-8E057EDD7A84}"/>
          </ac:spMkLst>
        </pc:spChg>
        <pc:spChg chg="mod">
          <ac:chgData name="White, Alex" userId="eff6cc8c-37d8-483b-9c6c-6b27e9afa9bc" providerId="ADAL" clId="{BF04C754-5BF4-4E83-9615-DB14FA25AF8A}" dt="2023-10-12T11:38:20.867" v="298"/>
          <ac:spMkLst>
            <pc:docMk/>
            <pc:sldMk cId="2376958513" sldId="260"/>
            <ac:spMk id="11134" creationId="{92F1E7DF-5485-9D38-F670-F2B84806C2A7}"/>
          </ac:spMkLst>
        </pc:spChg>
        <pc:spChg chg="mod">
          <ac:chgData name="White, Alex" userId="eff6cc8c-37d8-483b-9c6c-6b27e9afa9bc" providerId="ADAL" clId="{BF04C754-5BF4-4E83-9615-DB14FA25AF8A}" dt="2023-10-12T11:38:20.867" v="298"/>
          <ac:spMkLst>
            <pc:docMk/>
            <pc:sldMk cId="2376958513" sldId="260"/>
            <ac:spMk id="11135" creationId="{4570128C-0B25-4BEC-2113-F39B057BACCF}"/>
          </ac:spMkLst>
        </pc:spChg>
        <pc:spChg chg="mod">
          <ac:chgData name="White, Alex" userId="eff6cc8c-37d8-483b-9c6c-6b27e9afa9bc" providerId="ADAL" clId="{BF04C754-5BF4-4E83-9615-DB14FA25AF8A}" dt="2023-10-12T11:38:20.867" v="298"/>
          <ac:spMkLst>
            <pc:docMk/>
            <pc:sldMk cId="2376958513" sldId="260"/>
            <ac:spMk id="11136" creationId="{E1D05F87-7B87-0371-7047-30BA9ACA404A}"/>
          </ac:spMkLst>
        </pc:spChg>
        <pc:spChg chg="mod">
          <ac:chgData name="White, Alex" userId="eff6cc8c-37d8-483b-9c6c-6b27e9afa9bc" providerId="ADAL" clId="{BF04C754-5BF4-4E83-9615-DB14FA25AF8A}" dt="2023-10-12T11:38:20.867" v="298"/>
          <ac:spMkLst>
            <pc:docMk/>
            <pc:sldMk cId="2376958513" sldId="260"/>
            <ac:spMk id="11137" creationId="{AE958EAE-644A-4DD0-1E0B-630C1B29094E}"/>
          </ac:spMkLst>
        </pc:spChg>
        <pc:spChg chg="mod">
          <ac:chgData name="White, Alex" userId="eff6cc8c-37d8-483b-9c6c-6b27e9afa9bc" providerId="ADAL" clId="{BF04C754-5BF4-4E83-9615-DB14FA25AF8A}" dt="2023-10-12T11:38:20.867" v="298"/>
          <ac:spMkLst>
            <pc:docMk/>
            <pc:sldMk cId="2376958513" sldId="260"/>
            <ac:spMk id="11138" creationId="{5594993A-9321-161F-D16D-4E34D2A85525}"/>
          </ac:spMkLst>
        </pc:spChg>
        <pc:spChg chg="mod">
          <ac:chgData name="White, Alex" userId="eff6cc8c-37d8-483b-9c6c-6b27e9afa9bc" providerId="ADAL" clId="{BF04C754-5BF4-4E83-9615-DB14FA25AF8A}" dt="2023-10-12T11:38:20.867" v="298"/>
          <ac:spMkLst>
            <pc:docMk/>
            <pc:sldMk cId="2376958513" sldId="260"/>
            <ac:spMk id="11139" creationId="{C7345A84-1B40-3C58-9279-9D789AC027E2}"/>
          </ac:spMkLst>
        </pc:spChg>
        <pc:spChg chg="mod">
          <ac:chgData name="White, Alex" userId="eff6cc8c-37d8-483b-9c6c-6b27e9afa9bc" providerId="ADAL" clId="{BF04C754-5BF4-4E83-9615-DB14FA25AF8A}" dt="2023-10-12T11:38:20.867" v="298"/>
          <ac:spMkLst>
            <pc:docMk/>
            <pc:sldMk cId="2376958513" sldId="260"/>
            <ac:spMk id="11140" creationId="{F490913E-D758-662F-3246-1D704C0CFAD3}"/>
          </ac:spMkLst>
        </pc:spChg>
        <pc:spChg chg="mod">
          <ac:chgData name="White, Alex" userId="eff6cc8c-37d8-483b-9c6c-6b27e9afa9bc" providerId="ADAL" clId="{BF04C754-5BF4-4E83-9615-DB14FA25AF8A}" dt="2023-10-12T11:38:20.867" v="298"/>
          <ac:spMkLst>
            <pc:docMk/>
            <pc:sldMk cId="2376958513" sldId="260"/>
            <ac:spMk id="11141" creationId="{7E011B35-527D-0247-25A5-4537D047E8F0}"/>
          </ac:spMkLst>
        </pc:spChg>
        <pc:spChg chg="mod">
          <ac:chgData name="White, Alex" userId="eff6cc8c-37d8-483b-9c6c-6b27e9afa9bc" providerId="ADAL" clId="{BF04C754-5BF4-4E83-9615-DB14FA25AF8A}" dt="2023-10-12T11:38:20.867" v="298"/>
          <ac:spMkLst>
            <pc:docMk/>
            <pc:sldMk cId="2376958513" sldId="260"/>
            <ac:spMk id="11142" creationId="{95B75DD6-4CBA-0682-7501-19E2E1072EE3}"/>
          </ac:spMkLst>
        </pc:spChg>
        <pc:spChg chg="mod">
          <ac:chgData name="White, Alex" userId="eff6cc8c-37d8-483b-9c6c-6b27e9afa9bc" providerId="ADAL" clId="{BF04C754-5BF4-4E83-9615-DB14FA25AF8A}" dt="2023-10-12T11:38:20.867" v="298"/>
          <ac:spMkLst>
            <pc:docMk/>
            <pc:sldMk cId="2376958513" sldId="260"/>
            <ac:spMk id="11143" creationId="{A17596B5-484E-981D-C675-CD6E4AEEBE07}"/>
          </ac:spMkLst>
        </pc:spChg>
        <pc:spChg chg="mod">
          <ac:chgData name="White, Alex" userId="eff6cc8c-37d8-483b-9c6c-6b27e9afa9bc" providerId="ADAL" clId="{BF04C754-5BF4-4E83-9615-DB14FA25AF8A}" dt="2023-10-12T11:38:20.867" v="298"/>
          <ac:spMkLst>
            <pc:docMk/>
            <pc:sldMk cId="2376958513" sldId="260"/>
            <ac:spMk id="11144" creationId="{BA0BFB47-DCAE-F284-BF43-89EFA3894BBA}"/>
          </ac:spMkLst>
        </pc:spChg>
        <pc:spChg chg="mod">
          <ac:chgData name="White, Alex" userId="eff6cc8c-37d8-483b-9c6c-6b27e9afa9bc" providerId="ADAL" clId="{BF04C754-5BF4-4E83-9615-DB14FA25AF8A}" dt="2023-10-12T11:38:20.867" v="298"/>
          <ac:spMkLst>
            <pc:docMk/>
            <pc:sldMk cId="2376958513" sldId="260"/>
            <ac:spMk id="11145" creationId="{DD7C61E9-9749-FD86-D663-5831008A3EC5}"/>
          </ac:spMkLst>
        </pc:spChg>
        <pc:spChg chg="mod">
          <ac:chgData name="White, Alex" userId="eff6cc8c-37d8-483b-9c6c-6b27e9afa9bc" providerId="ADAL" clId="{BF04C754-5BF4-4E83-9615-DB14FA25AF8A}" dt="2023-10-12T11:38:20.867" v="298"/>
          <ac:spMkLst>
            <pc:docMk/>
            <pc:sldMk cId="2376958513" sldId="260"/>
            <ac:spMk id="11146" creationId="{AD1CE7C0-7B1B-70BE-4FED-E6DBA97E66AA}"/>
          </ac:spMkLst>
        </pc:spChg>
        <pc:spChg chg="mod">
          <ac:chgData name="White, Alex" userId="eff6cc8c-37d8-483b-9c6c-6b27e9afa9bc" providerId="ADAL" clId="{BF04C754-5BF4-4E83-9615-DB14FA25AF8A}" dt="2023-10-12T11:38:20.867" v="298"/>
          <ac:spMkLst>
            <pc:docMk/>
            <pc:sldMk cId="2376958513" sldId="260"/>
            <ac:spMk id="11147" creationId="{38C84838-47A5-58AB-F350-2AD70FE443E7}"/>
          </ac:spMkLst>
        </pc:spChg>
        <pc:spChg chg="mod">
          <ac:chgData name="White, Alex" userId="eff6cc8c-37d8-483b-9c6c-6b27e9afa9bc" providerId="ADAL" clId="{BF04C754-5BF4-4E83-9615-DB14FA25AF8A}" dt="2023-10-12T11:38:20.867" v="298"/>
          <ac:spMkLst>
            <pc:docMk/>
            <pc:sldMk cId="2376958513" sldId="260"/>
            <ac:spMk id="11148" creationId="{0ABF13AA-D11A-F856-9C61-079260CECA44}"/>
          </ac:spMkLst>
        </pc:spChg>
        <pc:spChg chg="mod">
          <ac:chgData name="White, Alex" userId="eff6cc8c-37d8-483b-9c6c-6b27e9afa9bc" providerId="ADAL" clId="{BF04C754-5BF4-4E83-9615-DB14FA25AF8A}" dt="2023-10-12T11:38:20.867" v="298"/>
          <ac:spMkLst>
            <pc:docMk/>
            <pc:sldMk cId="2376958513" sldId="260"/>
            <ac:spMk id="11149" creationId="{185726BC-113B-024F-5B1D-C29C077F47A5}"/>
          </ac:spMkLst>
        </pc:spChg>
        <pc:spChg chg="mod">
          <ac:chgData name="White, Alex" userId="eff6cc8c-37d8-483b-9c6c-6b27e9afa9bc" providerId="ADAL" clId="{BF04C754-5BF4-4E83-9615-DB14FA25AF8A}" dt="2023-10-12T11:38:20.867" v="298"/>
          <ac:spMkLst>
            <pc:docMk/>
            <pc:sldMk cId="2376958513" sldId="260"/>
            <ac:spMk id="11150" creationId="{35485C33-E229-33E8-3331-D48AF5B60645}"/>
          </ac:spMkLst>
        </pc:spChg>
        <pc:spChg chg="mod">
          <ac:chgData name="White, Alex" userId="eff6cc8c-37d8-483b-9c6c-6b27e9afa9bc" providerId="ADAL" clId="{BF04C754-5BF4-4E83-9615-DB14FA25AF8A}" dt="2023-10-12T11:38:20.867" v="298"/>
          <ac:spMkLst>
            <pc:docMk/>
            <pc:sldMk cId="2376958513" sldId="260"/>
            <ac:spMk id="11151" creationId="{5657885E-CD04-DBB5-2988-B8996DC98164}"/>
          </ac:spMkLst>
        </pc:spChg>
        <pc:spChg chg="mod">
          <ac:chgData name="White, Alex" userId="eff6cc8c-37d8-483b-9c6c-6b27e9afa9bc" providerId="ADAL" clId="{BF04C754-5BF4-4E83-9615-DB14FA25AF8A}" dt="2023-10-12T11:38:20.867" v="298"/>
          <ac:spMkLst>
            <pc:docMk/>
            <pc:sldMk cId="2376958513" sldId="260"/>
            <ac:spMk id="11152" creationId="{F0DEA730-15D8-B7B6-86AC-ACB5273941AF}"/>
          </ac:spMkLst>
        </pc:spChg>
        <pc:spChg chg="mod">
          <ac:chgData name="White, Alex" userId="eff6cc8c-37d8-483b-9c6c-6b27e9afa9bc" providerId="ADAL" clId="{BF04C754-5BF4-4E83-9615-DB14FA25AF8A}" dt="2023-10-12T11:38:20.867" v="298"/>
          <ac:spMkLst>
            <pc:docMk/>
            <pc:sldMk cId="2376958513" sldId="260"/>
            <ac:spMk id="11153" creationId="{66BBEE1C-E016-20E1-74AB-02256224C2B6}"/>
          </ac:spMkLst>
        </pc:spChg>
        <pc:spChg chg="mod">
          <ac:chgData name="White, Alex" userId="eff6cc8c-37d8-483b-9c6c-6b27e9afa9bc" providerId="ADAL" clId="{BF04C754-5BF4-4E83-9615-DB14FA25AF8A}" dt="2023-10-12T11:38:20.867" v="298"/>
          <ac:spMkLst>
            <pc:docMk/>
            <pc:sldMk cId="2376958513" sldId="260"/>
            <ac:spMk id="11154" creationId="{6FD10B4F-5C0B-7FE0-61DA-06E2BF8AB443}"/>
          </ac:spMkLst>
        </pc:spChg>
        <pc:spChg chg="mod">
          <ac:chgData name="White, Alex" userId="eff6cc8c-37d8-483b-9c6c-6b27e9afa9bc" providerId="ADAL" clId="{BF04C754-5BF4-4E83-9615-DB14FA25AF8A}" dt="2023-10-12T11:38:20.867" v="298"/>
          <ac:spMkLst>
            <pc:docMk/>
            <pc:sldMk cId="2376958513" sldId="260"/>
            <ac:spMk id="11155" creationId="{57994919-3139-CE38-F41C-FCCC2479F612}"/>
          </ac:spMkLst>
        </pc:spChg>
        <pc:spChg chg="mod">
          <ac:chgData name="White, Alex" userId="eff6cc8c-37d8-483b-9c6c-6b27e9afa9bc" providerId="ADAL" clId="{BF04C754-5BF4-4E83-9615-DB14FA25AF8A}" dt="2023-10-12T11:38:20.867" v="298"/>
          <ac:spMkLst>
            <pc:docMk/>
            <pc:sldMk cId="2376958513" sldId="260"/>
            <ac:spMk id="11156" creationId="{6032ECA1-C2C1-38E0-D95A-F7C1A18864CC}"/>
          </ac:spMkLst>
        </pc:spChg>
        <pc:spChg chg="mod">
          <ac:chgData name="White, Alex" userId="eff6cc8c-37d8-483b-9c6c-6b27e9afa9bc" providerId="ADAL" clId="{BF04C754-5BF4-4E83-9615-DB14FA25AF8A}" dt="2023-10-12T11:38:20.867" v="298"/>
          <ac:spMkLst>
            <pc:docMk/>
            <pc:sldMk cId="2376958513" sldId="260"/>
            <ac:spMk id="11157" creationId="{5FD55E85-72F7-94A5-2E18-B2A500B2474A}"/>
          </ac:spMkLst>
        </pc:spChg>
        <pc:spChg chg="mod">
          <ac:chgData name="White, Alex" userId="eff6cc8c-37d8-483b-9c6c-6b27e9afa9bc" providerId="ADAL" clId="{BF04C754-5BF4-4E83-9615-DB14FA25AF8A}" dt="2023-10-12T11:38:20.867" v="298"/>
          <ac:spMkLst>
            <pc:docMk/>
            <pc:sldMk cId="2376958513" sldId="260"/>
            <ac:spMk id="11158" creationId="{2E6203D0-478D-5AC6-6F53-2F91F7DCA66F}"/>
          </ac:spMkLst>
        </pc:spChg>
        <pc:spChg chg="mod">
          <ac:chgData name="White, Alex" userId="eff6cc8c-37d8-483b-9c6c-6b27e9afa9bc" providerId="ADAL" clId="{BF04C754-5BF4-4E83-9615-DB14FA25AF8A}" dt="2023-10-12T11:38:20.867" v="298"/>
          <ac:spMkLst>
            <pc:docMk/>
            <pc:sldMk cId="2376958513" sldId="260"/>
            <ac:spMk id="11159" creationId="{A590E7E0-01F1-BC60-A991-B165A37D00DE}"/>
          </ac:spMkLst>
        </pc:spChg>
        <pc:spChg chg="mod">
          <ac:chgData name="White, Alex" userId="eff6cc8c-37d8-483b-9c6c-6b27e9afa9bc" providerId="ADAL" clId="{BF04C754-5BF4-4E83-9615-DB14FA25AF8A}" dt="2023-10-12T11:38:20.867" v="298"/>
          <ac:spMkLst>
            <pc:docMk/>
            <pc:sldMk cId="2376958513" sldId="260"/>
            <ac:spMk id="11160" creationId="{4A829F00-E026-751E-4D82-3C535895BFAD}"/>
          </ac:spMkLst>
        </pc:spChg>
        <pc:spChg chg="mod">
          <ac:chgData name="White, Alex" userId="eff6cc8c-37d8-483b-9c6c-6b27e9afa9bc" providerId="ADAL" clId="{BF04C754-5BF4-4E83-9615-DB14FA25AF8A}" dt="2023-10-12T11:38:20.867" v="298"/>
          <ac:spMkLst>
            <pc:docMk/>
            <pc:sldMk cId="2376958513" sldId="260"/>
            <ac:spMk id="11161" creationId="{75F953BF-B387-81C5-E6B7-0080BDAA1015}"/>
          </ac:spMkLst>
        </pc:spChg>
        <pc:spChg chg="mod">
          <ac:chgData name="White, Alex" userId="eff6cc8c-37d8-483b-9c6c-6b27e9afa9bc" providerId="ADAL" clId="{BF04C754-5BF4-4E83-9615-DB14FA25AF8A}" dt="2023-10-12T11:38:20.867" v="298"/>
          <ac:spMkLst>
            <pc:docMk/>
            <pc:sldMk cId="2376958513" sldId="260"/>
            <ac:spMk id="11162" creationId="{97889D29-C940-7DC9-9DB1-6C0BE8C445E1}"/>
          </ac:spMkLst>
        </pc:spChg>
        <pc:spChg chg="mod">
          <ac:chgData name="White, Alex" userId="eff6cc8c-37d8-483b-9c6c-6b27e9afa9bc" providerId="ADAL" clId="{BF04C754-5BF4-4E83-9615-DB14FA25AF8A}" dt="2023-10-12T11:38:20.867" v="298"/>
          <ac:spMkLst>
            <pc:docMk/>
            <pc:sldMk cId="2376958513" sldId="260"/>
            <ac:spMk id="11163" creationId="{9389BA86-3085-BF2F-8A01-5D7F99AEC771}"/>
          </ac:spMkLst>
        </pc:spChg>
        <pc:spChg chg="mod">
          <ac:chgData name="White, Alex" userId="eff6cc8c-37d8-483b-9c6c-6b27e9afa9bc" providerId="ADAL" clId="{BF04C754-5BF4-4E83-9615-DB14FA25AF8A}" dt="2023-10-12T11:38:20.867" v="298"/>
          <ac:spMkLst>
            <pc:docMk/>
            <pc:sldMk cId="2376958513" sldId="260"/>
            <ac:spMk id="11164" creationId="{E8857738-A238-4982-806D-03B0B2FA442F}"/>
          </ac:spMkLst>
        </pc:spChg>
        <pc:spChg chg="mod">
          <ac:chgData name="White, Alex" userId="eff6cc8c-37d8-483b-9c6c-6b27e9afa9bc" providerId="ADAL" clId="{BF04C754-5BF4-4E83-9615-DB14FA25AF8A}" dt="2023-10-12T11:38:20.867" v="298"/>
          <ac:spMkLst>
            <pc:docMk/>
            <pc:sldMk cId="2376958513" sldId="260"/>
            <ac:spMk id="11165" creationId="{847709F6-9D62-E67A-CCE4-AFB0A8E033EE}"/>
          </ac:spMkLst>
        </pc:spChg>
        <pc:spChg chg="mod">
          <ac:chgData name="White, Alex" userId="eff6cc8c-37d8-483b-9c6c-6b27e9afa9bc" providerId="ADAL" clId="{BF04C754-5BF4-4E83-9615-DB14FA25AF8A}" dt="2023-10-12T11:38:20.867" v="298"/>
          <ac:spMkLst>
            <pc:docMk/>
            <pc:sldMk cId="2376958513" sldId="260"/>
            <ac:spMk id="11166" creationId="{A9B01B8C-D3BD-0F7E-CE0A-37E3DE709A06}"/>
          </ac:spMkLst>
        </pc:spChg>
        <pc:spChg chg="mod">
          <ac:chgData name="White, Alex" userId="eff6cc8c-37d8-483b-9c6c-6b27e9afa9bc" providerId="ADAL" clId="{BF04C754-5BF4-4E83-9615-DB14FA25AF8A}" dt="2023-10-12T11:38:20.867" v="298"/>
          <ac:spMkLst>
            <pc:docMk/>
            <pc:sldMk cId="2376958513" sldId="260"/>
            <ac:spMk id="11167" creationId="{018F6E0E-6705-70E4-125C-02D3286AFC63}"/>
          </ac:spMkLst>
        </pc:spChg>
        <pc:spChg chg="mod">
          <ac:chgData name="White, Alex" userId="eff6cc8c-37d8-483b-9c6c-6b27e9afa9bc" providerId="ADAL" clId="{BF04C754-5BF4-4E83-9615-DB14FA25AF8A}" dt="2023-10-12T11:38:20.867" v="298"/>
          <ac:spMkLst>
            <pc:docMk/>
            <pc:sldMk cId="2376958513" sldId="260"/>
            <ac:spMk id="11168" creationId="{A0721571-8432-48B6-99A5-F2D57CD421EB}"/>
          </ac:spMkLst>
        </pc:spChg>
        <pc:spChg chg="mod">
          <ac:chgData name="White, Alex" userId="eff6cc8c-37d8-483b-9c6c-6b27e9afa9bc" providerId="ADAL" clId="{BF04C754-5BF4-4E83-9615-DB14FA25AF8A}" dt="2023-10-12T11:38:20.867" v="298"/>
          <ac:spMkLst>
            <pc:docMk/>
            <pc:sldMk cId="2376958513" sldId="260"/>
            <ac:spMk id="11169" creationId="{43D25788-8BB5-9FDF-E5D7-E56BAA74CD60}"/>
          </ac:spMkLst>
        </pc:spChg>
        <pc:spChg chg="mod">
          <ac:chgData name="White, Alex" userId="eff6cc8c-37d8-483b-9c6c-6b27e9afa9bc" providerId="ADAL" clId="{BF04C754-5BF4-4E83-9615-DB14FA25AF8A}" dt="2023-10-12T11:38:20.867" v="298"/>
          <ac:spMkLst>
            <pc:docMk/>
            <pc:sldMk cId="2376958513" sldId="260"/>
            <ac:spMk id="11170" creationId="{5B60EA7D-F6ED-E5F5-E7D6-996C37543D51}"/>
          </ac:spMkLst>
        </pc:spChg>
        <pc:spChg chg="mod">
          <ac:chgData name="White, Alex" userId="eff6cc8c-37d8-483b-9c6c-6b27e9afa9bc" providerId="ADAL" clId="{BF04C754-5BF4-4E83-9615-DB14FA25AF8A}" dt="2023-10-12T11:38:20.867" v="298"/>
          <ac:spMkLst>
            <pc:docMk/>
            <pc:sldMk cId="2376958513" sldId="260"/>
            <ac:spMk id="11171" creationId="{5B6C4631-80F7-DB69-C8EB-38D1CA9BF830}"/>
          </ac:spMkLst>
        </pc:spChg>
        <pc:spChg chg="mod">
          <ac:chgData name="White, Alex" userId="eff6cc8c-37d8-483b-9c6c-6b27e9afa9bc" providerId="ADAL" clId="{BF04C754-5BF4-4E83-9615-DB14FA25AF8A}" dt="2023-10-12T11:38:20.867" v="298"/>
          <ac:spMkLst>
            <pc:docMk/>
            <pc:sldMk cId="2376958513" sldId="260"/>
            <ac:spMk id="11172" creationId="{7EF1B2DE-1146-F797-7824-19E97E4325EA}"/>
          </ac:spMkLst>
        </pc:spChg>
        <pc:spChg chg="mod">
          <ac:chgData name="White, Alex" userId="eff6cc8c-37d8-483b-9c6c-6b27e9afa9bc" providerId="ADAL" clId="{BF04C754-5BF4-4E83-9615-DB14FA25AF8A}" dt="2023-10-12T11:38:20.867" v="298"/>
          <ac:spMkLst>
            <pc:docMk/>
            <pc:sldMk cId="2376958513" sldId="260"/>
            <ac:spMk id="11173" creationId="{EC777179-C49B-C3A0-E2D4-56916C39631C}"/>
          </ac:spMkLst>
        </pc:spChg>
        <pc:spChg chg="mod">
          <ac:chgData name="White, Alex" userId="eff6cc8c-37d8-483b-9c6c-6b27e9afa9bc" providerId="ADAL" clId="{BF04C754-5BF4-4E83-9615-DB14FA25AF8A}" dt="2023-10-12T11:38:20.867" v="298"/>
          <ac:spMkLst>
            <pc:docMk/>
            <pc:sldMk cId="2376958513" sldId="260"/>
            <ac:spMk id="11174" creationId="{A068FC2D-7AFC-763A-BB38-1C1CD847280C}"/>
          </ac:spMkLst>
        </pc:spChg>
        <pc:spChg chg="mod">
          <ac:chgData name="White, Alex" userId="eff6cc8c-37d8-483b-9c6c-6b27e9afa9bc" providerId="ADAL" clId="{BF04C754-5BF4-4E83-9615-DB14FA25AF8A}" dt="2023-10-12T11:38:20.867" v="298"/>
          <ac:spMkLst>
            <pc:docMk/>
            <pc:sldMk cId="2376958513" sldId="260"/>
            <ac:spMk id="11175" creationId="{D92AB6E3-4294-8705-961B-5543ABB591CD}"/>
          </ac:spMkLst>
        </pc:spChg>
        <pc:spChg chg="mod">
          <ac:chgData name="White, Alex" userId="eff6cc8c-37d8-483b-9c6c-6b27e9afa9bc" providerId="ADAL" clId="{BF04C754-5BF4-4E83-9615-DB14FA25AF8A}" dt="2023-10-12T11:38:20.867" v="298"/>
          <ac:spMkLst>
            <pc:docMk/>
            <pc:sldMk cId="2376958513" sldId="260"/>
            <ac:spMk id="11176" creationId="{E17E0212-264C-BE76-1B9D-8398F8EBE3B3}"/>
          </ac:spMkLst>
        </pc:spChg>
        <pc:spChg chg="mod">
          <ac:chgData name="White, Alex" userId="eff6cc8c-37d8-483b-9c6c-6b27e9afa9bc" providerId="ADAL" clId="{BF04C754-5BF4-4E83-9615-DB14FA25AF8A}" dt="2023-10-12T11:38:20.867" v="298"/>
          <ac:spMkLst>
            <pc:docMk/>
            <pc:sldMk cId="2376958513" sldId="260"/>
            <ac:spMk id="11177" creationId="{3B234019-BCAE-7314-9E91-B38AAA94E006}"/>
          </ac:spMkLst>
        </pc:spChg>
        <pc:spChg chg="mod">
          <ac:chgData name="White, Alex" userId="eff6cc8c-37d8-483b-9c6c-6b27e9afa9bc" providerId="ADAL" clId="{BF04C754-5BF4-4E83-9615-DB14FA25AF8A}" dt="2023-10-12T11:38:20.867" v="298"/>
          <ac:spMkLst>
            <pc:docMk/>
            <pc:sldMk cId="2376958513" sldId="260"/>
            <ac:spMk id="11178" creationId="{DEFADA79-6375-D0BA-8F81-398B81A82F06}"/>
          </ac:spMkLst>
        </pc:spChg>
        <pc:spChg chg="mod">
          <ac:chgData name="White, Alex" userId="eff6cc8c-37d8-483b-9c6c-6b27e9afa9bc" providerId="ADAL" clId="{BF04C754-5BF4-4E83-9615-DB14FA25AF8A}" dt="2023-10-12T11:38:20.867" v="298"/>
          <ac:spMkLst>
            <pc:docMk/>
            <pc:sldMk cId="2376958513" sldId="260"/>
            <ac:spMk id="11179" creationId="{D4F6B591-F755-1181-0E03-E89884746277}"/>
          </ac:spMkLst>
        </pc:spChg>
        <pc:spChg chg="mod">
          <ac:chgData name="White, Alex" userId="eff6cc8c-37d8-483b-9c6c-6b27e9afa9bc" providerId="ADAL" clId="{BF04C754-5BF4-4E83-9615-DB14FA25AF8A}" dt="2023-10-12T11:38:20.867" v="298"/>
          <ac:spMkLst>
            <pc:docMk/>
            <pc:sldMk cId="2376958513" sldId="260"/>
            <ac:spMk id="11180" creationId="{9FF1F012-B900-B4AC-997A-0018BEF66029}"/>
          </ac:spMkLst>
        </pc:spChg>
        <pc:spChg chg="mod">
          <ac:chgData name="White, Alex" userId="eff6cc8c-37d8-483b-9c6c-6b27e9afa9bc" providerId="ADAL" clId="{BF04C754-5BF4-4E83-9615-DB14FA25AF8A}" dt="2023-10-12T11:38:20.867" v="298"/>
          <ac:spMkLst>
            <pc:docMk/>
            <pc:sldMk cId="2376958513" sldId="260"/>
            <ac:spMk id="11181" creationId="{0014E59A-26B9-42C0-C7B7-62CB3F41C0C8}"/>
          </ac:spMkLst>
        </pc:spChg>
        <pc:spChg chg="mod">
          <ac:chgData name="White, Alex" userId="eff6cc8c-37d8-483b-9c6c-6b27e9afa9bc" providerId="ADAL" clId="{BF04C754-5BF4-4E83-9615-DB14FA25AF8A}" dt="2023-10-12T11:38:20.867" v="298"/>
          <ac:spMkLst>
            <pc:docMk/>
            <pc:sldMk cId="2376958513" sldId="260"/>
            <ac:spMk id="11182" creationId="{59496CCF-2D2E-677C-3C35-A8B06CEDE736}"/>
          </ac:spMkLst>
        </pc:spChg>
        <pc:spChg chg="mod">
          <ac:chgData name="White, Alex" userId="eff6cc8c-37d8-483b-9c6c-6b27e9afa9bc" providerId="ADAL" clId="{BF04C754-5BF4-4E83-9615-DB14FA25AF8A}" dt="2023-10-12T11:38:20.867" v="298"/>
          <ac:spMkLst>
            <pc:docMk/>
            <pc:sldMk cId="2376958513" sldId="260"/>
            <ac:spMk id="11183" creationId="{0BF39C34-9EE7-8324-428A-BCF468D6FE18}"/>
          </ac:spMkLst>
        </pc:spChg>
        <pc:spChg chg="mod">
          <ac:chgData name="White, Alex" userId="eff6cc8c-37d8-483b-9c6c-6b27e9afa9bc" providerId="ADAL" clId="{BF04C754-5BF4-4E83-9615-DB14FA25AF8A}" dt="2023-10-12T11:38:20.867" v="298"/>
          <ac:spMkLst>
            <pc:docMk/>
            <pc:sldMk cId="2376958513" sldId="260"/>
            <ac:spMk id="11184" creationId="{6455397E-549F-FF91-1304-44DD50010A85}"/>
          </ac:spMkLst>
        </pc:spChg>
        <pc:spChg chg="mod">
          <ac:chgData name="White, Alex" userId="eff6cc8c-37d8-483b-9c6c-6b27e9afa9bc" providerId="ADAL" clId="{BF04C754-5BF4-4E83-9615-DB14FA25AF8A}" dt="2023-10-12T11:38:20.867" v="298"/>
          <ac:spMkLst>
            <pc:docMk/>
            <pc:sldMk cId="2376958513" sldId="260"/>
            <ac:spMk id="11185" creationId="{B818EB36-FADA-DAA4-E6F6-AFCDFBA740CE}"/>
          </ac:spMkLst>
        </pc:spChg>
        <pc:spChg chg="mod">
          <ac:chgData name="White, Alex" userId="eff6cc8c-37d8-483b-9c6c-6b27e9afa9bc" providerId="ADAL" clId="{BF04C754-5BF4-4E83-9615-DB14FA25AF8A}" dt="2023-10-12T11:38:20.867" v="298"/>
          <ac:spMkLst>
            <pc:docMk/>
            <pc:sldMk cId="2376958513" sldId="260"/>
            <ac:spMk id="11186" creationId="{46E6A4FF-12CF-EB2C-598B-B2DEF245C0B2}"/>
          </ac:spMkLst>
        </pc:spChg>
        <pc:spChg chg="mod">
          <ac:chgData name="White, Alex" userId="eff6cc8c-37d8-483b-9c6c-6b27e9afa9bc" providerId="ADAL" clId="{BF04C754-5BF4-4E83-9615-DB14FA25AF8A}" dt="2023-10-12T11:38:20.867" v="298"/>
          <ac:spMkLst>
            <pc:docMk/>
            <pc:sldMk cId="2376958513" sldId="260"/>
            <ac:spMk id="11187" creationId="{207CE7B9-F701-B4C0-82CF-EFC1A87B9E3C}"/>
          </ac:spMkLst>
        </pc:spChg>
        <pc:spChg chg="mod">
          <ac:chgData name="White, Alex" userId="eff6cc8c-37d8-483b-9c6c-6b27e9afa9bc" providerId="ADAL" clId="{BF04C754-5BF4-4E83-9615-DB14FA25AF8A}" dt="2023-10-12T11:38:20.867" v="298"/>
          <ac:spMkLst>
            <pc:docMk/>
            <pc:sldMk cId="2376958513" sldId="260"/>
            <ac:spMk id="11188" creationId="{9A276991-5651-E2CF-2D6E-9F1AC91CEB11}"/>
          </ac:spMkLst>
        </pc:spChg>
        <pc:spChg chg="mod">
          <ac:chgData name="White, Alex" userId="eff6cc8c-37d8-483b-9c6c-6b27e9afa9bc" providerId="ADAL" clId="{BF04C754-5BF4-4E83-9615-DB14FA25AF8A}" dt="2023-10-12T11:38:20.867" v="298"/>
          <ac:spMkLst>
            <pc:docMk/>
            <pc:sldMk cId="2376958513" sldId="260"/>
            <ac:spMk id="11189" creationId="{0EBD6807-70BD-08BA-B297-03819C2160E9}"/>
          </ac:spMkLst>
        </pc:spChg>
        <pc:spChg chg="mod">
          <ac:chgData name="White, Alex" userId="eff6cc8c-37d8-483b-9c6c-6b27e9afa9bc" providerId="ADAL" clId="{BF04C754-5BF4-4E83-9615-DB14FA25AF8A}" dt="2023-10-12T11:38:20.867" v="298"/>
          <ac:spMkLst>
            <pc:docMk/>
            <pc:sldMk cId="2376958513" sldId="260"/>
            <ac:spMk id="11190" creationId="{3B099265-24E2-BBE3-9463-4E5858098887}"/>
          </ac:spMkLst>
        </pc:spChg>
        <pc:spChg chg="mod">
          <ac:chgData name="White, Alex" userId="eff6cc8c-37d8-483b-9c6c-6b27e9afa9bc" providerId="ADAL" clId="{BF04C754-5BF4-4E83-9615-DB14FA25AF8A}" dt="2023-10-12T11:38:20.867" v="298"/>
          <ac:spMkLst>
            <pc:docMk/>
            <pc:sldMk cId="2376958513" sldId="260"/>
            <ac:spMk id="11191" creationId="{34DC6765-4696-2DA1-4E80-BC6BCEB21476}"/>
          </ac:spMkLst>
        </pc:spChg>
        <pc:spChg chg="mod">
          <ac:chgData name="White, Alex" userId="eff6cc8c-37d8-483b-9c6c-6b27e9afa9bc" providerId="ADAL" clId="{BF04C754-5BF4-4E83-9615-DB14FA25AF8A}" dt="2023-10-12T11:38:20.867" v="298"/>
          <ac:spMkLst>
            <pc:docMk/>
            <pc:sldMk cId="2376958513" sldId="260"/>
            <ac:spMk id="11192" creationId="{08EDC4C2-9B5E-2E4A-4495-F8725EF2C9CD}"/>
          </ac:spMkLst>
        </pc:spChg>
        <pc:spChg chg="mod">
          <ac:chgData name="White, Alex" userId="eff6cc8c-37d8-483b-9c6c-6b27e9afa9bc" providerId="ADAL" clId="{BF04C754-5BF4-4E83-9615-DB14FA25AF8A}" dt="2023-10-12T11:38:20.867" v="298"/>
          <ac:spMkLst>
            <pc:docMk/>
            <pc:sldMk cId="2376958513" sldId="260"/>
            <ac:spMk id="11193" creationId="{9693D994-C526-A0ED-21E1-8B31FAB86AEB}"/>
          </ac:spMkLst>
        </pc:spChg>
        <pc:spChg chg="mod">
          <ac:chgData name="White, Alex" userId="eff6cc8c-37d8-483b-9c6c-6b27e9afa9bc" providerId="ADAL" clId="{BF04C754-5BF4-4E83-9615-DB14FA25AF8A}" dt="2023-10-12T11:38:20.867" v="298"/>
          <ac:spMkLst>
            <pc:docMk/>
            <pc:sldMk cId="2376958513" sldId="260"/>
            <ac:spMk id="11194" creationId="{E7E65129-D42E-E9A1-1A7F-3E08F5BF28A3}"/>
          </ac:spMkLst>
        </pc:spChg>
        <pc:spChg chg="mod">
          <ac:chgData name="White, Alex" userId="eff6cc8c-37d8-483b-9c6c-6b27e9afa9bc" providerId="ADAL" clId="{BF04C754-5BF4-4E83-9615-DB14FA25AF8A}" dt="2023-10-12T11:38:20.867" v="298"/>
          <ac:spMkLst>
            <pc:docMk/>
            <pc:sldMk cId="2376958513" sldId="260"/>
            <ac:spMk id="11195" creationId="{31E7E4F2-4F4E-7720-653C-F5FBDB71C774}"/>
          </ac:spMkLst>
        </pc:spChg>
        <pc:spChg chg="mod">
          <ac:chgData name="White, Alex" userId="eff6cc8c-37d8-483b-9c6c-6b27e9afa9bc" providerId="ADAL" clId="{BF04C754-5BF4-4E83-9615-DB14FA25AF8A}" dt="2023-10-12T11:38:20.867" v="298"/>
          <ac:spMkLst>
            <pc:docMk/>
            <pc:sldMk cId="2376958513" sldId="260"/>
            <ac:spMk id="11196" creationId="{C6521AAE-CCCE-91D8-7BEC-054D23FEFAA7}"/>
          </ac:spMkLst>
        </pc:spChg>
        <pc:spChg chg="mod">
          <ac:chgData name="White, Alex" userId="eff6cc8c-37d8-483b-9c6c-6b27e9afa9bc" providerId="ADAL" clId="{BF04C754-5BF4-4E83-9615-DB14FA25AF8A}" dt="2023-10-12T11:38:20.867" v="298"/>
          <ac:spMkLst>
            <pc:docMk/>
            <pc:sldMk cId="2376958513" sldId="260"/>
            <ac:spMk id="11197" creationId="{7483E014-CF02-F50F-E568-66EAAE80F356}"/>
          </ac:spMkLst>
        </pc:spChg>
        <pc:spChg chg="mod">
          <ac:chgData name="White, Alex" userId="eff6cc8c-37d8-483b-9c6c-6b27e9afa9bc" providerId="ADAL" clId="{BF04C754-5BF4-4E83-9615-DB14FA25AF8A}" dt="2023-10-12T11:38:20.867" v="298"/>
          <ac:spMkLst>
            <pc:docMk/>
            <pc:sldMk cId="2376958513" sldId="260"/>
            <ac:spMk id="11198" creationId="{BE639D0C-E83C-8838-B968-847014FFE389}"/>
          </ac:spMkLst>
        </pc:spChg>
        <pc:spChg chg="mod">
          <ac:chgData name="White, Alex" userId="eff6cc8c-37d8-483b-9c6c-6b27e9afa9bc" providerId="ADAL" clId="{BF04C754-5BF4-4E83-9615-DB14FA25AF8A}" dt="2023-10-12T11:38:20.867" v="298"/>
          <ac:spMkLst>
            <pc:docMk/>
            <pc:sldMk cId="2376958513" sldId="260"/>
            <ac:spMk id="11199" creationId="{E54B5663-0133-B5E4-C724-350C9826CAAA}"/>
          </ac:spMkLst>
        </pc:spChg>
        <pc:spChg chg="mod">
          <ac:chgData name="White, Alex" userId="eff6cc8c-37d8-483b-9c6c-6b27e9afa9bc" providerId="ADAL" clId="{BF04C754-5BF4-4E83-9615-DB14FA25AF8A}" dt="2023-10-12T11:38:20.867" v="298"/>
          <ac:spMkLst>
            <pc:docMk/>
            <pc:sldMk cId="2376958513" sldId="260"/>
            <ac:spMk id="11200" creationId="{DC6A00BA-008E-EEA9-D54A-81F97F3FDEA6}"/>
          </ac:spMkLst>
        </pc:spChg>
        <pc:spChg chg="mod">
          <ac:chgData name="White, Alex" userId="eff6cc8c-37d8-483b-9c6c-6b27e9afa9bc" providerId="ADAL" clId="{BF04C754-5BF4-4E83-9615-DB14FA25AF8A}" dt="2023-10-12T11:38:20.867" v="298"/>
          <ac:spMkLst>
            <pc:docMk/>
            <pc:sldMk cId="2376958513" sldId="260"/>
            <ac:spMk id="11201" creationId="{784C23DB-9270-1318-D7FD-F393DDDFABA7}"/>
          </ac:spMkLst>
        </pc:spChg>
        <pc:spChg chg="mod">
          <ac:chgData name="White, Alex" userId="eff6cc8c-37d8-483b-9c6c-6b27e9afa9bc" providerId="ADAL" clId="{BF04C754-5BF4-4E83-9615-DB14FA25AF8A}" dt="2023-10-12T11:38:20.867" v="298"/>
          <ac:spMkLst>
            <pc:docMk/>
            <pc:sldMk cId="2376958513" sldId="260"/>
            <ac:spMk id="11202" creationId="{1CABB40F-C4E5-131F-2222-BE6A15CFC1D7}"/>
          </ac:spMkLst>
        </pc:spChg>
        <pc:spChg chg="mod">
          <ac:chgData name="White, Alex" userId="eff6cc8c-37d8-483b-9c6c-6b27e9afa9bc" providerId="ADAL" clId="{BF04C754-5BF4-4E83-9615-DB14FA25AF8A}" dt="2023-10-12T11:38:20.867" v="298"/>
          <ac:spMkLst>
            <pc:docMk/>
            <pc:sldMk cId="2376958513" sldId="260"/>
            <ac:spMk id="11203" creationId="{4C5F7497-24F5-48D1-E9F6-F36C9D3F866F}"/>
          </ac:spMkLst>
        </pc:spChg>
        <pc:spChg chg="mod">
          <ac:chgData name="White, Alex" userId="eff6cc8c-37d8-483b-9c6c-6b27e9afa9bc" providerId="ADAL" clId="{BF04C754-5BF4-4E83-9615-DB14FA25AF8A}" dt="2023-10-12T11:38:20.867" v="298"/>
          <ac:spMkLst>
            <pc:docMk/>
            <pc:sldMk cId="2376958513" sldId="260"/>
            <ac:spMk id="11204" creationId="{FE93228D-71F5-E727-85F9-D008A0E45755}"/>
          </ac:spMkLst>
        </pc:spChg>
        <pc:spChg chg="mod">
          <ac:chgData name="White, Alex" userId="eff6cc8c-37d8-483b-9c6c-6b27e9afa9bc" providerId="ADAL" clId="{BF04C754-5BF4-4E83-9615-DB14FA25AF8A}" dt="2023-10-12T11:38:20.867" v="298"/>
          <ac:spMkLst>
            <pc:docMk/>
            <pc:sldMk cId="2376958513" sldId="260"/>
            <ac:spMk id="11205" creationId="{4E9AE4B5-8CDD-CD11-9F1F-B8A7F3368057}"/>
          </ac:spMkLst>
        </pc:spChg>
        <pc:spChg chg="mod">
          <ac:chgData name="White, Alex" userId="eff6cc8c-37d8-483b-9c6c-6b27e9afa9bc" providerId="ADAL" clId="{BF04C754-5BF4-4E83-9615-DB14FA25AF8A}" dt="2023-10-12T11:38:20.867" v="298"/>
          <ac:spMkLst>
            <pc:docMk/>
            <pc:sldMk cId="2376958513" sldId="260"/>
            <ac:spMk id="11206" creationId="{46A662E7-E786-25CA-8D02-F84CB7F48B3C}"/>
          </ac:spMkLst>
        </pc:spChg>
        <pc:spChg chg="mod">
          <ac:chgData name="White, Alex" userId="eff6cc8c-37d8-483b-9c6c-6b27e9afa9bc" providerId="ADAL" clId="{BF04C754-5BF4-4E83-9615-DB14FA25AF8A}" dt="2023-10-12T11:38:20.867" v="298"/>
          <ac:spMkLst>
            <pc:docMk/>
            <pc:sldMk cId="2376958513" sldId="260"/>
            <ac:spMk id="11207" creationId="{4E116192-70CB-6879-5032-4DF2D213F0AA}"/>
          </ac:spMkLst>
        </pc:spChg>
        <pc:spChg chg="mod">
          <ac:chgData name="White, Alex" userId="eff6cc8c-37d8-483b-9c6c-6b27e9afa9bc" providerId="ADAL" clId="{BF04C754-5BF4-4E83-9615-DB14FA25AF8A}" dt="2023-10-12T11:38:20.867" v="298"/>
          <ac:spMkLst>
            <pc:docMk/>
            <pc:sldMk cId="2376958513" sldId="260"/>
            <ac:spMk id="11208" creationId="{8769EE29-62B5-0A30-F594-74995EAAFB08}"/>
          </ac:spMkLst>
        </pc:spChg>
        <pc:spChg chg="mod">
          <ac:chgData name="White, Alex" userId="eff6cc8c-37d8-483b-9c6c-6b27e9afa9bc" providerId="ADAL" clId="{BF04C754-5BF4-4E83-9615-DB14FA25AF8A}" dt="2023-10-12T11:38:20.867" v="298"/>
          <ac:spMkLst>
            <pc:docMk/>
            <pc:sldMk cId="2376958513" sldId="260"/>
            <ac:spMk id="11209" creationId="{70A9C4A9-E3E9-201D-7DEF-63458910397B}"/>
          </ac:spMkLst>
        </pc:spChg>
        <pc:spChg chg="mod">
          <ac:chgData name="White, Alex" userId="eff6cc8c-37d8-483b-9c6c-6b27e9afa9bc" providerId="ADAL" clId="{BF04C754-5BF4-4E83-9615-DB14FA25AF8A}" dt="2023-10-12T11:38:20.867" v="298"/>
          <ac:spMkLst>
            <pc:docMk/>
            <pc:sldMk cId="2376958513" sldId="260"/>
            <ac:spMk id="11210" creationId="{1ADFB347-00C4-AAD3-765B-EF67A5FFBF15}"/>
          </ac:spMkLst>
        </pc:spChg>
        <pc:spChg chg="mod">
          <ac:chgData name="White, Alex" userId="eff6cc8c-37d8-483b-9c6c-6b27e9afa9bc" providerId="ADAL" clId="{BF04C754-5BF4-4E83-9615-DB14FA25AF8A}" dt="2023-10-12T11:38:20.867" v="298"/>
          <ac:spMkLst>
            <pc:docMk/>
            <pc:sldMk cId="2376958513" sldId="260"/>
            <ac:spMk id="11211" creationId="{DAB9BCF8-E195-5DB1-8706-16737754F5C2}"/>
          </ac:spMkLst>
        </pc:spChg>
        <pc:spChg chg="mod">
          <ac:chgData name="White, Alex" userId="eff6cc8c-37d8-483b-9c6c-6b27e9afa9bc" providerId="ADAL" clId="{BF04C754-5BF4-4E83-9615-DB14FA25AF8A}" dt="2023-10-12T11:38:20.867" v="298"/>
          <ac:spMkLst>
            <pc:docMk/>
            <pc:sldMk cId="2376958513" sldId="260"/>
            <ac:spMk id="11212" creationId="{1E6B251C-ED64-E955-790B-D6DDBB06A5E7}"/>
          </ac:spMkLst>
        </pc:spChg>
        <pc:spChg chg="mod">
          <ac:chgData name="White, Alex" userId="eff6cc8c-37d8-483b-9c6c-6b27e9afa9bc" providerId="ADAL" clId="{BF04C754-5BF4-4E83-9615-DB14FA25AF8A}" dt="2023-10-12T11:38:20.867" v="298"/>
          <ac:spMkLst>
            <pc:docMk/>
            <pc:sldMk cId="2376958513" sldId="260"/>
            <ac:spMk id="11213" creationId="{3F4088B2-B4FC-B6AD-5D65-FA3258D2DE0C}"/>
          </ac:spMkLst>
        </pc:spChg>
        <pc:spChg chg="mod">
          <ac:chgData name="White, Alex" userId="eff6cc8c-37d8-483b-9c6c-6b27e9afa9bc" providerId="ADAL" clId="{BF04C754-5BF4-4E83-9615-DB14FA25AF8A}" dt="2023-10-12T11:38:20.867" v="298"/>
          <ac:spMkLst>
            <pc:docMk/>
            <pc:sldMk cId="2376958513" sldId="260"/>
            <ac:spMk id="11214" creationId="{49F3FAE7-AB22-42D9-589F-22B4365A44C6}"/>
          </ac:spMkLst>
        </pc:spChg>
        <pc:spChg chg="mod">
          <ac:chgData name="White, Alex" userId="eff6cc8c-37d8-483b-9c6c-6b27e9afa9bc" providerId="ADAL" clId="{BF04C754-5BF4-4E83-9615-DB14FA25AF8A}" dt="2023-10-12T11:38:20.867" v="298"/>
          <ac:spMkLst>
            <pc:docMk/>
            <pc:sldMk cId="2376958513" sldId="260"/>
            <ac:spMk id="11215" creationId="{8B7FD2EC-E952-7661-45B0-7D900D6A8928}"/>
          </ac:spMkLst>
        </pc:spChg>
        <pc:spChg chg="mod">
          <ac:chgData name="White, Alex" userId="eff6cc8c-37d8-483b-9c6c-6b27e9afa9bc" providerId="ADAL" clId="{BF04C754-5BF4-4E83-9615-DB14FA25AF8A}" dt="2023-10-12T11:38:20.867" v="298"/>
          <ac:spMkLst>
            <pc:docMk/>
            <pc:sldMk cId="2376958513" sldId="260"/>
            <ac:spMk id="11216" creationId="{B42833A6-6AFB-9D82-09BB-62E47D2868A2}"/>
          </ac:spMkLst>
        </pc:spChg>
        <pc:spChg chg="mod">
          <ac:chgData name="White, Alex" userId="eff6cc8c-37d8-483b-9c6c-6b27e9afa9bc" providerId="ADAL" clId="{BF04C754-5BF4-4E83-9615-DB14FA25AF8A}" dt="2023-10-12T11:38:20.867" v="298"/>
          <ac:spMkLst>
            <pc:docMk/>
            <pc:sldMk cId="2376958513" sldId="260"/>
            <ac:spMk id="11217" creationId="{83F0BE12-F19D-49BB-58B4-5CA3ED39A0A0}"/>
          </ac:spMkLst>
        </pc:spChg>
        <pc:spChg chg="mod">
          <ac:chgData name="White, Alex" userId="eff6cc8c-37d8-483b-9c6c-6b27e9afa9bc" providerId="ADAL" clId="{BF04C754-5BF4-4E83-9615-DB14FA25AF8A}" dt="2023-10-12T11:38:20.867" v="298"/>
          <ac:spMkLst>
            <pc:docMk/>
            <pc:sldMk cId="2376958513" sldId="260"/>
            <ac:spMk id="11218" creationId="{493DA36F-050A-EF3E-1B32-0E68B942AC8E}"/>
          </ac:spMkLst>
        </pc:spChg>
        <pc:spChg chg="mod">
          <ac:chgData name="White, Alex" userId="eff6cc8c-37d8-483b-9c6c-6b27e9afa9bc" providerId="ADAL" clId="{BF04C754-5BF4-4E83-9615-DB14FA25AF8A}" dt="2023-10-12T11:38:20.867" v="298"/>
          <ac:spMkLst>
            <pc:docMk/>
            <pc:sldMk cId="2376958513" sldId="260"/>
            <ac:spMk id="11219" creationId="{43E32035-1E1B-24DD-C7D3-6457D6CE30FC}"/>
          </ac:spMkLst>
        </pc:spChg>
        <pc:spChg chg="mod">
          <ac:chgData name="White, Alex" userId="eff6cc8c-37d8-483b-9c6c-6b27e9afa9bc" providerId="ADAL" clId="{BF04C754-5BF4-4E83-9615-DB14FA25AF8A}" dt="2023-10-12T11:38:20.867" v="298"/>
          <ac:spMkLst>
            <pc:docMk/>
            <pc:sldMk cId="2376958513" sldId="260"/>
            <ac:spMk id="11220" creationId="{32ACE247-C3C0-50DC-FD88-A25C5AD44B6D}"/>
          </ac:spMkLst>
        </pc:spChg>
        <pc:spChg chg="mod">
          <ac:chgData name="White, Alex" userId="eff6cc8c-37d8-483b-9c6c-6b27e9afa9bc" providerId="ADAL" clId="{BF04C754-5BF4-4E83-9615-DB14FA25AF8A}" dt="2023-10-12T11:38:20.867" v="298"/>
          <ac:spMkLst>
            <pc:docMk/>
            <pc:sldMk cId="2376958513" sldId="260"/>
            <ac:spMk id="11221" creationId="{EA2DEC4B-4862-13AF-69DB-41568F3E4B20}"/>
          </ac:spMkLst>
        </pc:spChg>
        <pc:spChg chg="mod">
          <ac:chgData name="White, Alex" userId="eff6cc8c-37d8-483b-9c6c-6b27e9afa9bc" providerId="ADAL" clId="{BF04C754-5BF4-4E83-9615-DB14FA25AF8A}" dt="2023-10-12T11:38:20.867" v="298"/>
          <ac:spMkLst>
            <pc:docMk/>
            <pc:sldMk cId="2376958513" sldId="260"/>
            <ac:spMk id="11222" creationId="{4A429339-0D6A-D402-7EE1-8828F5717323}"/>
          </ac:spMkLst>
        </pc:spChg>
        <pc:spChg chg="mod">
          <ac:chgData name="White, Alex" userId="eff6cc8c-37d8-483b-9c6c-6b27e9afa9bc" providerId="ADAL" clId="{BF04C754-5BF4-4E83-9615-DB14FA25AF8A}" dt="2023-10-12T11:38:20.867" v="298"/>
          <ac:spMkLst>
            <pc:docMk/>
            <pc:sldMk cId="2376958513" sldId="260"/>
            <ac:spMk id="11223" creationId="{096997D6-A1E1-6824-4A1F-28067600D4F6}"/>
          </ac:spMkLst>
        </pc:spChg>
        <pc:spChg chg="mod">
          <ac:chgData name="White, Alex" userId="eff6cc8c-37d8-483b-9c6c-6b27e9afa9bc" providerId="ADAL" clId="{BF04C754-5BF4-4E83-9615-DB14FA25AF8A}" dt="2023-10-12T11:38:20.867" v="298"/>
          <ac:spMkLst>
            <pc:docMk/>
            <pc:sldMk cId="2376958513" sldId="260"/>
            <ac:spMk id="11224" creationId="{3F488DBD-506B-DC6F-EA60-632277759854}"/>
          </ac:spMkLst>
        </pc:spChg>
        <pc:spChg chg="mod">
          <ac:chgData name="White, Alex" userId="eff6cc8c-37d8-483b-9c6c-6b27e9afa9bc" providerId="ADAL" clId="{BF04C754-5BF4-4E83-9615-DB14FA25AF8A}" dt="2023-10-12T11:38:20.867" v="298"/>
          <ac:spMkLst>
            <pc:docMk/>
            <pc:sldMk cId="2376958513" sldId="260"/>
            <ac:spMk id="11225" creationId="{0DD0F2AB-9D04-DC4E-8CF7-4C3365420DE2}"/>
          </ac:spMkLst>
        </pc:spChg>
        <pc:spChg chg="mod">
          <ac:chgData name="White, Alex" userId="eff6cc8c-37d8-483b-9c6c-6b27e9afa9bc" providerId="ADAL" clId="{BF04C754-5BF4-4E83-9615-DB14FA25AF8A}" dt="2023-10-12T11:38:20.867" v="298"/>
          <ac:spMkLst>
            <pc:docMk/>
            <pc:sldMk cId="2376958513" sldId="260"/>
            <ac:spMk id="11226" creationId="{AAF7545C-4CF5-5FF9-E7AA-A2CD65439CE2}"/>
          </ac:spMkLst>
        </pc:spChg>
        <pc:spChg chg="mod">
          <ac:chgData name="White, Alex" userId="eff6cc8c-37d8-483b-9c6c-6b27e9afa9bc" providerId="ADAL" clId="{BF04C754-5BF4-4E83-9615-DB14FA25AF8A}" dt="2023-10-12T11:38:20.867" v="298"/>
          <ac:spMkLst>
            <pc:docMk/>
            <pc:sldMk cId="2376958513" sldId="260"/>
            <ac:spMk id="11227" creationId="{E9805938-CB21-BAD5-02C7-23456932538F}"/>
          </ac:spMkLst>
        </pc:spChg>
        <pc:spChg chg="mod">
          <ac:chgData name="White, Alex" userId="eff6cc8c-37d8-483b-9c6c-6b27e9afa9bc" providerId="ADAL" clId="{BF04C754-5BF4-4E83-9615-DB14FA25AF8A}" dt="2023-10-12T11:38:20.867" v="298"/>
          <ac:spMkLst>
            <pc:docMk/>
            <pc:sldMk cId="2376958513" sldId="260"/>
            <ac:spMk id="11228" creationId="{92EDCEAF-BEF4-561A-98B3-745B0DD8B1F8}"/>
          </ac:spMkLst>
        </pc:spChg>
        <pc:spChg chg="mod">
          <ac:chgData name="White, Alex" userId="eff6cc8c-37d8-483b-9c6c-6b27e9afa9bc" providerId="ADAL" clId="{BF04C754-5BF4-4E83-9615-DB14FA25AF8A}" dt="2023-10-12T11:38:20.867" v="298"/>
          <ac:spMkLst>
            <pc:docMk/>
            <pc:sldMk cId="2376958513" sldId="260"/>
            <ac:spMk id="11229" creationId="{6D512992-BD83-662D-5CC9-9C2D952EB2BE}"/>
          </ac:spMkLst>
        </pc:spChg>
        <pc:spChg chg="mod">
          <ac:chgData name="White, Alex" userId="eff6cc8c-37d8-483b-9c6c-6b27e9afa9bc" providerId="ADAL" clId="{BF04C754-5BF4-4E83-9615-DB14FA25AF8A}" dt="2023-10-12T11:38:20.867" v="298"/>
          <ac:spMkLst>
            <pc:docMk/>
            <pc:sldMk cId="2376958513" sldId="260"/>
            <ac:spMk id="11230" creationId="{CAC1661A-C295-3578-4A3D-F49A9A80C7C0}"/>
          </ac:spMkLst>
        </pc:spChg>
        <pc:spChg chg="mod">
          <ac:chgData name="White, Alex" userId="eff6cc8c-37d8-483b-9c6c-6b27e9afa9bc" providerId="ADAL" clId="{BF04C754-5BF4-4E83-9615-DB14FA25AF8A}" dt="2023-10-12T11:38:20.867" v="298"/>
          <ac:spMkLst>
            <pc:docMk/>
            <pc:sldMk cId="2376958513" sldId="260"/>
            <ac:spMk id="11231" creationId="{291E75C2-7C87-120D-6CC0-99E456132193}"/>
          </ac:spMkLst>
        </pc:spChg>
        <pc:spChg chg="mod">
          <ac:chgData name="White, Alex" userId="eff6cc8c-37d8-483b-9c6c-6b27e9afa9bc" providerId="ADAL" clId="{BF04C754-5BF4-4E83-9615-DB14FA25AF8A}" dt="2023-10-12T11:38:20.867" v="298"/>
          <ac:spMkLst>
            <pc:docMk/>
            <pc:sldMk cId="2376958513" sldId="260"/>
            <ac:spMk id="11232" creationId="{B8F2BEAF-15A4-537F-EEB5-EF6E757AA1BD}"/>
          </ac:spMkLst>
        </pc:spChg>
        <pc:spChg chg="mod">
          <ac:chgData name="White, Alex" userId="eff6cc8c-37d8-483b-9c6c-6b27e9afa9bc" providerId="ADAL" clId="{BF04C754-5BF4-4E83-9615-DB14FA25AF8A}" dt="2023-10-12T11:38:20.867" v="298"/>
          <ac:spMkLst>
            <pc:docMk/>
            <pc:sldMk cId="2376958513" sldId="260"/>
            <ac:spMk id="11233" creationId="{9F73BDB9-E6A1-A5A5-863E-06717D0871CC}"/>
          </ac:spMkLst>
        </pc:spChg>
        <pc:spChg chg="mod">
          <ac:chgData name="White, Alex" userId="eff6cc8c-37d8-483b-9c6c-6b27e9afa9bc" providerId="ADAL" clId="{BF04C754-5BF4-4E83-9615-DB14FA25AF8A}" dt="2023-10-12T11:38:20.867" v="298"/>
          <ac:spMkLst>
            <pc:docMk/>
            <pc:sldMk cId="2376958513" sldId="260"/>
            <ac:spMk id="11234" creationId="{5E6829DB-720B-3D79-FA3E-56EAF1E21CE1}"/>
          </ac:spMkLst>
        </pc:spChg>
        <pc:spChg chg="mod">
          <ac:chgData name="White, Alex" userId="eff6cc8c-37d8-483b-9c6c-6b27e9afa9bc" providerId="ADAL" clId="{BF04C754-5BF4-4E83-9615-DB14FA25AF8A}" dt="2023-10-12T11:38:20.867" v="298"/>
          <ac:spMkLst>
            <pc:docMk/>
            <pc:sldMk cId="2376958513" sldId="260"/>
            <ac:spMk id="11235" creationId="{3534412D-A59E-8434-E369-C253F8F459B0}"/>
          </ac:spMkLst>
        </pc:spChg>
        <pc:spChg chg="mod">
          <ac:chgData name="White, Alex" userId="eff6cc8c-37d8-483b-9c6c-6b27e9afa9bc" providerId="ADAL" clId="{BF04C754-5BF4-4E83-9615-DB14FA25AF8A}" dt="2023-10-12T11:38:20.867" v="298"/>
          <ac:spMkLst>
            <pc:docMk/>
            <pc:sldMk cId="2376958513" sldId="260"/>
            <ac:spMk id="11236" creationId="{0A0178BB-EFC3-31EE-081D-A642B6C68D33}"/>
          </ac:spMkLst>
        </pc:spChg>
        <pc:spChg chg="mod">
          <ac:chgData name="White, Alex" userId="eff6cc8c-37d8-483b-9c6c-6b27e9afa9bc" providerId="ADAL" clId="{BF04C754-5BF4-4E83-9615-DB14FA25AF8A}" dt="2023-10-12T11:38:20.867" v="298"/>
          <ac:spMkLst>
            <pc:docMk/>
            <pc:sldMk cId="2376958513" sldId="260"/>
            <ac:spMk id="11237" creationId="{ED1D04AD-DFB4-A7A3-CE65-A8BE73F66A90}"/>
          </ac:spMkLst>
        </pc:spChg>
        <pc:spChg chg="mod">
          <ac:chgData name="White, Alex" userId="eff6cc8c-37d8-483b-9c6c-6b27e9afa9bc" providerId="ADAL" clId="{BF04C754-5BF4-4E83-9615-DB14FA25AF8A}" dt="2023-10-12T11:38:20.867" v="298"/>
          <ac:spMkLst>
            <pc:docMk/>
            <pc:sldMk cId="2376958513" sldId="260"/>
            <ac:spMk id="11238" creationId="{1D501E81-375C-12AB-3252-383EE4CFF3D0}"/>
          </ac:spMkLst>
        </pc:spChg>
        <pc:spChg chg="mod">
          <ac:chgData name="White, Alex" userId="eff6cc8c-37d8-483b-9c6c-6b27e9afa9bc" providerId="ADAL" clId="{BF04C754-5BF4-4E83-9615-DB14FA25AF8A}" dt="2023-10-12T11:38:20.867" v="298"/>
          <ac:spMkLst>
            <pc:docMk/>
            <pc:sldMk cId="2376958513" sldId="260"/>
            <ac:spMk id="11239" creationId="{50410E50-86E8-14B5-56A2-3F9B3B4B5C97}"/>
          </ac:spMkLst>
        </pc:spChg>
        <pc:spChg chg="mod">
          <ac:chgData name="White, Alex" userId="eff6cc8c-37d8-483b-9c6c-6b27e9afa9bc" providerId="ADAL" clId="{BF04C754-5BF4-4E83-9615-DB14FA25AF8A}" dt="2023-10-12T11:38:20.867" v="298"/>
          <ac:spMkLst>
            <pc:docMk/>
            <pc:sldMk cId="2376958513" sldId="260"/>
            <ac:spMk id="11240" creationId="{BB8F60EF-37C1-D640-970C-AC005600F293}"/>
          </ac:spMkLst>
        </pc:spChg>
        <pc:spChg chg="mod">
          <ac:chgData name="White, Alex" userId="eff6cc8c-37d8-483b-9c6c-6b27e9afa9bc" providerId="ADAL" clId="{BF04C754-5BF4-4E83-9615-DB14FA25AF8A}" dt="2023-10-12T11:38:20.867" v="298"/>
          <ac:spMkLst>
            <pc:docMk/>
            <pc:sldMk cId="2376958513" sldId="260"/>
            <ac:spMk id="11241" creationId="{599337AA-4B6A-C84B-1DF7-909CACA096DA}"/>
          </ac:spMkLst>
        </pc:spChg>
        <pc:spChg chg="mod">
          <ac:chgData name="White, Alex" userId="eff6cc8c-37d8-483b-9c6c-6b27e9afa9bc" providerId="ADAL" clId="{BF04C754-5BF4-4E83-9615-DB14FA25AF8A}" dt="2023-10-12T11:38:20.867" v="298"/>
          <ac:spMkLst>
            <pc:docMk/>
            <pc:sldMk cId="2376958513" sldId="260"/>
            <ac:spMk id="11242" creationId="{FDA0F21E-778B-705D-48BA-301245DF408F}"/>
          </ac:spMkLst>
        </pc:spChg>
        <pc:spChg chg="mod">
          <ac:chgData name="White, Alex" userId="eff6cc8c-37d8-483b-9c6c-6b27e9afa9bc" providerId="ADAL" clId="{BF04C754-5BF4-4E83-9615-DB14FA25AF8A}" dt="2023-10-12T11:38:20.867" v="298"/>
          <ac:spMkLst>
            <pc:docMk/>
            <pc:sldMk cId="2376958513" sldId="260"/>
            <ac:spMk id="11243" creationId="{0EAABD7D-4BDF-6D26-07B0-C70CC2361848}"/>
          </ac:spMkLst>
        </pc:spChg>
        <pc:spChg chg="mod">
          <ac:chgData name="White, Alex" userId="eff6cc8c-37d8-483b-9c6c-6b27e9afa9bc" providerId="ADAL" clId="{BF04C754-5BF4-4E83-9615-DB14FA25AF8A}" dt="2023-10-12T11:38:20.867" v="298"/>
          <ac:spMkLst>
            <pc:docMk/>
            <pc:sldMk cId="2376958513" sldId="260"/>
            <ac:spMk id="11244" creationId="{4908985F-4095-C414-29AD-CAF6FD29887A}"/>
          </ac:spMkLst>
        </pc:spChg>
        <pc:spChg chg="mod">
          <ac:chgData name="White, Alex" userId="eff6cc8c-37d8-483b-9c6c-6b27e9afa9bc" providerId="ADAL" clId="{BF04C754-5BF4-4E83-9615-DB14FA25AF8A}" dt="2023-10-12T11:38:20.867" v="298"/>
          <ac:spMkLst>
            <pc:docMk/>
            <pc:sldMk cId="2376958513" sldId="260"/>
            <ac:spMk id="11245" creationId="{9C52BA87-57E3-8F1A-9C5E-7843954A6116}"/>
          </ac:spMkLst>
        </pc:spChg>
        <pc:spChg chg="mod">
          <ac:chgData name="White, Alex" userId="eff6cc8c-37d8-483b-9c6c-6b27e9afa9bc" providerId="ADAL" clId="{BF04C754-5BF4-4E83-9615-DB14FA25AF8A}" dt="2023-10-12T11:38:20.867" v="298"/>
          <ac:spMkLst>
            <pc:docMk/>
            <pc:sldMk cId="2376958513" sldId="260"/>
            <ac:spMk id="11246" creationId="{6D3A53F0-3DFA-2C18-CFCD-8E660FC8C353}"/>
          </ac:spMkLst>
        </pc:spChg>
        <pc:spChg chg="mod">
          <ac:chgData name="White, Alex" userId="eff6cc8c-37d8-483b-9c6c-6b27e9afa9bc" providerId="ADAL" clId="{BF04C754-5BF4-4E83-9615-DB14FA25AF8A}" dt="2023-10-12T11:38:20.867" v="298"/>
          <ac:spMkLst>
            <pc:docMk/>
            <pc:sldMk cId="2376958513" sldId="260"/>
            <ac:spMk id="11247" creationId="{93385F3A-3BD9-D012-F157-CA452C265848}"/>
          </ac:spMkLst>
        </pc:spChg>
        <pc:spChg chg="mod">
          <ac:chgData name="White, Alex" userId="eff6cc8c-37d8-483b-9c6c-6b27e9afa9bc" providerId="ADAL" clId="{BF04C754-5BF4-4E83-9615-DB14FA25AF8A}" dt="2023-10-12T11:38:20.867" v="298"/>
          <ac:spMkLst>
            <pc:docMk/>
            <pc:sldMk cId="2376958513" sldId="260"/>
            <ac:spMk id="11248" creationId="{18E79D1D-E81C-09B8-5297-22BE9E505DAF}"/>
          </ac:spMkLst>
        </pc:spChg>
        <pc:spChg chg="mod">
          <ac:chgData name="White, Alex" userId="eff6cc8c-37d8-483b-9c6c-6b27e9afa9bc" providerId="ADAL" clId="{BF04C754-5BF4-4E83-9615-DB14FA25AF8A}" dt="2023-10-12T11:38:20.867" v="298"/>
          <ac:spMkLst>
            <pc:docMk/>
            <pc:sldMk cId="2376958513" sldId="260"/>
            <ac:spMk id="11249" creationId="{E43A18A7-057F-5760-89FF-045B6B0134DE}"/>
          </ac:spMkLst>
        </pc:spChg>
        <pc:spChg chg="mod">
          <ac:chgData name="White, Alex" userId="eff6cc8c-37d8-483b-9c6c-6b27e9afa9bc" providerId="ADAL" clId="{BF04C754-5BF4-4E83-9615-DB14FA25AF8A}" dt="2023-10-12T11:38:20.867" v="298"/>
          <ac:spMkLst>
            <pc:docMk/>
            <pc:sldMk cId="2376958513" sldId="260"/>
            <ac:spMk id="11250" creationId="{0068C4EF-4F48-CC0A-E7B1-8BBE1C2AE890}"/>
          </ac:spMkLst>
        </pc:spChg>
        <pc:spChg chg="mod">
          <ac:chgData name="White, Alex" userId="eff6cc8c-37d8-483b-9c6c-6b27e9afa9bc" providerId="ADAL" clId="{BF04C754-5BF4-4E83-9615-DB14FA25AF8A}" dt="2023-10-12T11:38:20.867" v="298"/>
          <ac:spMkLst>
            <pc:docMk/>
            <pc:sldMk cId="2376958513" sldId="260"/>
            <ac:spMk id="11251" creationId="{8F1EAD10-639C-680D-EE45-05CC603FC3B1}"/>
          </ac:spMkLst>
        </pc:spChg>
        <pc:spChg chg="mod">
          <ac:chgData name="White, Alex" userId="eff6cc8c-37d8-483b-9c6c-6b27e9afa9bc" providerId="ADAL" clId="{BF04C754-5BF4-4E83-9615-DB14FA25AF8A}" dt="2023-10-12T11:38:20.867" v="298"/>
          <ac:spMkLst>
            <pc:docMk/>
            <pc:sldMk cId="2376958513" sldId="260"/>
            <ac:spMk id="11252" creationId="{61ED780A-7035-4835-7AE6-291ECF6F0FDA}"/>
          </ac:spMkLst>
        </pc:spChg>
        <pc:spChg chg="mod">
          <ac:chgData name="White, Alex" userId="eff6cc8c-37d8-483b-9c6c-6b27e9afa9bc" providerId="ADAL" clId="{BF04C754-5BF4-4E83-9615-DB14FA25AF8A}" dt="2023-10-12T11:38:20.867" v="298"/>
          <ac:spMkLst>
            <pc:docMk/>
            <pc:sldMk cId="2376958513" sldId="260"/>
            <ac:spMk id="11253" creationId="{1151E1E1-D888-AE3B-0B31-FEA5CB25CABC}"/>
          </ac:spMkLst>
        </pc:spChg>
        <pc:spChg chg="mod">
          <ac:chgData name="White, Alex" userId="eff6cc8c-37d8-483b-9c6c-6b27e9afa9bc" providerId="ADAL" clId="{BF04C754-5BF4-4E83-9615-DB14FA25AF8A}" dt="2023-10-12T11:38:20.867" v="298"/>
          <ac:spMkLst>
            <pc:docMk/>
            <pc:sldMk cId="2376958513" sldId="260"/>
            <ac:spMk id="11254" creationId="{6E67B651-73CD-DBF4-9BE7-C0F8340CB65E}"/>
          </ac:spMkLst>
        </pc:spChg>
        <pc:spChg chg="mod">
          <ac:chgData name="White, Alex" userId="eff6cc8c-37d8-483b-9c6c-6b27e9afa9bc" providerId="ADAL" clId="{BF04C754-5BF4-4E83-9615-DB14FA25AF8A}" dt="2023-10-12T11:38:20.867" v="298"/>
          <ac:spMkLst>
            <pc:docMk/>
            <pc:sldMk cId="2376958513" sldId="260"/>
            <ac:spMk id="11255" creationId="{DBD2E911-2CC9-B91B-E33C-7BE38BE9AC25}"/>
          </ac:spMkLst>
        </pc:spChg>
        <pc:spChg chg="mod">
          <ac:chgData name="White, Alex" userId="eff6cc8c-37d8-483b-9c6c-6b27e9afa9bc" providerId="ADAL" clId="{BF04C754-5BF4-4E83-9615-DB14FA25AF8A}" dt="2023-10-12T11:38:20.867" v="298"/>
          <ac:spMkLst>
            <pc:docMk/>
            <pc:sldMk cId="2376958513" sldId="260"/>
            <ac:spMk id="11256" creationId="{B2DE95FB-FBD0-B34C-74D6-CE0571B4FB40}"/>
          </ac:spMkLst>
        </pc:spChg>
        <pc:spChg chg="mod">
          <ac:chgData name="White, Alex" userId="eff6cc8c-37d8-483b-9c6c-6b27e9afa9bc" providerId="ADAL" clId="{BF04C754-5BF4-4E83-9615-DB14FA25AF8A}" dt="2023-10-12T11:38:20.867" v="298"/>
          <ac:spMkLst>
            <pc:docMk/>
            <pc:sldMk cId="2376958513" sldId="260"/>
            <ac:spMk id="11257" creationId="{7E9DE05B-8FC1-B6E5-7E50-DF5313DBBE37}"/>
          </ac:spMkLst>
        </pc:spChg>
        <pc:spChg chg="mod">
          <ac:chgData name="White, Alex" userId="eff6cc8c-37d8-483b-9c6c-6b27e9afa9bc" providerId="ADAL" clId="{BF04C754-5BF4-4E83-9615-DB14FA25AF8A}" dt="2023-10-12T11:38:20.867" v="298"/>
          <ac:spMkLst>
            <pc:docMk/>
            <pc:sldMk cId="2376958513" sldId="260"/>
            <ac:spMk id="11258" creationId="{3F8B0852-2E0B-EC2D-C15F-F912F3B1A4D1}"/>
          </ac:spMkLst>
        </pc:spChg>
        <pc:spChg chg="mod">
          <ac:chgData name="White, Alex" userId="eff6cc8c-37d8-483b-9c6c-6b27e9afa9bc" providerId="ADAL" clId="{BF04C754-5BF4-4E83-9615-DB14FA25AF8A}" dt="2023-10-12T11:38:20.867" v="298"/>
          <ac:spMkLst>
            <pc:docMk/>
            <pc:sldMk cId="2376958513" sldId="260"/>
            <ac:spMk id="11259" creationId="{50897527-4185-5D9D-5E06-6B9941A37C5A}"/>
          </ac:spMkLst>
        </pc:spChg>
        <pc:spChg chg="mod">
          <ac:chgData name="White, Alex" userId="eff6cc8c-37d8-483b-9c6c-6b27e9afa9bc" providerId="ADAL" clId="{BF04C754-5BF4-4E83-9615-DB14FA25AF8A}" dt="2023-10-12T11:38:20.867" v="298"/>
          <ac:spMkLst>
            <pc:docMk/>
            <pc:sldMk cId="2376958513" sldId="260"/>
            <ac:spMk id="11260" creationId="{B595C2B7-FADE-3D72-3B19-EBE7A995AC41}"/>
          </ac:spMkLst>
        </pc:spChg>
        <pc:spChg chg="mod">
          <ac:chgData name="White, Alex" userId="eff6cc8c-37d8-483b-9c6c-6b27e9afa9bc" providerId="ADAL" clId="{BF04C754-5BF4-4E83-9615-DB14FA25AF8A}" dt="2023-10-12T11:38:20.867" v="298"/>
          <ac:spMkLst>
            <pc:docMk/>
            <pc:sldMk cId="2376958513" sldId="260"/>
            <ac:spMk id="11261" creationId="{CA3EE3DF-39E2-F274-CC33-EF87705E28E1}"/>
          </ac:spMkLst>
        </pc:spChg>
        <pc:spChg chg="mod">
          <ac:chgData name="White, Alex" userId="eff6cc8c-37d8-483b-9c6c-6b27e9afa9bc" providerId="ADAL" clId="{BF04C754-5BF4-4E83-9615-DB14FA25AF8A}" dt="2023-10-12T11:38:20.867" v="298"/>
          <ac:spMkLst>
            <pc:docMk/>
            <pc:sldMk cId="2376958513" sldId="260"/>
            <ac:spMk id="11262" creationId="{8B26EB9D-3766-4D98-FB63-ECE1A290B9AB}"/>
          </ac:spMkLst>
        </pc:spChg>
        <pc:spChg chg="mod">
          <ac:chgData name="White, Alex" userId="eff6cc8c-37d8-483b-9c6c-6b27e9afa9bc" providerId="ADAL" clId="{BF04C754-5BF4-4E83-9615-DB14FA25AF8A}" dt="2023-10-12T11:38:20.867" v="298"/>
          <ac:spMkLst>
            <pc:docMk/>
            <pc:sldMk cId="2376958513" sldId="260"/>
            <ac:spMk id="11263" creationId="{797E662C-7800-C6AF-05A1-6606E4D65BFE}"/>
          </ac:spMkLst>
        </pc:spChg>
        <pc:spChg chg="mod">
          <ac:chgData name="White, Alex" userId="eff6cc8c-37d8-483b-9c6c-6b27e9afa9bc" providerId="ADAL" clId="{BF04C754-5BF4-4E83-9615-DB14FA25AF8A}" dt="2023-10-12T11:38:20.867" v="298"/>
          <ac:spMkLst>
            <pc:docMk/>
            <pc:sldMk cId="2376958513" sldId="260"/>
            <ac:spMk id="11264" creationId="{4ECB6745-091A-A25A-22E0-8CBB83CEA3B2}"/>
          </ac:spMkLst>
        </pc:spChg>
        <pc:spChg chg="mod">
          <ac:chgData name="White, Alex" userId="eff6cc8c-37d8-483b-9c6c-6b27e9afa9bc" providerId="ADAL" clId="{BF04C754-5BF4-4E83-9615-DB14FA25AF8A}" dt="2023-10-12T11:38:20.867" v="298"/>
          <ac:spMkLst>
            <pc:docMk/>
            <pc:sldMk cId="2376958513" sldId="260"/>
            <ac:spMk id="11265" creationId="{358C4A54-4F58-4242-4032-29DD5D8890A3}"/>
          </ac:spMkLst>
        </pc:spChg>
        <pc:spChg chg="mod">
          <ac:chgData name="White, Alex" userId="eff6cc8c-37d8-483b-9c6c-6b27e9afa9bc" providerId="ADAL" clId="{BF04C754-5BF4-4E83-9615-DB14FA25AF8A}" dt="2023-10-12T11:38:20.867" v="298"/>
          <ac:spMkLst>
            <pc:docMk/>
            <pc:sldMk cId="2376958513" sldId="260"/>
            <ac:spMk id="11266" creationId="{9B28C835-3D8B-4517-9A5F-64EC8BE90C22}"/>
          </ac:spMkLst>
        </pc:spChg>
        <pc:spChg chg="mod">
          <ac:chgData name="White, Alex" userId="eff6cc8c-37d8-483b-9c6c-6b27e9afa9bc" providerId="ADAL" clId="{BF04C754-5BF4-4E83-9615-DB14FA25AF8A}" dt="2023-10-12T11:38:20.867" v="298"/>
          <ac:spMkLst>
            <pc:docMk/>
            <pc:sldMk cId="2376958513" sldId="260"/>
            <ac:spMk id="11267" creationId="{337BCF38-1682-967E-52A9-051145A8352C}"/>
          </ac:spMkLst>
        </pc:spChg>
        <pc:spChg chg="mod">
          <ac:chgData name="White, Alex" userId="eff6cc8c-37d8-483b-9c6c-6b27e9afa9bc" providerId="ADAL" clId="{BF04C754-5BF4-4E83-9615-DB14FA25AF8A}" dt="2023-10-12T11:38:20.867" v="298"/>
          <ac:spMkLst>
            <pc:docMk/>
            <pc:sldMk cId="2376958513" sldId="260"/>
            <ac:spMk id="11268" creationId="{887C77C5-A32F-6753-68C8-12BEE0838DCC}"/>
          </ac:spMkLst>
        </pc:spChg>
        <pc:spChg chg="mod">
          <ac:chgData name="White, Alex" userId="eff6cc8c-37d8-483b-9c6c-6b27e9afa9bc" providerId="ADAL" clId="{BF04C754-5BF4-4E83-9615-DB14FA25AF8A}" dt="2023-10-12T11:38:20.867" v="298"/>
          <ac:spMkLst>
            <pc:docMk/>
            <pc:sldMk cId="2376958513" sldId="260"/>
            <ac:spMk id="11269" creationId="{E724CE4D-03B4-E76F-EC6B-0B9B0F09C78E}"/>
          </ac:spMkLst>
        </pc:spChg>
        <pc:spChg chg="mod">
          <ac:chgData name="White, Alex" userId="eff6cc8c-37d8-483b-9c6c-6b27e9afa9bc" providerId="ADAL" clId="{BF04C754-5BF4-4E83-9615-DB14FA25AF8A}" dt="2023-10-12T11:38:20.867" v="298"/>
          <ac:spMkLst>
            <pc:docMk/>
            <pc:sldMk cId="2376958513" sldId="260"/>
            <ac:spMk id="11270" creationId="{8A5A79EA-240A-2535-8031-8B92CD404CF9}"/>
          </ac:spMkLst>
        </pc:spChg>
        <pc:spChg chg="mod">
          <ac:chgData name="White, Alex" userId="eff6cc8c-37d8-483b-9c6c-6b27e9afa9bc" providerId="ADAL" clId="{BF04C754-5BF4-4E83-9615-DB14FA25AF8A}" dt="2023-10-12T11:38:20.867" v="298"/>
          <ac:spMkLst>
            <pc:docMk/>
            <pc:sldMk cId="2376958513" sldId="260"/>
            <ac:spMk id="11271" creationId="{4FC6D0B1-EE3F-AC70-7ABE-1521ACF9A5F0}"/>
          </ac:spMkLst>
        </pc:spChg>
        <pc:spChg chg="mod">
          <ac:chgData name="White, Alex" userId="eff6cc8c-37d8-483b-9c6c-6b27e9afa9bc" providerId="ADAL" clId="{BF04C754-5BF4-4E83-9615-DB14FA25AF8A}" dt="2023-10-12T11:38:20.867" v="298"/>
          <ac:spMkLst>
            <pc:docMk/>
            <pc:sldMk cId="2376958513" sldId="260"/>
            <ac:spMk id="11272" creationId="{84654AFE-50F8-72C1-E601-1BF7FB64A2A4}"/>
          </ac:spMkLst>
        </pc:spChg>
        <pc:spChg chg="mod">
          <ac:chgData name="White, Alex" userId="eff6cc8c-37d8-483b-9c6c-6b27e9afa9bc" providerId="ADAL" clId="{BF04C754-5BF4-4E83-9615-DB14FA25AF8A}" dt="2023-10-12T11:38:20.867" v="298"/>
          <ac:spMkLst>
            <pc:docMk/>
            <pc:sldMk cId="2376958513" sldId="260"/>
            <ac:spMk id="11273" creationId="{A0FA5DC6-90A5-79CD-45A8-16211E31C28D}"/>
          </ac:spMkLst>
        </pc:spChg>
        <pc:spChg chg="mod">
          <ac:chgData name="White, Alex" userId="eff6cc8c-37d8-483b-9c6c-6b27e9afa9bc" providerId="ADAL" clId="{BF04C754-5BF4-4E83-9615-DB14FA25AF8A}" dt="2023-10-12T11:38:20.867" v="298"/>
          <ac:spMkLst>
            <pc:docMk/>
            <pc:sldMk cId="2376958513" sldId="260"/>
            <ac:spMk id="11274" creationId="{A2090461-BEEA-037A-238C-13B2DA6B174B}"/>
          </ac:spMkLst>
        </pc:spChg>
        <pc:spChg chg="mod">
          <ac:chgData name="White, Alex" userId="eff6cc8c-37d8-483b-9c6c-6b27e9afa9bc" providerId="ADAL" clId="{BF04C754-5BF4-4E83-9615-DB14FA25AF8A}" dt="2023-10-12T11:38:20.867" v="298"/>
          <ac:spMkLst>
            <pc:docMk/>
            <pc:sldMk cId="2376958513" sldId="260"/>
            <ac:spMk id="11275" creationId="{AEE10EE8-F5C2-DEA1-8131-D29B818A6D0E}"/>
          </ac:spMkLst>
        </pc:spChg>
        <pc:spChg chg="mod">
          <ac:chgData name="White, Alex" userId="eff6cc8c-37d8-483b-9c6c-6b27e9afa9bc" providerId="ADAL" clId="{BF04C754-5BF4-4E83-9615-DB14FA25AF8A}" dt="2023-10-12T11:38:20.867" v="298"/>
          <ac:spMkLst>
            <pc:docMk/>
            <pc:sldMk cId="2376958513" sldId="260"/>
            <ac:spMk id="11276" creationId="{11844F5B-BFE4-0BA6-9953-96FFBE13F7FE}"/>
          </ac:spMkLst>
        </pc:spChg>
        <pc:spChg chg="mod">
          <ac:chgData name="White, Alex" userId="eff6cc8c-37d8-483b-9c6c-6b27e9afa9bc" providerId="ADAL" clId="{BF04C754-5BF4-4E83-9615-DB14FA25AF8A}" dt="2023-10-12T11:38:20.867" v="298"/>
          <ac:spMkLst>
            <pc:docMk/>
            <pc:sldMk cId="2376958513" sldId="260"/>
            <ac:spMk id="11277" creationId="{A1F77D79-8BE1-D03B-114F-0D6C2242F3F2}"/>
          </ac:spMkLst>
        </pc:spChg>
        <pc:spChg chg="mod">
          <ac:chgData name="White, Alex" userId="eff6cc8c-37d8-483b-9c6c-6b27e9afa9bc" providerId="ADAL" clId="{BF04C754-5BF4-4E83-9615-DB14FA25AF8A}" dt="2023-10-12T11:38:20.867" v="298"/>
          <ac:spMkLst>
            <pc:docMk/>
            <pc:sldMk cId="2376958513" sldId="260"/>
            <ac:spMk id="11278" creationId="{38DBD93B-B7BA-490F-2737-45F306232FCB}"/>
          </ac:spMkLst>
        </pc:spChg>
        <pc:spChg chg="mod">
          <ac:chgData name="White, Alex" userId="eff6cc8c-37d8-483b-9c6c-6b27e9afa9bc" providerId="ADAL" clId="{BF04C754-5BF4-4E83-9615-DB14FA25AF8A}" dt="2023-10-12T11:38:20.867" v="298"/>
          <ac:spMkLst>
            <pc:docMk/>
            <pc:sldMk cId="2376958513" sldId="260"/>
            <ac:spMk id="11279" creationId="{123CD8FA-D9A6-1A00-A96F-B2B03CBD881E}"/>
          </ac:spMkLst>
        </pc:spChg>
        <pc:spChg chg="mod">
          <ac:chgData name="White, Alex" userId="eff6cc8c-37d8-483b-9c6c-6b27e9afa9bc" providerId="ADAL" clId="{BF04C754-5BF4-4E83-9615-DB14FA25AF8A}" dt="2023-10-12T11:38:20.867" v="298"/>
          <ac:spMkLst>
            <pc:docMk/>
            <pc:sldMk cId="2376958513" sldId="260"/>
            <ac:spMk id="11280" creationId="{1E27A95C-6EB7-701C-3F7C-3C5D73BA43A3}"/>
          </ac:spMkLst>
        </pc:spChg>
        <pc:spChg chg="mod">
          <ac:chgData name="White, Alex" userId="eff6cc8c-37d8-483b-9c6c-6b27e9afa9bc" providerId="ADAL" clId="{BF04C754-5BF4-4E83-9615-DB14FA25AF8A}" dt="2023-10-12T11:38:20.867" v="298"/>
          <ac:spMkLst>
            <pc:docMk/>
            <pc:sldMk cId="2376958513" sldId="260"/>
            <ac:spMk id="11281" creationId="{7E86EFA0-738A-2CB7-0F0A-DD0218868F39}"/>
          </ac:spMkLst>
        </pc:spChg>
        <pc:spChg chg="mod">
          <ac:chgData name="White, Alex" userId="eff6cc8c-37d8-483b-9c6c-6b27e9afa9bc" providerId="ADAL" clId="{BF04C754-5BF4-4E83-9615-DB14FA25AF8A}" dt="2023-10-12T11:38:20.867" v="298"/>
          <ac:spMkLst>
            <pc:docMk/>
            <pc:sldMk cId="2376958513" sldId="260"/>
            <ac:spMk id="11282" creationId="{34B8052E-72CE-448B-8ED8-A17477290D12}"/>
          </ac:spMkLst>
        </pc:spChg>
        <pc:spChg chg="mod">
          <ac:chgData name="White, Alex" userId="eff6cc8c-37d8-483b-9c6c-6b27e9afa9bc" providerId="ADAL" clId="{BF04C754-5BF4-4E83-9615-DB14FA25AF8A}" dt="2023-10-12T11:38:20.867" v="298"/>
          <ac:spMkLst>
            <pc:docMk/>
            <pc:sldMk cId="2376958513" sldId="260"/>
            <ac:spMk id="11283" creationId="{1EEF3473-2C65-FF9C-67A3-76307C82368B}"/>
          </ac:spMkLst>
        </pc:spChg>
        <pc:spChg chg="mod">
          <ac:chgData name="White, Alex" userId="eff6cc8c-37d8-483b-9c6c-6b27e9afa9bc" providerId="ADAL" clId="{BF04C754-5BF4-4E83-9615-DB14FA25AF8A}" dt="2023-10-12T11:38:20.867" v="298"/>
          <ac:spMkLst>
            <pc:docMk/>
            <pc:sldMk cId="2376958513" sldId="260"/>
            <ac:spMk id="11284" creationId="{B2D0E1D3-4641-5653-1A26-3465FB38E0E6}"/>
          </ac:spMkLst>
        </pc:spChg>
        <pc:spChg chg="mod">
          <ac:chgData name="White, Alex" userId="eff6cc8c-37d8-483b-9c6c-6b27e9afa9bc" providerId="ADAL" clId="{BF04C754-5BF4-4E83-9615-DB14FA25AF8A}" dt="2023-10-12T11:38:20.867" v="298"/>
          <ac:spMkLst>
            <pc:docMk/>
            <pc:sldMk cId="2376958513" sldId="260"/>
            <ac:spMk id="11285" creationId="{D0E3F2D1-9C7E-0B78-2528-E431557674C6}"/>
          </ac:spMkLst>
        </pc:spChg>
        <pc:spChg chg="mod">
          <ac:chgData name="White, Alex" userId="eff6cc8c-37d8-483b-9c6c-6b27e9afa9bc" providerId="ADAL" clId="{BF04C754-5BF4-4E83-9615-DB14FA25AF8A}" dt="2023-10-12T11:38:20.867" v="298"/>
          <ac:spMkLst>
            <pc:docMk/>
            <pc:sldMk cId="2376958513" sldId="260"/>
            <ac:spMk id="11286" creationId="{B83717D2-403A-739F-7A99-10BED3056585}"/>
          </ac:spMkLst>
        </pc:spChg>
        <pc:spChg chg="mod">
          <ac:chgData name="White, Alex" userId="eff6cc8c-37d8-483b-9c6c-6b27e9afa9bc" providerId="ADAL" clId="{BF04C754-5BF4-4E83-9615-DB14FA25AF8A}" dt="2023-10-12T11:38:20.867" v="298"/>
          <ac:spMkLst>
            <pc:docMk/>
            <pc:sldMk cId="2376958513" sldId="260"/>
            <ac:spMk id="11287" creationId="{0B9E3B4E-2933-CBDE-0B33-53F8E2C4EBDD}"/>
          </ac:spMkLst>
        </pc:spChg>
        <pc:spChg chg="mod">
          <ac:chgData name="White, Alex" userId="eff6cc8c-37d8-483b-9c6c-6b27e9afa9bc" providerId="ADAL" clId="{BF04C754-5BF4-4E83-9615-DB14FA25AF8A}" dt="2023-10-12T11:38:20.867" v="298"/>
          <ac:spMkLst>
            <pc:docMk/>
            <pc:sldMk cId="2376958513" sldId="260"/>
            <ac:spMk id="11288" creationId="{EE1D24F3-C720-DEDE-D3B5-B27A97441EFE}"/>
          </ac:spMkLst>
        </pc:spChg>
        <pc:spChg chg="mod">
          <ac:chgData name="White, Alex" userId="eff6cc8c-37d8-483b-9c6c-6b27e9afa9bc" providerId="ADAL" clId="{BF04C754-5BF4-4E83-9615-DB14FA25AF8A}" dt="2023-10-12T11:38:20.867" v="298"/>
          <ac:spMkLst>
            <pc:docMk/>
            <pc:sldMk cId="2376958513" sldId="260"/>
            <ac:spMk id="11289" creationId="{9A5E564F-A6CC-66D3-A528-503E19480C9D}"/>
          </ac:spMkLst>
        </pc:spChg>
        <pc:spChg chg="mod">
          <ac:chgData name="White, Alex" userId="eff6cc8c-37d8-483b-9c6c-6b27e9afa9bc" providerId="ADAL" clId="{BF04C754-5BF4-4E83-9615-DB14FA25AF8A}" dt="2023-10-12T11:38:20.867" v="298"/>
          <ac:spMkLst>
            <pc:docMk/>
            <pc:sldMk cId="2376958513" sldId="260"/>
            <ac:spMk id="11290" creationId="{AE164D92-38E1-5837-5577-437FC2704E77}"/>
          </ac:spMkLst>
        </pc:spChg>
        <pc:spChg chg="mod">
          <ac:chgData name="White, Alex" userId="eff6cc8c-37d8-483b-9c6c-6b27e9afa9bc" providerId="ADAL" clId="{BF04C754-5BF4-4E83-9615-DB14FA25AF8A}" dt="2023-10-12T11:38:20.867" v="298"/>
          <ac:spMkLst>
            <pc:docMk/>
            <pc:sldMk cId="2376958513" sldId="260"/>
            <ac:spMk id="11291" creationId="{138E87A6-5394-8C16-46B5-BFA05F19170F}"/>
          </ac:spMkLst>
        </pc:spChg>
        <pc:spChg chg="mod">
          <ac:chgData name="White, Alex" userId="eff6cc8c-37d8-483b-9c6c-6b27e9afa9bc" providerId="ADAL" clId="{BF04C754-5BF4-4E83-9615-DB14FA25AF8A}" dt="2023-10-12T11:38:20.867" v="298"/>
          <ac:spMkLst>
            <pc:docMk/>
            <pc:sldMk cId="2376958513" sldId="260"/>
            <ac:spMk id="11292" creationId="{420F9F65-228A-F71B-B1B0-F8ACA4F0399A}"/>
          </ac:spMkLst>
        </pc:spChg>
        <pc:spChg chg="mod">
          <ac:chgData name="White, Alex" userId="eff6cc8c-37d8-483b-9c6c-6b27e9afa9bc" providerId="ADAL" clId="{BF04C754-5BF4-4E83-9615-DB14FA25AF8A}" dt="2023-10-12T11:38:20.867" v="298"/>
          <ac:spMkLst>
            <pc:docMk/>
            <pc:sldMk cId="2376958513" sldId="260"/>
            <ac:spMk id="11293" creationId="{7AADCA3C-99C6-55CE-0748-E04D566F36CF}"/>
          </ac:spMkLst>
        </pc:spChg>
        <pc:spChg chg="mod">
          <ac:chgData name="White, Alex" userId="eff6cc8c-37d8-483b-9c6c-6b27e9afa9bc" providerId="ADAL" clId="{BF04C754-5BF4-4E83-9615-DB14FA25AF8A}" dt="2023-10-12T11:38:20.867" v="298"/>
          <ac:spMkLst>
            <pc:docMk/>
            <pc:sldMk cId="2376958513" sldId="260"/>
            <ac:spMk id="11294" creationId="{30CABEE1-5524-0CE1-F162-1EDE3A76FA0E}"/>
          </ac:spMkLst>
        </pc:spChg>
        <pc:spChg chg="mod">
          <ac:chgData name="White, Alex" userId="eff6cc8c-37d8-483b-9c6c-6b27e9afa9bc" providerId="ADAL" clId="{BF04C754-5BF4-4E83-9615-DB14FA25AF8A}" dt="2023-10-12T11:38:20.867" v="298"/>
          <ac:spMkLst>
            <pc:docMk/>
            <pc:sldMk cId="2376958513" sldId="260"/>
            <ac:spMk id="11295" creationId="{8F2A8799-D209-D6BF-9142-84C921DCF923}"/>
          </ac:spMkLst>
        </pc:spChg>
        <pc:spChg chg="mod">
          <ac:chgData name="White, Alex" userId="eff6cc8c-37d8-483b-9c6c-6b27e9afa9bc" providerId="ADAL" clId="{BF04C754-5BF4-4E83-9615-DB14FA25AF8A}" dt="2023-10-12T11:38:20.867" v="298"/>
          <ac:spMkLst>
            <pc:docMk/>
            <pc:sldMk cId="2376958513" sldId="260"/>
            <ac:spMk id="11296" creationId="{874D8F56-C7B1-65E8-1DA8-C329DE7F5FB9}"/>
          </ac:spMkLst>
        </pc:spChg>
        <pc:spChg chg="mod">
          <ac:chgData name="White, Alex" userId="eff6cc8c-37d8-483b-9c6c-6b27e9afa9bc" providerId="ADAL" clId="{BF04C754-5BF4-4E83-9615-DB14FA25AF8A}" dt="2023-10-12T11:38:20.867" v="298"/>
          <ac:spMkLst>
            <pc:docMk/>
            <pc:sldMk cId="2376958513" sldId="260"/>
            <ac:spMk id="11297" creationId="{869E0CDA-463E-DD35-868B-90556D992E68}"/>
          </ac:spMkLst>
        </pc:spChg>
        <pc:spChg chg="mod">
          <ac:chgData name="White, Alex" userId="eff6cc8c-37d8-483b-9c6c-6b27e9afa9bc" providerId="ADAL" clId="{BF04C754-5BF4-4E83-9615-DB14FA25AF8A}" dt="2023-10-12T11:38:20.867" v="298"/>
          <ac:spMkLst>
            <pc:docMk/>
            <pc:sldMk cId="2376958513" sldId="260"/>
            <ac:spMk id="11298" creationId="{A2540EAA-5CAD-5AD8-1FBD-44EA1778E538}"/>
          </ac:spMkLst>
        </pc:spChg>
        <pc:spChg chg="mod">
          <ac:chgData name="White, Alex" userId="eff6cc8c-37d8-483b-9c6c-6b27e9afa9bc" providerId="ADAL" clId="{BF04C754-5BF4-4E83-9615-DB14FA25AF8A}" dt="2023-10-12T11:38:20.867" v="298"/>
          <ac:spMkLst>
            <pc:docMk/>
            <pc:sldMk cId="2376958513" sldId="260"/>
            <ac:spMk id="11299" creationId="{A2DCB0F4-4C79-7172-0D20-00ED5CA28A01}"/>
          </ac:spMkLst>
        </pc:spChg>
        <pc:spChg chg="mod">
          <ac:chgData name="White, Alex" userId="eff6cc8c-37d8-483b-9c6c-6b27e9afa9bc" providerId="ADAL" clId="{BF04C754-5BF4-4E83-9615-DB14FA25AF8A}" dt="2023-10-12T11:38:20.867" v="298"/>
          <ac:spMkLst>
            <pc:docMk/>
            <pc:sldMk cId="2376958513" sldId="260"/>
            <ac:spMk id="11300" creationId="{0C7338E9-AD5E-DFEB-E294-38C26D660313}"/>
          </ac:spMkLst>
        </pc:spChg>
        <pc:spChg chg="mod">
          <ac:chgData name="White, Alex" userId="eff6cc8c-37d8-483b-9c6c-6b27e9afa9bc" providerId="ADAL" clId="{BF04C754-5BF4-4E83-9615-DB14FA25AF8A}" dt="2023-10-12T11:38:20.867" v="298"/>
          <ac:spMkLst>
            <pc:docMk/>
            <pc:sldMk cId="2376958513" sldId="260"/>
            <ac:spMk id="11301" creationId="{C487CC6F-62B2-3768-4CC0-708822183FB7}"/>
          </ac:spMkLst>
        </pc:spChg>
        <pc:spChg chg="mod">
          <ac:chgData name="White, Alex" userId="eff6cc8c-37d8-483b-9c6c-6b27e9afa9bc" providerId="ADAL" clId="{BF04C754-5BF4-4E83-9615-DB14FA25AF8A}" dt="2023-10-12T11:38:20.867" v="298"/>
          <ac:spMkLst>
            <pc:docMk/>
            <pc:sldMk cId="2376958513" sldId="260"/>
            <ac:spMk id="11302" creationId="{00E114C6-F8DF-6BAB-48F7-1FED8EECE290}"/>
          </ac:spMkLst>
        </pc:spChg>
        <pc:spChg chg="mod">
          <ac:chgData name="White, Alex" userId="eff6cc8c-37d8-483b-9c6c-6b27e9afa9bc" providerId="ADAL" clId="{BF04C754-5BF4-4E83-9615-DB14FA25AF8A}" dt="2023-10-12T11:38:20.867" v="298"/>
          <ac:spMkLst>
            <pc:docMk/>
            <pc:sldMk cId="2376958513" sldId="260"/>
            <ac:spMk id="11303" creationId="{8858A4F5-A6CA-38DE-4B65-F97D844D9218}"/>
          </ac:spMkLst>
        </pc:spChg>
        <pc:spChg chg="mod">
          <ac:chgData name="White, Alex" userId="eff6cc8c-37d8-483b-9c6c-6b27e9afa9bc" providerId="ADAL" clId="{BF04C754-5BF4-4E83-9615-DB14FA25AF8A}" dt="2023-10-12T11:38:20.867" v="298"/>
          <ac:spMkLst>
            <pc:docMk/>
            <pc:sldMk cId="2376958513" sldId="260"/>
            <ac:spMk id="11304" creationId="{0C3ED1FC-3F0A-A5A3-AB36-5025939CFBC7}"/>
          </ac:spMkLst>
        </pc:spChg>
        <pc:spChg chg="mod">
          <ac:chgData name="White, Alex" userId="eff6cc8c-37d8-483b-9c6c-6b27e9afa9bc" providerId="ADAL" clId="{BF04C754-5BF4-4E83-9615-DB14FA25AF8A}" dt="2023-10-12T11:38:20.867" v="298"/>
          <ac:spMkLst>
            <pc:docMk/>
            <pc:sldMk cId="2376958513" sldId="260"/>
            <ac:spMk id="11305" creationId="{C8CD665B-76A7-3FB9-78D1-EE119CC4AAC2}"/>
          </ac:spMkLst>
        </pc:spChg>
        <pc:spChg chg="mod">
          <ac:chgData name="White, Alex" userId="eff6cc8c-37d8-483b-9c6c-6b27e9afa9bc" providerId="ADAL" clId="{BF04C754-5BF4-4E83-9615-DB14FA25AF8A}" dt="2023-10-12T11:38:20.867" v="298"/>
          <ac:spMkLst>
            <pc:docMk/>
            <pc:sldMk cId="2376958513" sldId="260"/>
            <ac:spMk id="11306" creationId="{51D16877-84C1-F305-5B30-3CF155D929CF}"/>
          </ac:spMkLst>
        </pc:spChg>
        <pc:spChg chg="mod">
          <ac:chgData name="White, Alex" userId="eff6cc8c-37d8-483b-9c6c-6b27e9afa9bc" providerId="ADAL" clId="{BF04C754-5BF4-4E83-9615-DB14FA25AF8A}" dt="2023-10-12T11:38:20.867" v="298"/>
          <ac:spMkLst>
            <pc:docMk/>
            <pc:sldMk cId="2376958513" sldId="260"/>
            <ac:spMk id="11307" creationId="{534AA454-C0E4-0E4D-F169-09B1543067EF}"/>
          </ac:spMkLst>
        </pc:spChg>
        <pc:spChg chg="mod">
          <ac:chgData name="White, Alex" userId="eff6cc8c-37d8-483b-9c6c-6b27e9afa9bc" providerId="ADAL" clId="{BF04C754-5BF4-4E83-9615-DB14FA25AF8A}" dt="2023-10-12T11:38:20.867" v="298"/>
          <ac:spMkLst>
            <pc:docMk/>
            <pc:sldMk cId="2376958513" sldId="260"/>
            <ac:spMk id="11308" creationId="{24AA437C-A58F-D562-D008-F196F65159F6}"/>
          </ac:spMkLst>
        </pc:spChg>
        <pc:spChg chg="mod">
          <ac:chgData name="White, Alex" userId="eff6cc8c-37d8-483b-9c6c-6b27e9afa9bc" providerId="ADAL" clId="{BF04C754-5BF4-4E83-9615-DB14FA25AF8A}" dt="2023-10-12T11:38:20.867" v="298"/>
          <ac:spMkLst>
            <pc:docMk/>
            <pc:sldMk cId="2376958513" sldId="260"/>
            <ac:spMk id="11309" creationId="{17B78FD8-EE35-D807-3D02-CC0B70A89DC8}"/>
          </ac:spMkLst>
        </pc:spChg>
        <pc:spChg chg="mod">
          <ac:chgData name="White, Alex" userId="eff6cc8c-37d8-483b-9c6c-6b27e9afa9bc" providerId="ADAL" clId="{BF04C754-5BF4-4E83-9615-DB14FA25AF8A}" dt="2023-10-12T11:38:20.867" v="298"/>
          <ac:spMkLst>
            <pc:docMk/>
            <pc:sldMk cId="2376958513" sldId="260"/>
            <ac:spMk id="11310" creationId="{6A593908-474B-7FDE-D06D-CC615ADF100F}"/>
          </ac:spMkLst>
        </pc:spChg>
        <pc:spChg chg="mod">
          <ac:chgData name="White, Alex" userId="eff6cc8c-37d8-483b-9c6c-6b27e9afa9bc" providerId="ADAL" clId="{BF04C754-5BF4-4E83-9615-DB14FA25AF8A}" dt="2023-10-12T11:38:20.867" v="298"/>
          <ac:spMkLst>
            <pc:docMk/>
            <pc:sldMk cId="2376958513" sldId="260"/>
            <ac:spMk id="11311" creationId="{79E5CBEF-5817-E657-9B87-CAA538752DE8}"/>
          </ac:spMkLst>
        </pc:spChg>
        <pc:spChg chg="mod">
          <ac:chgData name="White, Alex" userId="eff6cc8c-37d8-483b-9c6c-6b27e9afa9bc" providerId="ADAL" clId="{BF04C754-5BF4-4E83-9615-DB14FA25AF8A}" dt="2023-10-12T11:38:20.867" v="298"/>
          <ac:spMkLst>
            <pc:docMk/>
            <pc:sldMk cId="2376958513" sldId="260"/>
            <ac:spMk id="11312" creationId="{9A96A3DB-8FA4-4362-2BE3-3F7EE4DDBC3B}"/>
          </ac:spMkLst>
        </pc:spChg>
        <pc:spChg chg="mod">
          <ac:chgData name="White, Alex" userId="eff6cc8c-37d8-483b-9c6c-6b27e9afa9bc" providerId="ADAL" clId="{BF04C754-5BF4-4E83-9615-DB14FA25AF8A}" dt="2023-10-12T11:38:20.867" v="298"/>
          <ac:spMkLst>
            <pc:docMk/>
            <pc:sldMk cId="2376958513" sldId="260"/>
            <ac:spMk id="11313" creationId="{2E03B16A-1C9D-7ACB-05F3-C5717B6FB236}"/>
          </ac:spMkLst>
        </pc:spChg>
        <pc:spChg chg="mod">
          <ac:chgData name="White, Alex" userId="eff6cc8c-37d8-483b-9c6c-6b27e9afa9bc" providerId="ADAL" clId="{BF04C754-5BF4-4E83-9615-DB14FA25AF8A}" dt="2023-10-12T11:38:20.867" v="298"/>
          <ac:spMkLst>
            <pc:docMk/>
            <pc:sldMk cId="2376958513" sldId="260"/>
            <ac:spMk id="11314" creationId="{614E4C3D-4B3D-2505-C951-D138AE9B19BB}"/>
          </ac:spMkLst>
        </pc:spChg>
        <pc:spChg chg="mod">
          <ac:chgData name="White, Alex" userId="eff6cc8c-37d8-483b-9c6c-6b27e9afa9bc" providerId="ADAL" clId="{BF04C754-5BF4-4E83-9615-DB14FA25AF8A}" dt="2023-10-12T11:38:20.867" v="298"/>
          <ac:spMkLst>
            <pc:docMk/>
            <pc:sldMk cId="2376958513" sldId="260"/>
            <ac:spMk id="11315" creationId="{E229BC96-A73E-007A-D351-0F2BC19D8ACE}"/>
          </ac:spMkLst>
        </pc:spChg>
        <pc:spChg chg="mod">
          <ac:chgData name="White, Alex" userId="eff6cc8c-37d8-483b-9c6c-6b27e9afa9bc" providerId="ADAL" clId="{BF04C754-5BF4-4E83-9615-DB14FA25AF8A}" dt="2023-10-12T11:38:20.867" v="298"/>
          <ac:spMkLst>
            <pc:docMk/>
            <pc:sldMk cId="2376958513" sldId="260"/>
            <ac:spMk id="11316" creationId="{51410231-F4AC-58EF-A85C-66A7532E0FC2}"/>
          </ac:spMkLst>
        </pc:spChg>
        <pc:spChg chg="mod">
          <ac:chgData name="White, Alex" userId="eff6cc8c-37d8-483b-9c6c-6b27e9afa9bc" providerId="ADAL" clId="{BF04C754-5BF4-4E83-9615-DB14FA25AF8A}" dt="2023-10-12T11:38:20.867" v="298"/>
          <ac:spMkLst>
            <pc:docMk/>
            <pc:sldMk cId="2376958513" sldId="260"/>
            <ac:spMk id="11317" creationId="{24612CE5-EAED-8CC8-C798-E614DB1DAF8F}"/>
          </ac:spMkLst>
        </pc:spChg>
        <pc:spChg chg="mod">
          <ac:chgData name="White, Alex" userId="eff6cc8c-37d8-483b-9c6c-6b27e9afa9bc" providerId="ADAL" clId="{BF04C754-5BF4-4E83-9615-DB14FA25AF8A}" dt="2023-10-12T11:38:20.867" v="298"/>
          <ac:spMkLst>
            <pc:docMk/>
            <pc:sldMk cId="2376958513" sldId="260"/>
            <ac:spMk id="11318" creationId="{9E79FC85-1C9D-D30E-568D-B3E1C38BB53E}"/>
          </ac:spMkLst>
        </pc:spChg>
        <pc:spChg chg="mod">
          <ac:chgData name="White, Alex" userId="eff6cc8c-37d8-483b-9c6c-6b27e9afa9bc" providerId="ADAL" clId="{BF04C754-5BF4-4E83-9615-DB14FA25AF8A}" dt="2023-10-12T11:38:20.867" v="298"/>
          <ac:spMkLst>
            <pc:docMk/>
            <pc:sldMk cId="2376958513" sldId="260"/>
            <ac:spMk id="11319" creationId="{6B14861E-01DA-C03F-6DD4-189F5C8891FA}"/>
          </ac:spMkLst>
        </pc:spChg>
        <pc:spChg chg="mod">
          <ac:chgData name="White, Alex" userId="eff6cc8c-37d8-483b-9c6c-6b27e9afa9bc" providerId="ADAL" clId="{BF04C754-5BF4-4E83-9615-DB14FA25AF8A}" dt="2023-10-12T11:38:20.867" v="298"/>
          <ac:spMkLst>
            <pc:docMk/>
            <pc:sldMk cId="2376958513" sldId="260"/>
            <ac:spMk id="11320" creationId="{7192C9DD-14E9-4C8A-240B-3961F3095410}"/>
          </ac:spMkLst>
        </pc:spChg>
        <pc:spChg chg="mod">
          <ac:chgData name="White, Alex" userId="eff6cc8c-37d8-483b-9c6c-6b27e9afa9bc" providerId="ADAL" clId="{BF04C754-5BF4-4E83-9615-DB14FA25AF8A}" dt="2023-10-12T11:38:20.867" v="298"/>
          <ac:spMkLst>
            <pc:docMk/>
            <pc:sldMk cId="2376958513" sldId="260"/>
            <ac:spMk id="11321" creationId="{44DDD614-0406-D39F-03E9-7A5DE09C3A01}"/>
          </ac:spMkLst>
        </pc:spChg>
        <pc:spChg chg="mod">
          <ac:chgData name="White, Alex" userId="eff6cc8c-37d8-483b-9c6c-6b27e9afa9bc" providerId="ADAL" clId="{BF04C754-5BF4-4E83-9615-DB14FA25AF8A}" dt="2023-10-12T11:38:20.867" v="298"/>
          <ac:spMkLst>
            <pc:docMk/>
            <pc:sldMk cId="2376958513" sldId="260"/>
            <ac:spMk id="11322" creationId="{7A627A09-1C6D-926A-51A2-0CBF2F19653E}"/>
          </ac:spMkLst>
        </pc:spChg>
        <pc:spChg chg="mod">
          <ac:chgData name="White, Alex" userId="eff6cc8c-37d8-483b-9c6c-6b27e9afa9bc" providerId="ADAL" clId="{BF04C754-5BF4-4E83-9615-DB14FA25AF8A}" dt="2023-10-12T11:38:20.867" v="298"/>
          <ac:spMkLst>
            <pc:docMk/>
            <pc:sldMk cId="2376958513" sldId="260"/>
            <ac:spMk id="11323" creationId="{73D1441B-8A8F-A7AD-F3A2-F9DE9D6CCDE7}"/>
          </ac:spMkLst>
        </pc:spChg>
        <pc:spChg chg="mod">
          <ac:chgData name="White, Alex" userId="eff6cc8c-37d8-483b-9c6c-6b27e9afa9bc" providerId="ADAL" clId="{BF04C754-5BF4-4E83-9615-DB14FA25AF8A}" dt="2023-10-12T11:38:20.867" v="298"/>
          <ac:spMkLst>
            <pc:docMk/>
            <pc:sldMk cId="2376958513" sldId="260"/>
            <ac:spMk id="11324" creationId="{C6617D98-2BD1-D062-5B74-9AEDC390AAD7}"/>
          </ac:spMkLst>
        </pc:spChg>
        <pc:spChg chg="mod">
          <ac:chgData name="White, Alex" userId="eff6cc8c-37d8-483b-9c6c-6b27e9afa9bc" providerId="ADAL" clId="{BF04C754-5BF4-4E83-9615-DB14FA25AF8A}" dt="2023-10-12T11:38:20.867" v="298"/>
          <ac:spMkLst>
            <pc:docMk/>
            <pc:sldMk cId="2376958513" sldId="260"/>
            <ac:spMk id="11325" creationId="{E3CCE3B9-DA4C-F962-8605-FA34D5E6912B}"/>
          </ac:spMkLst>
        </pc:spChg>
        <pc:spChg chg="mod">
          <ac:chgData name="White, Alex" userId="eff6cc8c-37d8-483b-9c6c-6b27e9afa9bc" providerId="ADAL" clId="{BF04C754-5BF4-4E83-9615-DB14FA25AF8A}" dt="2023-10-12T11:38:20.867" v="298"/>
          <ac:spMkLst>
            <pc:docMk/>
            <pc:sldMk cId="2376958513" sldId="260"/>
            <ac:spMk id="11326" creationId="{29965190-5C07-8B23-032F-96BF0A4D1D43}"/>
          </ac:spMkLst>
        </pc:spChg>
        <pc:spChg chg="mod">
          <ac:chgData name="White, Alex" userId="eff6cc8c-37d8-483b-9c6c-6b27e9afa9bc" providerId="ADAL" clId="{BF04C754-5BF4-4E83-9615-DB14FA25AF8A}" dt="2023-10-12T11:38:20.867" v="298"/>
          <ac:spMkLst>
            <pc:docMk/>
            <pc:sldMk cId="2376958513" sldId="260"/>
            <ac:spMk id="11327" creationId="{89C9880A-5038-2E51-4A4D-E75460C0DF25}"/>
          </ac:spMkLst>
        </pc:spChg>
        <pc:spChg chg="mod">
          <ac:chgData name="White, Alex" userId="eff6cc8c-37d8-483b-9c6c-6b27e9afa9bc" providerId="ADAL" clId="{BF04C754-5BF4-4E83-9615-DB14FA25AF8A}" dt="2023-10-12T11:38:20.867" v="298"/>
          <ac:spMkLst>
            <pc:docMk/>
            <pc:sldMk cId="2376958513" sldId="260"/>
            <ac:spMk id="11328" creationId="{FEAB4164-5171-AA76-8059-8FFBDA1B9712}"/>
          </ac:spMkLst>
        </pc:spChg>
        <pc:spChg chg="mod">
          <ac:chgData name="White, Alex" userId="eff6cc8c-37d8-483b-9c6c-6b27e9afa9bc" providerId="ADAL" clId="{BF04C754-5BF4-4E83-9615-DB14FA25AF8A}" dt="2023-10-12T11:38:20.867" v="298"/>
          <ac:spMkLst>
            <pc:docMk/>
            <pc:sldMk cId="2376958513" sldId="260"/>
            <ac:spMk id="11329" creationId="{606FAC66-1082-CBC0-C04B-DA93696BC243}"/>
          </ac:spMkLst>
        </pc:spChg>
        <pc:spChg chg="mod">
          <ac:chgData name="White, Alex" userId="eff6cc8c-37d8-483b-9c6c-6b27e9afa9bc" providerId="ADAL" clId="{BF04C754-5BF4-4E83-9615-DB14FA25AF8A}" dt="2023-10-12T11:38:20.867" v="298"/>
          <ac:spMkLst>
            <pc:docMk/>
            <pc:sldMk cId="2376958513" sldId="260"/>
            <ac:spMk id="11330" creationId="{FC21E904-D305-4669-1C8E-F83B6E31D5EB}"/>
          </ac:spMkLst>
        </pc:spChg>
        <pc:spChg chg="mod">
          <ac:chgData name="White, Alex" userId="eff6cc8c-37d8-483b-9c6c-6b27e9afa9bc" providerId="ADAL" clId="{BF04C754-5BF4-4E83-9615-DB14FA25AF8A}" dt="2023-10-12T11:38:20.867" v="298"/>
          <ac:spMkLst>
            <pc:docMk/>
            <pc:sldMk cId="2376958513" sldId="260"/>
            <ac:spMk id="11331" creationId="{8EB5CEB0-C41A-0F9E-88C4-08C9026F38C2}"/>
          </ac:spMkLst>
        </pc:spChg>
        <pc:spChg chg="mod">
          <ac:chgData name="White, Alex" userId="eff6cc8c-37d8-483b-9c6c-6b27e9afa9bc" providerId="ADAL" clId="{BF04C754-5BF4-4E83-9615-DB14FA25AF8A}" dt="2023-10-12T11:38:20.867" v="298"/>
          <ac:spMkLst>
            <pc:docMk/>
            <pc:sldMk cId="2376958513" sldId="260"/>
            <ac:spMk id="11332" creationId="{0BF82E7D-A405-A8AE-7E13-87471D48AF78}"/>
          </ac:spMkLst>
        </pc:spChg>
        <pc:spChg chg="mod">
          <ac:chgData name="White, Alex" userId="eff6cc8c-37d8-483b-9c6c-6b27e9afa9bc" providerId="ADAL" clId="{BF04C754-5BF4-4E83-9615-DB14FA25AF8A}" dt="2023-10-12T11:38:20.867" v="298"/>
          <ac:spMkLst>
            <pc:docMk/>
            <pc:sldMk cId="2376958513" sldId="260"/>
            <ac:spMk id="11333" creationId="{943FAF4B-C5A7-0408-2BD6-D2A29C9EC5C4}"/>
          </ac:spMkLst>
        </pc:spChg>
        <pc:spChg chg="mod">
          <ac:chgData name="White, Alex" userId="eff6cc8c-37d8-483b-9c6c-6b27e9afa9bc" providerId="ADAL" clId="{BF04C754-5BF4-4E83-9615-DB14FA25AF8A}" dt="2023-10-12T11:38:20.867" v="298"/>
          <ac:spMkLst>
            <pc:docMk/>
            <pc:sldMk cId="2376958513" sldId="260"/>
            <ac:spMk id="11334" creationId="{BC6B3D09-14BD-B920-8199-E450FB3F832E}"/>
          </ac:spMkLst>
        </pc:spChg>
        <pc:spChg chg="mod">
          <ac:chgData name="White, Alex" userId="eff6cc8c-37d8-483b-9c6c-6b27e9afa9bc" providerId="ADAL" clId="{BF04C754-5BF4-4E83-9615-DB14FA25AF8A}" dt="2023-10-12T11:38:20.867" v="298"/>
          <ac:spMkLst>
            <pc:docMk/>
            <pc:sldMk cId="2376958513" sldId="260"/>
            <ac:spMk id="11335" creationId="{A1AA1B73-F965-D577-A5D5-27D3E256FED2}"/>
          </ac:spMkLst>
        </pc:spChg>
        <pc:spChg chg="mod">
          <ac:chgData name="White, Alex" userId="eff6cc8c-37d8-483b-9c6c-6b27e9afa9bc" providerId="ADAL" clId="{BF04C754-5BF4-4E83-9615-DB14FA25AF8A}" dt="2023-10-12T11:38:20.867" v="298"/>
          <ac:spMkLst>
            <pc:docMk/>
            <pc:sldMk cId="2376958513" sldId="260"/>
            <ac:spMk id="11336" creationId="{2EED7307-7A55-D8A6-5D56-B925FBBD0D8F}"/>
          </ac:spMkLst>
        </pc:spChg>
        <pc:spChg chg="mod">
          <ac:chgData name="White, Alex" userId="eff6cc8c-37d8-483b-9c6c-6b27e9afa9bc" providerId="ADAL" clId="{BF04C754-5BF4-4E83-9615-DB14FA25AF8A}" dt="2023-10-12T11:38:20.867" v="298"/>
          <ac:spMkLst>
            <pc:docMk/>
            <pc:sldMk cId="2376958513" sldId="260"/>
            <ac:spMk id="11337" creationId="{F1BFD3B3-7298-20E9-883D-787E45E24173}"/>
          </ac:spMkLst>
        </pc:spChg>
        <pc:spChg chg="mod">
          <ac:chgData name="White, Alex" userId="eff6cc8c-37d8-483b-9c6c-6b27e9afa9bc" providerId="ADAL" clId="{BF04C754-5BF4-4E83-9615-DB14FA25AF8A}" dt="2023-10-12T11:38:20.867" v="298"/>
          <ac:spMkLst>
            <pc:docMk/>
            <pc:sldMk cId="2376958513" sldId="260"/>
            <ac:spMk id="11338" creationId="{2DBE9084-5234-5992-B137-225B27335376}"/>
          </ac:spMkLst>
        </pc:spChg>
        <pc:spChg chg="mod">
          <ac:chgData name="White, Alex" userId="eff6cc8c-37d8-483b-9c6c-6b27e9afa9bc" providerId="ADAL" clId="{BF04C754-5BF4-4E83-9615-DB14FA25AF8A}" dt="2023-10-12T11:38:20.867" v="298"/>
          <ac:spMkLst>
            <pc:docMk/>
            <pc:sldMk cId="2376958513" sldId="260"/>
            <ac:spMk id="11339" creationId="{660C96A5-610E-EF3A-3627-D718A026E4D1}"/>
          </ac:spMkLst>
        </pc:spChg>
        <pc:spChg chg="mod">
          <ac:chgData name="White, Alex" userId="eff6cc8c-37d8-483b-9c6c-6b27e9afa9bc" providerId="ADAL" clId="{BF04C754-5BF4-4E83-9615-DB14FA25AF8A}" dt="2023-10-12T11:38:20.867" v="298"/>
          <ac:spMkLst>
            <pc:docMk/>
            <pc:sldMk cId="2376958513" sldId="260"/>
            <ac:spMk id="11340" creationId="{F9455CE1-4500-60A7-A147-4E038993E357}"/>
          </ac:spMkLst>
        </pc:spChg>
        <pc:spChg chg="mod">
          <ac:chgData name="White, Alex" userId="eff6cc8c-37d8-483b-9c6c-6b27e9afa9bc" providerId="ADAL" clId="{BF04C754-5BF4-4E83-9615-DB14FA25AF8A}" dt="2023-10-12T11:38:20.867" v="298"/>
          <ac:spMkLst>
            <pc:docMk/>
            <pc:sldMk cId="2376958513" sldId="260"/>
            <ac:spMk id="11341" creationId="{195CABEC-4A2F-18E8-FFED-F0E3684BA946}"/>
          </ac:spMkLst>
        </pc:spChg>
        <pc:spChg chg="mod">
          <ac:chgData name="White, Alex" userId="eff6cc8c-37d8-483b-9c6c-6b27e9afa9bc" providerId="ADAL" clId="{BF04C754-5BF4-4E83-9615-DB14FA25AF8A}" dt="2023-10-12T11:38:20.867" v="298"/>
          <ac:spMkLst>
            <pc:docMk/>
            <pc:sldMk cId="2376958513" sldId="260"/>
            <ac:spMk id="11342" creationId="{86A594B0-286C-39EA-6B0C-DFAF6D7047E4}"/>
          </ac:spMkLst>
        </pc:spChg>
        <pc:spChg chg="mod">
          <ac:chgData name="White, Alex" userId="eff6cc8c-37d8-483b-9c6c-6b27e9afa9bc" providerId="ADAL" clId="{BF04C754-5BF4-4E83-9615-DB14FA25AF8A}" dt="2023-10-12T11:38:20.867" v="298"/>
          <ac:spMkLst>
            <pc:docMk/>
            <pc:sldMk cId="2376958513" sldId="260"/>
            <ac:spMk id="11343" creationId="{91B686A9-4D64-7CE9-2518-6549A309ABCC}"/>
          </ac:spMkLst>
        </pc:spChg>
        <pc:spChg chg="mod">
          <ac:chgData name="White, Alex" userId="eff6cc8c-37d8-483b-9c6c-6b27e9afa9bc" providerId="ADAL" clId="{BF04C754-5BF4-4E83-9615-DB14FA25AF8A}" dt="2023-10-12T11:38:20.867" v="298"/>
          <ac:spMkLst>
            <pc:docMk/>
            <pc:sldMk cId="2376958513" sldId="260"/>
            <ac:spMk id="11344" creationId="{54AF2B7D-A421-EC31-0E3F-DDC2D7206DE7}"/>
          </ac:spMkLst>
        </pc:spChg>
        <pc:spChg chg="mod">
          <ac:chgData name="White, Alex" userId="eff6cc8c-37d8-483b-9c6c-6b27e9afa9bc" providerId="ADAL" clId="{BF04C754-5BF4-4E83-9615-DB14FA25AF8A}" dt="2023-10-12T11:38:20.867" v="298"/>
          <ac:spMkLst>
            <pc:docMk/>
            <pc:sldMk cId="2376958513" sldId="260"/>
            <ac:spMk id="11345" creationId="{01A653F4-BE7D-D77F-A213-8678EB2CDBD1}"/>
          </ac:spMkLst>
        </pc:spChg>
        <pc:spChg chg="mod">
          <ac:chgData name="White, Alex" userId="eff6cc8c-37d8-483b-9c6c-6b27e9afa9bc" providerId="ADAL" clId="{BF04C754-5BF4-4E83-9615-DB14FA25AF8A}" dt="2023-10-12T11:38:20.867" v="298"/>
          <ac:spMkLst>
            <pc:docMk/>
            <pc:sldMk cId="2376958513" sldId="260"/>
            <ac:spMk id="11346" creationId="{529EDF37-74C6-1DDB-DACE-90D3AE5C6AA2}"/>
          </ac:spMkLst>
        </pc:spChg>
        <pc:spChg chg="mod">
          <ac:chgData name="White, Alex" userId="eff6cc8c-37d8-483b-9c6c-6b27e9afa9bc" providerId="ADAL" clId="{BF04C754-5BF4-4E83-9615-DB14FA25AF8A}" dt="2023-10-12T11:38:20.867" v="298"/>
          <ac:spMkLst>
            <pc:docMk/>
            <pc:sldMk cId="2376958513" sldId="260"/>
            <ac:spMk id="11347" creationId="{EA2BDF99-232D-9BDC-CD47-D4FB3D65A2C0}"/>
          </ac:spMkLst>
        </pc:spChg>
        <pc:spChg chg="mod">
          <ac:chgData name="White, Alex" userId="eff6cc8c-37d8-483b-9c6c-6b27e9afa9bc" providerId="ADAL" clId="{BF04C754-5BF4-4E83-9615-DB14FA25AF8A}" dt="2023-10-12T11:38:20.867" v="298"/>
          <ac:spMkLst>
            <pc:docMk/>
            <pc:sldMk cId="2376958513" sldId="260"/>
            <ac:spMk id="11348" creationId="{EDE94C07-F1B4-9FA9-86DD-03B9E82EBEC2}"/>
          </ac:spMkLst>
        </pc:spChg>
        <pc:spChg chg="mod">
          <ac:chgData name="White, Alex" userId="eff6cc8c-37d8-483b-9c6c-6b27e9afa9bc" providerId="ADAL" clId="{BF04C754-5BF4-4E83-9615-DB14FA25AF8A}" dt="2023-10-12T11:38:20.867" v="298"/>
          <ac:spMkLst>
            <pc:docMk/>
            <pc:sldMk cId="2376958513" sldId="260"/>
            <ac:spMk id="11349" creationId="{11F0ED7C-4982-54D1-F229-C75F03A516AE}"/>
          </ac:spMkLst>
        </pc:spChg>
        <pc:spChg chg="mod">
          <ac:chgData name="White, Alex" userId="eff6cc8c-37d8-483b-9c6c-6b27e9afa9bc" providerId="ADAL" clId="{BF04C754-5BF4-4E83-9615-DB14FA25AF8A}" dt="2023-10-12T11:38:20.867" v="298"/>
          <ac:spMkLst>
            <pc:docMk/>
            <pc:sldMk cId="2376958513" sldId="260"/>
            <ac:spMk id="11350" creationId="{D8CC0510-7F07-ED6C-AC03-911596AC74BF}"/>
          </ac:spMkLst>
        </pc:spChg>
        <pc:spChg chg="mod">
          <ac:chgData name="White, Alex" userId="eff6cc8c-37d8-483b-9c6c-6b27e9afa9bc" providerId="ADAL" clId="{BF04C754-5BF4-4E83-9615-DB14FA25AF8A}" dt="2023-10-12T11:38:20.867" v="298"/>
          <ac:spMkLst>
            <pc:docMk/>
            <pc:sldMk cId="2376958513" sldId="260"/>
            <ac:spMk id="11351" creationId="{67076756-A1AC-3CC4-8E37-0C845855F79F}"/>
          </ac:spMkLst>
        </pc:spChg>
        <pc:spChg chg="mod">
          <ac:chgData name="White, Alex" userId="eff6cc8c-37d8-483b-9c6c-6b27e9afa9bc" providerId="ADAL" clId="{BF04C754-5BF4-4E83-9615-DB14FA25AF8A}" dt="2023-10-12T11:38:20.867" v="298"/>
          <ac:spMkLst>
            <pc:docMk/>
            <pc:sldMk cId="2376958513" sldId="260"/>
            <ac:spMk id="11352" creationId="{059EC550-9792-1C78-4DB3-D70E69AB96A3}"/>
          </ac:spMkLst>
        </pc:spChg>
        <pc:spChg chg="mod">
          <ac:chgData name="White, Alex" userId="eff6cc8c-37d8-483b-9c6c-6b27e9afa9bc" providerId="ADAL" clId="{BF04C754-5BF4-4E83-9615-DB14FA25AF8A}" dt="2023-10-12T11:38:20.867" v="298"/>
          <ac:spMkLst>
            <pc:docMk/>
            <pc:sldMk cId="2376958513" sldId="260"/>
            <ac:spMk id="11353" creationId="{AAAF9759-BA9A-AD25-4137-A1349A3252B8}"/>
          </ac:spMkLst>
        </pc:spChg>
        <pc:spChg chg="mod">
          <ac:chgData name="White, Alex" userId="eff6cc8c-37d8-483b-9c6c-6b27e9afa9bc" providerId="ADAL" clId="{BF04C754-5BF4-4E83-9615-DB14FA25AF8A}" dt="2023-10-12T11:38:20.867" v="298"/>
          <ac:spMkLst>
            <pc:docMk/>
            <pc:sldMk cId="2376958513" sldId="260"/>
            <ac:spMk id="11354" creationId="{7D2A2C3A-595B-0932-AFC9-D0269D4B5474}"/>
          </ac:spMkLst>
        </pc:spChg>
        <pc:spChg chg="mod">
          <ac:chgData name="White, Alex" userId="eff6cc8c-37d8-483b-9c6c-6b27e9afa9bc" providerId="ADAL" clId="{BF04C754-5BF4-4E83-9615-DB14FA25AF8A}" dt="2023-10-12T11:38:20.867" v="298"/>
          <ac:spMkLst>
            <pc:docMk/>
            <pc:sldMk cId="2376958513" sldId="260"/>
            <ac:spMk id="11355" creationId="{44D2E76E-CDFC-533F-5E86-3CE4F0233B10}"/>
          </ac:spMkLst>
        </pc:spChg>
        <pc:spChg chg="mod">
          <ac:chgData name="White, Alex" userId="eff6cc8c-37d8-483b-9c6c-6b27e9afa9bc" providerId="ADAL" clId="{BF04C754-5BF4-4E83-9615-DB14FA25AF8A}" dt="2023-10-12T11:38:20.867" v="298"/>
          <ac:spMkLst>
            <pc:docMk/>
            <pc:sldMk cId="2376958513" sldId="260"/>
            <ac:spMk id="11356" creationId="{88F054BF-3579-A046-C6FC-CF0EB1BB8ABC}"/>
          </ac:spMkLst>
        </pc:spChg>
        <pc:spChg chg="mod">
          <ac:chgData name="White, Alex" userId="eff6cc8c-37d8-483b-9c6c-6b27e9afa9bc" providerId="ADAL" clId="{BF04C754-5BF4-4E83-9615-DB14FA25AF8A}" dt="2023-10-12T11:38:20.867" v="298"/>
          <ac:spMkLst>
            <pc:docMk/>
            <pc:sldMk cId="2376958513" sldId="260"/>
            <ac:spMk id="11357" creationId="{F8BFA1DB-7CA8-936B-6EA9-5B5FF78CBFB0}"/>
          </ac:spMkLst>
        </pc:spChg>
        <pc:spChg chg="mod">
          <ac:chgData name="White, Alex" userId="eff6cc8c-37d8-483b-9c6c-6b27e9afa9bc" providerId="ADAL" clId="{BF04C754-5BF4-4E83-9615-DB14FA25AF8A}" dt="2023-10-12T11:38:20.867" v="298"/>
          <ac:spMkLst>
            <pc:docMk/>
            <pc:sldMk cId="2376958513" sldId="260"/>
            <ac:spMk id="11358" creationId="{B03D1470-23A2-BC3A-D006-2957CDF600C5}"/>
          </ac:spMkLst>
        </pc:spChg>
        <pc:spChg chg="mod">
          <ac:chgData name="White, Alex" userId="eff6cc8c-37d8-483b-9c6c-6b27e9afa9bc" providerId="ADAL" clId="{BF04C754-5BF4-4E83-9615-DB14FA25AF8A}" dt="2023-10-12T11:38:20.867" v="298"/>
          <ac:spMkLst>
            <pc:docMk/>
            <pc:sldMk cId="2376958513" sldId="260"/>
            <ac:spMk id="11359" creationId="{C30BB29E-694F-335D-7C77-76F29732164A}"/>
          </ac:spMkLst>
        </pc:spChg>
        <pc:spChg chg="mod">
          <ac:chgData name="White, Alex" userId="eff6cc8c-37d8-483b-9c6c-6b27e9afa9bc" providerId="ADAL" clId="{BF04C754-5BF4-4E83-9615-DB14FA25AF8A}" dt="2023-10-12T11:38:20.867" v="298"/>
          <ac:spMkLst>
            <pc:docMk/>
            <pc:sldMk cId="2376958513" sldId="260"/>
            <ac:spMk id="11360" creationId="{9AC6F3B2-4399-6B8C-5ACB-984D7A70A383}"/>
          </ac:spMkLst>
        </pc:spChg>
        <pc:spChg chg="mod">
          <ac:chgData name="White, Alex" userId="eff6cc8c-37d8-483b-9c6c-6b27e9afa9bc" providerId="ADAL" clId="{BF04C754-5BF4-4E83-9615-DB14FA25AF8A}" dt="2023-10-12T11:38:20.867" v="298"/>
          <ac:spMkLst>
            <pc:docMk/>
            <pc:sldMk cId="2376958513" sldId="260"/>
            <ac:spMk id="11361" creationId="{83F40F9D-6551-8FA9-0AFE-5B49BF4B262D}"/>
          </ac:spMkLst>
        </pc:spChg>
        <pc:spChg chg="mod">
          <ac:chgData name="White, Alex" userId="eff6cc8c-37d8-483b-9c6c-6b27e9afa9bc" providerId="ADAL" clId="{BF04C754-5BF4-4E83-9615-DB14FA25AF8A}" dt="2023-10-12T11:38:20.867" v="298"/>
          <ac:spMkLst>
            <pc:docMk/>
            <pc:sldMk cId="2376958513" sldId="260"/>
            <ac:spMk id="11362" creationId="{66AB47F6-7A81-8E87-BC96-E7FFC4A7A2E3}"/>
          </ac:spMkLst>
        </pc:spChg>
        <pc:spChg chg="mod">
          <ac:chgData name="White, Alex" userId="eff6cc8c-37d8-483b-9c6c-6b27e9afa9bc" providerId="ADAL" clId="{BF04C754-5BF4-4E83-9615-DB14FA25AF8A}" dt="2023-10-12T11:38:20.867" v="298"/>
          <ac:spMkLst>
            <pc:docMk/>
            <pc:sldMk cId="2376958513" sldId="260"/>
            <ac:spMk id="11363" creationId="{2725A9DF-A3CE-46C0-48E1-813FE1FF4CB7}"/>
          </ac:spMkLst>
        </pc:spChg>
        <pc:spChg chg="mod">
          <ac:chgData name="White, Alex" userId="eff6cc8c-37d8-483b-9c6c-6b27e9afa9bc" providerId="ADAL" clId="{BF04C754-5BF4-4E83-9615-DB14FA25AF8A}" dt="2023-10-12T11:38:20.867" v="298"/>
          <ac:spMkLst>
            <pc:docMk/>
            <pc:sldMk cId="2376958513" sldId="260"/>
            <ac:spMk id="11364" creationId="{B3A706A6-19C5-5C4B-B1F3-29703C76CDC8}"/>
          </ac:spMkLst>
        </pc:spChg>
        <pc:spChg chg="mod">
          <ac:chgData name="White, Alex" userId="eff6cc8c-37d8-483b-9c6c-6b27e9afa9bc" providerId="ADAL" clId="{BF04C754-5BF4-4E83-9615-DB14FA25AF8A}" dt="2023-10-12T11:38:20.867" v="298"/>
          <ac:spMkLst>
            <pc:docMk/>
            <pc:sldMk cId="2376958513" sldId="260"/>
            <ac:spMk id="11365" creationId="{7462D3C9-EC82-BF3A-6DBE-1664EA380E45}"/>
          </ac:spMkLst>
        </pc:spChg>
        <pc:spChg chg="mod">
          <ac:chgData name="White, Alex" userId="eff6cc8c-37d8-483b-9c6c-6b27e9afa9bc" providerId="ADAL" clId="{BF04C754-5BF4-4E83-9615-DB14FA25AF8A}" dt="2023-10-12T11:38:20.867" v="298"/>
          <ac:spMkLst>
            <pc:docMk/>
            <pc:sldMk cId="2376958513" sldId="260"/>
            <ac:spMk id="11366" creationId="{B42D5271-50C7-56D6-B34E-CE119039CF36}"/>
          </ac:spMkLst>
        </pc:spChg>
        <pc:spChg chg="mod">
          <ac:chgData name="White, Alex" userId="eff6cc8c-37d8-483b-9c6c-6b27e9afa9bc" providerId="ADAL" clId="{BF04C754-5BF4-4E83-9615-DB14FA25AF8A}" dt="2023-10-12T11:38:20.867" v="298"/>
          <ac:spMkLst>
            <pc:docMk/>
            <pc:sldMk cId="2376958513" sldId="260"/>
            <ac:spMk id="11367" creationId="{0FF9467B-7F88-03B8-EC8C-192102D86770}"/>
          </ac:spMkLst>
        </pc:spChg>
        <pc:spChg chg="mod">
          <ac:chgData name="White, Alex" userId="eff6cc8c-37d8-483b-9c6c-6b27e9afa9bc" providerId="ADAL" clId="{BF04C754-5BF4-4E83-9615-DB14FA25AF8A}" dt="2023-10-12T11:38:20.867" v="298"/>
          <ac:spMkLst>
            <pc:docMk/>
            <pc:sldMk cId="2376958513" sldId="260"/>
            <ac:spMk id="11368" creationId="{F1163C92-49D3-1E8B-C737-682E27FD1084}"/>
          </ac:spMkLst>
        </pc:spChg>
        <pc:spChg chg="mod">
          <ac:chgData name="White, Alex" userId="eff6cc8c-37d8-483b-9c6c-6b27e9afa9bc" providerId="ADAL" clId="{BF04C754-5BF4-4E83-9615-DB14FA25AF8A}" dt="2023-10-12T11:38:20.867" v="298"/>
          <ac:spMkLst>
            <pc:docMk/>
            <pc:sldMk cId="2376958513" sldId="260"/>
            <ac:spMk id="11369" creationId="{119F0985-DAD7-4BF6-0F53-F4993BB78C7F}"/>
          </ac:spMkLst>
        </pc:spChg>
        <pc:spChg chg="mod">
          <ac:chgData name="White, Alex" userId="eff6cc8c-37d8-483b-9c6c-6b27e9afa9bc" providerId="ADAL" clId="{BF04C754-5BF4-4E83-9615-DB14FA25AF8A}" dt="2023-10-12T11:38:20.867" v="298"/>
          <ac:spMkLst>
            <pc:docMk/>
            <pc:sldMk cId="2376958513" sldId="260"/>
            <ac:spMk id="11370" creationId="{97B2DFBA-5735-7B0F-5ECB-486B77902BD1}"/>
          </ac:spMkLst>
        </pc:spChg>
        <pc:spChg chg="mod">
          <ac:chgData name="White, Alex" userId="eff6cc8c-37d8-483b-9c6c-6b27e9afa9bc" providerId="ADAL" clId="{BF04C754-5BF4-4E83-9615-DB14FA25AF8A}" dt="2023-10-12T11:38:20.867" v="298"/>
          <ac:spMkLst>
            <pc:docMk/>
            <pc:sldMk cId="2376958513" sldId="260"/>
            <ac:spMk id="11371" creationId="{657C1E7D-23C3-6C0A-4ACC-83CB0C48B76B}"/>
          </ac:spMkLst>
        </pc:spChg>
        <pc:spChg chg="mod">
          <ac:chgData name="White, Alex" userId="eff6cc8c-37d8-483b-9c6c-6b27e9afa9bc" providerId="ADAL" clId="{BF04C754-5BF4-4E83-9615-DB14FA25AF8A}" dt="2023-10-12T11:38:20.867" v="298"/>
          <ac:spMkLst>
            <pc:docMk/>
            <pc:sldMk cId="2376958513" sldId="260"/>
            <ac:spMk id="11372" creationId="{7245C51A-4A26-33D7-A8AD-4018BFA2C2B6}"/>
          </ac:spMkLst>
        </pc:spChg>
        <pc:spChg chg="mod">
          <ac:chgData name="White, Alex" userId="eff6cc8c-37d8-483b-9c6c-6b27e9afa9bc" providerId="ADAL" clId="{BF04C754-5BF4-4E83-9615-DB14FA25AF8A}" dt="2023-10-12T11:38:20.867" v="298"/>
          <ac:spMkLst>
            <pc:docMk/>
            <pc:sldMk cId="2376958513" sldId="260"/>
            <ac:spMk id="11373" creationId="{83C14543-A03D-7502-1044-5F729254A11B}"/>
          </ac:spMkLst>
        </pc:spChg>
        <pc:spChg chg="mod">
          <ac:chgData name="White, Alex" userId="eff6cc8c-37d8-483b-9c6c-6b27e9afa9bc" providerId="ADAL" clId="{BF04C754-5BF4-4E83-9615-DB14FA25AF8A}" dt="2023-10-12T11:38:20.867" v="298"/>
          <ac:spMkLst>
            <pc:docMk/>
            <pc:sldMk cId="2376958513" sldId="260"/>
            <ac:spMk id="11374" creationId="{90D3B0F8-D817-42A4-702F-59872728CAB7}"/>
          </ac:spMkLst>
        </pc:spChg>
        <pc:spChg chg="mod">
          <ac:chgData name="White, Alex" userId="eff6cc8c-37d8-483b-9c6c-6b27e9afa9bc" providerId="ADAL" clId="{BF04C754-5BF4-4E83-9615-DB14FA25AF8A}" dt="2023-10-12T11:38:20.867" v="298"/>
          <ac:spMkLst>
            <pc:docMk/>
            <pc:sldMk cId="2376958513" sldId="260"/>
            <ac:spMk id="11375" creationId="{59776E18-64D3-FB49-D1FE-D0B50EA4161B}"/>
          </ac:spMkLst>
        </pc:spChg>
        <pc:spChg chg="mod">
          <ac:chgData name="White, Alex" userId="eff6cc8c-37d8-483b-9c6c-6b27e9afa9bc" providerId="ADAL" clId="{BF04C754-5BF4-4E83-9615-DB14FA25AF8A}" dt="2023-10-12T11:38:20.867" v="298"/>
          <ac:spMkLst>
            <pc:docMk/>
            <pc:sldMk cId="2376958513" sldId="260"/>
            <ac:spMk id="11376" creationId="{6E8FCC89-F8CF-0229-C411-482C2BEDAFE0}"/>
          </ac:spMkLst>
        </pc:spChg>
        <pc:spChg chg="mod">
          <ac:chgData name="White, Alex" userId="eff6cc8c-37d8-483b-9c6c-6b27e9afa9bc" providerId="ADAL" clId="{BF04C754-5BF4-4E83-9615-DB14FA25AF8A}" dt="2023-10-12T11:38:20.867" v="298"/>
          <ac:spMkLst>
            <pc:docMk/>
            <pc:sldMk cId="2376958513" sldId="260"/>
            <ac:spMk id="11377" creationId="{751ED785-21B1-44FB-108F-86F430756DAC}"/>
          </ac:spMkLst>
        </pc:spChg>
        <pc:spChg chg="mod">
          <ac:chgData name="White, Alex" userId="eff6cc8c-37d8-483b-9c6c-6b27e9afa9bc" providerId="ADAL" clId="{BF04C754-5BF4-4E83-9615-DB14FA25AF8A}" dt="2023-10-12T11:38:20.867" v="298"/>
          <ac:spMkLst>
            <pc:docMk/>
            <pc:sldMk cId="2376958513" sldId="260"/>
            <ac:spMk id="11378" creationId="{EACC3FC1-840C-A373-FA6E-D892820E16B5}"/>
          </ac:spMkLst>
        </pc:spChg>
        <pc:spChg chg="mod">
          <ac:chgData name="White, Alex" userId="eff6cc8c-37d8-483b-9c6c-6b27e9afa9bc" providerId="ADAL" clId="{BF04C754-5BF4-4E83-9615-DB14FA25AF8A}" dt="2023-10-12T11:38:20.867" v="298"/>
          <ac:spMkLst>
            <pc:docMk/>
            <pc:sldMk cId="2376958513" sldId="260"/>
            <ac:spMk id="11379" creationId="{D25974FB-765A-18DF-EA09-D3755F40A6CB}"/>
          </ac:spMkLst>
        </pc:spChg>
        <pc:spChg chg="mod">
          <ac:chgData name="White, Alex" userId="eff6cc8c-37d8-483b-9c6c-6b27e9afa9bc" providerId="ADAL" clId="{BF04C754-5BF4-4E83-9615-DB14FA25AF8A}" dt="2023-10-12T11:38:20.867" v="298"/>
          <ac:spMkLst>
            <pc:docMk/>
            <pc:sldMk cId="2376958513" sldId="260"/>
            <ac:spMk id="11380" creationId="{78DCA9FC-54FE-866D-7DA3-437CF486BCB1}"/>
          </ac:spMkLst>
        </pc:spChg>
        <pc:spChg chg="mod">
          <ac:chgData name="White, Alex" userId="eff6cc8c-37d8-483b-9c6c-6b27e9afa9bc" providerId="ADAL" clId="{BF04C754-5BF4-4E83-9615-DB14FA25AF8A}" dt="2023-10-12T11:38:20.867" v="298"/>
          <ac:spMkLst>
            <pc:docMk/>
            <pc:sldMk cId="2376958513" sldId="260"/>
            <ac:spMk id="11381" creationId="{77F1A619-A72D-39CA-F4C2-A5D03AE0DCFC}"/>
          </ac:spMkLst>
        </pc:spChg>
        <pc:spChg chg="mod">
          <ac:chgData name="White, Alex" userId="eff6cc8c-37d8-483b-9c6c-6b27e9afa9bc" providerId="ADAL" clId="{BF04C754-5BF4-4E83-9615-DB14FA25AF8A}" dt="2023-10-12T11:38:20.867" v="298"/>
          <ac:spMkLst>
            <pc:docMk/>
            <pc:sldMk cId="2376958513" sldId="260"/>
            <ac:spMk id="11382" creationId="{CAF2B33E-3775-C95C-28A5-B05EDD7062B2}"/>
          </ac:spMkLst>
        </pc:spChg>
        <pc:spChg chg="mod">
          <ac:chgData name="White, Alex" userId="eff6cc8c-37d8-483b-9c6c-6b27e9afa9bc" providerId="ADAL" clId="{BF04C754-5BF4-4E83-9615-DB14FA25AF8A}" dt="2023-10-12T11:38:20.867" v="298"/>
          <ac:spMkLst>
            <pc:docMk/>
            <pc:sldMk cId="2376958513" sldId="260"/>
            <ac:spMk id="11383" creationId="{EA6B54AB-C8BF-9625-90CC-1D013237AA25}"/>
          </ac:spMkLst>
        </pc:spChg>
        <pc:spChg chg="mod">
          <ac:chgData name="White, Alex" userId="eff6cc8c-37d8-483b-9c6c-6b27e9afa9bc" providerId="ADAL" clId="{BF04C754-5BF4-4E83-9615-DB14FA25AF8A}" dt="2023-10-12T11:38:20.867" v="298"/>
          <ac:spMkLst>
            <pc:docMk/>
            <pc:sldMk cId="2376958513" sldId="260"/>
            <ac:spMk id="11384" creationId="{94FB59FA-AB2F-47CD-DBA3-967189749F78}"/>
          </ac:spMkLst>
        </pc:spChg>
        <pc:spChg chg="mod">
          <ac:chgData name="White, Alex" userId="eff6cc8c-37d8-483b-9c6c-6b27e9afa9bc" providerId="ADAL" clId="{BF04C754-5BF4-4E83-9615-DB14FA25AF8A}" dt="2023-10-12T11:38:20.867" v="298"/>
          <ac:spMkLst>
            <pc:docMk/>
            <pc:sldMk cId="2376958513" sldId="260"/>
            <ac:spMk id="11385" creationId="{1B284143-D14F-180B-946A-696430BD1AE8}"/>
          </ac:spMkLst>
        </pc:spChg>
        <pc:spChg chg="mod">
          <ac:chgData name="White, Alex" userId="eff6cc8c-37d8-483b-9c6c-6b27e9afa9bc" providerId="ADAL" clId="{BF04C754-5BF4-4E83-9615-DB14FA25AF8A}" dt="2023-10-12T11:38:20.867" v="298"/>
          <ac:spMkLst>
            <pc:docMk/>
            <pc:sldMk cId="2376958513" sldId="260"/>
            <ac:spMk id="11386" creationId="{8941816C-3E77-5C79-3AB8-521AD36C6BBA}"/>
          </ac:spMkLst>
        </pc:spChg>
        <pc:spChg chg="mod">
          <ac:chgData name="White, Alex" userId="eff6cc8c-37d8-483b-9c6c-6b27e9afa9bc" providerId="ADAL" clId="{BF04C754-5BF4-4E83-9615-DB14FA25AF8A}" dt="2023-10-12T11:38:20.867" v="298"/>
          <ac:spMkLst>
            <pc:docMk/>
            <pc:sldMk cId="2376958513" sldId="260"/>
            <ac:spMk id="11387" creationId="{DEFE55CA-5784-CED6-CB7A-ABD1B1B52E08}"/>
          </ac:spMkLst>
        </pc:spChg>
        <pc:spChg chg="mod">
          <ac:chgData name="White, Alex" userId="eff6cc8c-37d8-483b-9c6c-6b27e9afa9bc" providerId="ADAL" clId="{BF04C754-5BF4-4E83-9615-DB14FA25AF8A}" dt="2023-10-12T11:38:20.867" v="298"/>
          <ac:spMkLst>
            <pc:docMk/>
            <pc:sldMk cId="2376958513" sldId="260"/>
            <ac:spMk id="11388" creationId="{0A168F58-9277-2FA2-5CFC-CEEF96EDC6A3}"/>
          </ac:spMkLst>
        </pc:spChg>
        <pc:spChg chg="mod">
          <ac:chgData name="White, Alex" userId="eff6cc8c-37d8-483b-9c6c-6b27e9afa9bc" providerId="ADAL" clId="{BF04C754-5BF4-4E83-9615-DB14FA25AF8A}" dt="2023-10-12T11:38:20.867" v="298"/>
          <ac:spMkLst>
            <pc:docMk/>
            <pc:sldMk cId="2376958513" sldId="260"/>
            <ac:spMk id="11389" creationId="{14784357-9979-7503-5B65-204BA5C84B44}"/>
          </ac:spMkLst>
        </pc:spChg>
        <pc:spChg chg="mod">
          <ac:chgData name="White, Alex" userId="eff6cc8c-37d8-483b-9c6c-6b27e9afa9bc" providerId="ADAL" clId="{BF04C754-5BF4-4E83-9615-DB14FA25AF8A}" dt="2023-10-12T11:38:20.867" v="298"/>
          <ac:spMkLst>
            <pc:docMk/>
            <pc:sldMk cId="2376958513" sldId="260"/>
            <ac:spMk id="11390" creationId="{82F8F0D9-C37A-84E3-85C5-3020D22D1E7D}"/>
          </ac:spMkLst>
        </pc:spChg>
        <pc:spChg chg="mod">
          <ac:chgData name="White, Alex" userId="eff6cc8c-37d8-483b-9c6c-6b27e9afa9bc" providerId="ADAL" clId="{BF04C754-5BF4-4E83-9615-DB14FA25AF8A}" dt="2023-10-12T11:38:20.867" v="298"/>
          <ac:spMkLst>
            <pc:docMk/>
            <pc:sldMk cId="2376958513" sldId="260"/>
            <ac:spMk id="11391" creationId="{1D7B2D2D-3EC5-ADEC-6A9D-A6B92BB03447}"/>
          </ac:spMkLst>
        </pc:spChg>
        <pc:spChg chg="mod">
          <ac:chgData name="White, Alex" userId="eff6cc8c-37d8-483b-9c6c-6b27e9afa9bc" providerId="ADAL" clId="{BF04C754-5BF4-4E83-9615-DB14FA25AF8A}" dt="2023-10-12T11:38:20.867" v="298"/>
          <ac:spMkLst>
            <pc:docMk/>
            <pc:sldMk cId="2376958513" sldId="260"/>
            <ac:spMk id="11392" creationId="{B6CB06B7-BDA0-930A-7475-10C4492959D6}"/>
          </ac:spMkLst>
        </pc:spChg>
        <pc:spChg chg="mod">
          <ac:chgData name="White, Alex" userId="eff6cc8c-37d8-483b-9c6c-6b27e9afa9bc" providerId="ADAL" clId="{BF04C754-5BF4-4E83-9615-DB14FA25AF8A}" dt="2023-10-12T11:38:20.867" v="298"/>
          <ac:spMkLst>
            <pc:docMk/>
            <pc:sldMk cId="2376958513" sldId="260"/>
            <ac:spMk id="11393" creationId="{7D2FCD89-6B1B-3661-23DB-EFB5FF9FC168}"/>
          </ac:spMkLst>
        </pc:spChg>
        <pc:spChg chg="mod">
          <ac:chgData name="White, Alex" userId="eff6cc8c-37d8-483b-9c6c-6b27e9afa9bc" providerId="ADAL" clId="{BF04C754-5BF4-4E83-9615-DB14FA25AF8A}" dt="2023-10-12T11:38:20.867" v="298"/>
          <ac:spMkLst>
            <pc:docMk/>
            <pc:sldMk cId="2376958513" sldId="260"/>
            <ac:spMk id="11394" creationId="{6AB81E7E-4186-4385-6976-939272D6C00D}"/>
          </ac:spMkLst>
        </pc:spChg>
        <pc:spChg chg="mod">
          <ac:chgData name="White, Alex" userId="eff6cc8c-37d8-483b-9c6c-6b27e9afa9bc" providerId="ADAL" clId="{BF04C754-5BF4-4E83-9615-DB14FA25AF8A}" dt="2023-10-12T11:38:20.867" v="298"/>
          <ac:spMkLst>
            <pc:docMk/>
            <pc:sldMk cId="2376958513" sldId="260"/>
            <ac:spMk id="11395" creationId="{F03359F4-D31B-9BD2-928B-6F44573B4BCF}"/>
          </ac:spMkLst>
        </pc:spChg>
        <pc:spChg chg="mod">
          <ac:chgData name="White, Alex" userId="eff6cc8c-37d8-483b-9c6c-6b27e9afa9bc" providerId="ADAL" clId="{BF04C754-5BF4-4E83-9615-DB14FA25AF8A}" dt="2023-10-12T11:38:20.867" v="298"/>
          <ac:spMkLst>
            <pc:docMk/>
            <pc:sldMk cId="2376958513" sldId="260"/>
            <ac:spMk id="11396" creationId="{C059F292-69BB-A0C0-7ECB-FEEF7506E3FF}"/>
          </ac:spMkLst>
        </pc:spChg>
        <pc:spChg chg="mod">
          <ac:chgData name="White, Alex" userId="eff6cc8c-37d8-483b-9c6c-6b27e9afa9bc" providerId="ADAL" clId="{BF04C754-5BF4-4E83-9615-DB14FA25AF8A}" dt="2023-10-12T11:38:20.867" v="298"/>
          <ac:spMkLst>
            <pc:docMk/>
            <pc:sldMk cId="2376958513" sldId="260"/>
            <ac:spMk id="11397" creationId="{520ECB5F-F53F-0455-0506-4752E498FFAD}"/>
          </ac:spMkLst>
        </pc:spChg>
        <pc:spChg chg="mod">
          <ac:chgData name="White, Alex" userId="eff6cc8c-37d8-483b-9c6c-6b27e9afa9bc" providerId="ADAL" clId="{BF04C754-5BF4-4E83-9615-DB14FA25AF8A}" dt="2023-10-12T11:38:20.867" v="298"/>
          <ac:spMkLst>
            <pc:docMk/>
            <pc:sldMk cId="2376958513" sldId="260"/>
            <ac:spMk id="11398" creationId="{7674943D-EBA7-0D9D-3D25-4BB519EBC077}"/>
          </ac:spMkLst>
        </pc:spChg>
        <pc:spChg chg="mod">
          <ac:chgData name="White, Alex" userId="eff6cc8c-37d8-483b-9c6c-6b27e9afa9bc" providerId="ADAL" clId="{BF04C754-5BF4-4E83-9615-DB14FA25AF8A}" dt="2023-10-12T11:38:20.867" v="298"/>
          <ac:spMkLst>
            <pc:docMk/>
            <pc:sldMk cId="2376958513" sldId="260"/>
            <ac:spMk id="11399" creationId="{8D94F805-1595-3AA3-FB98-8440376B42A4}"/>
          </ac:spMkLst>
        </pc:spChg>
        <pc:spChg chg="mod">
          <ac:chgData name="White, Alex" userId="eff6cc8c-37d8-483b-9c6c-6b27e9afa9bc" providerId="ADAL" clId="{BF04C754-5BF4-4E83-9615-DB14FA25AF8A}" dt="2023-10-12T11:38:20.867" v="298"/>
          <ac:spMkLst>
            <pc:docMk/>
            <pc:sldMk cId="2376958513" sldId="260"/>
            <ac:spMk id="11400" creationId="{86C5E328-6DB5-D773-2114-7A64C0AB2C64}"/>
          </ac:spMkLst>
        </pc:spChg>
        <pc:spChg chg="mod">
          <ac:chgData name="White, Alex" userId="eff6cc8c-37d8-483b-9c6c-6b27e9afa9bc" providerId="ADAL" clId="{BF04C754-5BF4-4E83-9615-DB14FA25AF8A}" dt="2023-10-12T11:38:20.867" v="298"/>
          <ac:spMkLst>
            <pc:docMk/>
            <pc:sldMk cId="2376958513" sldId="260"/>
            <ac:spMk id="11401" creationId="{9C7D797E-F940-8370-38F2-DDB29FB46446}"/>
          </ac:spMkLst>
        </pc:spChg>
        <pc:spChg chg="mod">
          <ac:chgData name="White, Alex" userId="eff6cc8c-37d8-483b-9c6c-6b27e9afa9bc" providerId="ADAL" clId="{BF04C754-5BF4-4E83-9615-DB14FA25AF8A}" dt="2023-10-12T11:38:20.867" v="298"/>
          <ac:spMkLst>
            <pc:docMk/>
            <pc:sldMk cId="2376958513" sldId="260"/>
            <ac:spMk id="11402" creationId="{63FC5717-6499-A9CF-7A2F-5FC1389B5936}"/>
          </ac:spMkLst>
        </pc:spChg>
        <pc:spChg chg="mod">
          <ac:chgData name="White, Alex" userId="eff6cc8c-37d8-483b-9c6c-6b27e9afa9bc" providerId="ADAL" clId="{BF04C754-5BF4-4E83-9615-DB14FA25AF8A}" dt="2023-10-12T11:38:20.867" v="298"/>
          <ac:spMkLst>
            <pc:docMk/>
            <pc:sldMk cId="2376958513" sldId="260"/>
            <ac:spMk id="11403" creationId="{D2C02C56-61AE-AD6E-A7F2-D6B0FAAE3ED0}"/>
          </ac:spMkLst>
        </pc:spChg>
        <pc:spChg chg="mod">
          <ac:chgData name="White, Alex" userId="eff6cc8c-37d8-483b-9c6c-6b27e9afa9bc" providerId="ADAL" clId="{BF04C754-5BF4-4E83-9615-DB14FA25AF8A}" dt="2023-10-12T11:38:20.867" v="298"/>
          <ac:spMkLst>
            <pc:docMk/>
            <pc:sldMk cId="2376958513" sldId="260"/>
            <ac:spMk id="11404" creationId="{952E1FB9-8C1B-CE3E-59C5-CE150F328A75}"/>
          </ac:spMkLst>
        </pc:spChg>
        <pc:spChg chg="mod">
          <ac:chgData name="White, Alex" userId="eff6cc8c-37d8-483b-9c6c-6b27e9afa9bc" providerId="ADAL" clId="{BF04C754-5BF4-4E83-9615-DB14FA25AF8A}" dt="2023-10-12T11:38:20.867" v="298"/>
          <ac:spMkLst>
            <pc:docMk/>
            <pc:sldMk cId="2376958513" sldId="260"/>
            <ac:spMk id="11405" creationId="{492FD89A-F81A-F33B-F5A7-2EFA23B888E6}"/>
          </ac:spMkLst>
        </pc:spChg>
        <pc:spChg chg="mod">
          <ac:chgData name="White, Alex" userId="eff6cc8c-37d8-483b-9c6c-6b27e9afa9bc" providerId="ADAL" clId="{BF04C754-5BF4-4E83-9615-DB14FA25AF8A}" dt="2023-10-12T11:38:20.867" v="298"/>
          <ac:spMkLst>
            <pc:docMk/>
            <pc:sldMk cId="2376958513" sldId="260"/>
            <ac:spMk id="11406" creationId="{434DEE43-CEB4-6A81-77B7-9D3A8C3996BE}"/>
          </ac:spMkLst>
        </pc:spChg>
        <pc:spChg chg="mod">
          <ac:chgData name="White, Alex" userId="eff6cc8c-37d8-483b-9c6c-6b27e9afa9bc" providerId="ADAL" clId="{BF04C754-5BF4-4E83-9615-DB14FA25AF8A}" dt="2023-10-12T11:38:20.867" v="298"/>
          <ac:spMkLst>
            <pc:docMk/>
            <pc:sldMk cId="2376958513" sldId="260"/>
            <ac:spMk id="11407" creationId="{E42F616B-8E67-7441-9C0C-DAECE26236A0}"/>
          </ac:spMkLst>
        </pc:spChg>
        <pc:spChg chg="mod">
          <ac:chgData name="White, Alex" userId="eff6cc8c-37d8-483b-9c6c-6b27e9afa9bc" providerId="ADAL" clId="{BF04C754-5BF4-4E83-9615-DB14FA25AF8A}" dt="2023-10-12T11:38:20.867" v="298"/>
          <ac:spMkLst>
            <pc:docMk/>
            <pc:sldMk cId="2376958513" sldId="260"/>
            <ac:spMk id="11408" creationId="{9AB42640-3EB9-E0A8-DC45-264E72497D63}"/>
          </ac:spMkLst>
        </pc:spChg>
        <pc:spChg chg="mod">
          <ac:chgData name="White, Alex" userId="eff6cc8c-37d8-483b-9c6c-6b27e9afa9bc" providerId="ADAL" clId="{BF04C754-5BF4-4E83-9615-DB14FA25AF8A}" dt="2023-10-12T11:38:20.867" v="298"/>
          <ac:spMkLst>
            <pc:docMk/>
            <pc:sldMk cId="2376958513" sldId="260"/>
            <ac:spMk id="11409" creationId="{77AD06F1-CC73-7DB4-6648-DAD2788AC462}"/>
          </ac:spMkLst>
        </pc:spChg>
        <pc:spChg chg="mod">
          <ac:chgData name="White, Alex" userId="eff6cc8c-37d8-483b-9c6c-6b27e9afa9bc" providerId="ADAL" clId="{BF04C754-5BF4-4E83-9615-DB14FA25AF8A}" dt="2023-10-12T11:38:20.867" v="298"/>
          <ac:spMkLst>
            <pc:docMk/>
            <pc:sldMk cId="2376958513" sldId="260"/>
            <ac:spMk id="11410" creationId="{8FA85365-A7B7-DCFF-CEC4-0C55255241FB}"/>
          </ac:spMkLst>
        </pc:spChg>
        <pc:spChg chg="mod">
          <ac:chgData name="White, Alex" userId="eff6cc8c-37d8-483b-9c6c-6b27e9afa9bc" providerId="ADAL" clId="{BF04C754-5BF4-4E83-9615-DB14FA25AF8A}" dt="2023-10-12T11:38:20.867" v="298"/>
          <ac:spMkLst>
            <pc:docMk/>
            <pc:sldMk cId="2376958513" sldId="260"/>
            <ac:spMk id="11411" creationId="{6B31654D-158B-C98D-9CE1-201804F60AC1}"/>
          </ac:spMkLst>
        </pc:spChg>
        <pc:spChg chg="mod">
          <ac:chgData name="White, Alex" userId="eff6cc8c-37d8-483b-9c6c-6b27e9afa9bc" providerId="ADAL" clId="{BF04C754-5BF4-4E83-9615-DB14FA25AF8A}" dt="2023-10-12T11:38:20.867" v="298"/>
          <ac:spMkLst>
            <pc:docMk/>
            <pc:sldMk cId="2376958513" sldId="260"/>
            <ac:spMk id="11412" creationId="{90AEFF3C-7D08-2315-5D0B-47E112CABCD8}"/>
          </ac:spMkLst>
        </pc:spChg>
        <pc:spChg chg="mod">
          <ac:chgData name="White, Alex" userId="eff6cc8c-37d8-483b-9c6c-6b27e9afa9bc" providerId="ADAL" clId="{BF04C754-5BF4-4E83-9615-DB14FA25AF8A}" dt="2023-10-12T11:38:20.867" v="298"/>
          <ac:spMkLst>
            <pc:docMk/>
            <pc:sldMk cId="2376958513" sldId="260"/>
            <ac:spMk id="11413" creationId="{8C4B4EAE-3964-D422-3979-280E4058E0A6}"/>
          </ac:spMkLst>
        </pc:spChg>
        <pc:spChg chg="mod">
          <ac:chgData name="White, Alex" userId="eff6cc8c-37d8-483b-9c6c-6b27e9afa9bc" providerId="ADAL" clId="{BF04C754-5BF4-4E83-9615-DB14FA25AF8A}" dt="2023-10-12T11:38:20.867" v="298"/>
          <ac:spMkLst>
            <pc:docMk/>
            <pc:sldMk cId="2376958513" sldId="260"/>
            <ac:spMk id="11414" creationId="{959EE36B-5929-CC9E-24AF-946722305C97}"/>
          </ac:spMkLst>
        </pc:spChg>
        <pc:spChg chg="mod">
          <ac:chgData name="White, Alex" userId="eff6cc8c-37d8-483b-9c6c-6b27e9afa9bc" providerId="ADAL" clId="{BF04C754-5BF4-4E83-9615-DB14FA25AF8A}" dt="2023-10-12T11:38:20.867" v="298"/>
          <ac:spMkLst>
            <pc:docMk/>
            <pc:sldMk cId="2376958513" sldId="260"/>
            <ac:spMk id="11415" creationId="{BC8B5D75-D73C-0E13-53FA-776CB7354ED8}"/>
          </ac:spMkLst>
        </pc:spChg>
        <pc:spChg chg="mod">
          <ac:chgData name="White, Alex" userId="eff6cc8c-37d8-483b-9c6c-6b27e9afa9bc" providerId="ADAL" clId="{BF04C754-5BF4-4E83-9615-DB14FA25AF8A}" dt="2023-10-12T11:38:20.867" v="298"/>
          <ac:spMkLst>
            <pc:docMk/>
            <pc:sldMk cId="2376958513" sldId="260"/>
            <ac:spMk id="11416" creationId="{3DC084DC-869D-318C-8E5B-A4C36AABC4E6}"/>
          </ac:spMkLst>
        </pc:spChg>
        <pc:spChg chg="mod">
          <ac:chgData name="White, Alex" userId="eff6cc8c-37d8-483b-9c6c-6b27e9afa9bc" providerId="ADAL" clId="{BF04C754-5BF4-4E83-9615-DB14FA25AF8A}" dt="2023-10-12T11:38:20.867" v="298"/>
          <ac:spMkLst>
            <pc:docMk/>
            <pc:sldMk cId="2376958513" sldId="260"/>
            <ac:spMk id="11417" creationId="{8434298C-E9CF-7151-120F-5EA4001FEC29}"/>
          </ac:spMkLst>
        </pc:spChg>
        <pc:spChg chg="mod">
          <ac:chgData name="White, Alex" userId="eff6cc8c-37d8-483b-9c6c-6b27e9afa9bc" providerId="ADAL" clId="{BF04C754-5BF4-4E83-9615-DB14FA25AF8A}" dt="2023-10-12T11:38:20.867" v="298"/>
          <ac:spMkLst>
            <pc:docMk/>
            <pc:sldMk cId="2376958513" sldId="260"/>
            <ac:spMk id="11418" creationId="{BAAF26A3-43B9-D194-9A79-6328ACA64EC9}"/>
          </ac:spMkLst>
        </pc:spChg>
        <pc:spChg chg="mod">
          <ac:chgData name="White, Alex" userId="eff6cc8c-37d8-483b-9c6c-6b27e9afa9bc" providerId="ADAL" clId="{BF04C754-5BF4-4E83-9615-DB14FA25AF8A}" dt="2023-10-12T11:38:20.867" v="298"/>
          <ac:spMkLst>
            <pc:docMk/>
            <pc:sldMk cId="2376958513" sldId="260"/>
            <ac:spMk id="11419" creationId="{525F474A-898F-55B0-1DCE-D5B5F427A962}"/>
          </ac:spMkLst>
        </pc:spChg>
        <pc:spChg chg="mod">
          <ac:chgData name="White, Alex" userId="eff6cc8c-37d8-483b-9c6c-6b27e9afa9bc" providerId="ADAL" clId="{BF04C754-5BF4-4E83-9615-DB14FA25AF8A}" dt="2023-10-12T11:38:20.867" v="298"/>
          <ac:spMkLst>
            <pc:docMk/>
            <pc:sldMk cId="2376958513" sldId="260"/>
            <ac:spMk id="11420" creationId="{76A69874-8131-F9AD-A3A1-BBFB167EC8D3}"/>
          </ac:spMkLst>
        </pc:spChg>
        <pc:spChg chg="mod">
          <ac:chgData name="White, Alex" userId="eff6cc8c-37d8-483b-9c6c-6b27e9afa9bc" providerId="ADAL" clId="{BF04C754-5BF4-4E83-9615-DB14FA25AF8A}" dt="2023-10-12T11:38:20.867" v="298"/>
          <ac:spMkLst>
            <pc:docMk/>
            <pc:sldMk cId="2376958513" sldId="260"/>
            <ac:spMk id="11421" creationId="{B0D3768E-C83D-6664-6D18-C9C2825B91CC}"/>
          </ac:spMkLst>
        </pc:spChg>
        <pc:spChg chg="mod">
          <ac:chgData name="White, Alex" userId="eff6cc8c-37d8-483b-9c6c-6b27e9afa9bc" providerId="ADAL" clId="{BF04C754-5BF4-4E83-9615-DB14FA25AF8A}" dt="2023-10-12T11:38:20.867" v="298"/>
          <ac:spMkLst>
            <pc:docMk/>
            <pc:sldMk cId="2376958513" sldId="260"/>
            <ac:spMk id="11422" creationId="{164A1D62-DC42-4B25-02B1-0D89B829231B}"/>
          </ac:spMkLst>
        </pc:spChg>
        <pc:spChg chg="mod">
          <ac:chgData name="White, Alex" userId="eff6cc8c-37d8-483b-9c6c-6b27e9afa9bc" providerId="ADAL" clId="{BF04C754-5BF4-4E83-9615-DB14FA25AF8A}" dt="2023-10-12T11:38:20.867" v="298"/>
          <ac:spMkLst>
            <pc:docMk/>
            <pc:sldMk cId="2376958513" sldId="260"/>
            <ac:spMk id="11423" creationId="{BAEC3020-6094-983A-1303-9187F2A3630A}"/>
          </ac:spMkLst>
        </pc:spChg>
        <pc:spChg chg="mod">
          <ac:chgData name="White, Alex" userId="eff6cc8c-37d8-483b-9c6c-6b27e9afa9bc" providerId="ADAL" clId="{BF04C754-5BF4-4E83-9615-DB14FA25AF8A}" dt="2023-10-12T11:38:20.867" v="298"/>
          <ac:spMkLst>
            <pc:docMk/>
            <pc:sldMk cId="2376958513" sldId="260"/>
            <ac:spMk id="11424" creationId="{5DC81FEE-0350-E7E0-9B92-8587740EB522}"/>
          </ac:spMkLst>
        </pc:spChg>
        <pc:spChg chg="mod">
          <ac:chgData name="White, Alex" userId="eff6cc8c-37d8-483b-9c6c-6b27e9afa9bc" providerId="ADAL" clId="{BF04C754-5BF4-4E83-9615-DB14FA25AF8A}" dt="2023-10-12T11:38:20.867" v="298"/>
          <ac:spMkLst>
            <pc:docMk/>
            <pc:sldMk cId="2376958513" sldId="260"/>
            <ac:spMk id="11425" creationId="{9688D754-045F-5BDE-6B91-628694354CE7}"/>
          </ac:spMkLst>
        </pc:spChg>
        <pc:spChg chg="mod">
          <ac:chgData name="White, Alex" userId="eff6cc8c-37d8-483b-9c6c-6b27e9afa9bc" providerId="ADAL" clId="{BF04C754-5BF4-4E83-9615-DB14FA25AF8A}" dt="2023-10-12T11:38:20.867" v="298"/>
          <ac:spMkLst>
            <pc:docMk/>
            <pc:sldMk cId="2376958513" sldId="260"/>
            <ac:spMk id="11426" creationId="{24E4526E-4314-E02D-3E99-9AE66E6893A3}"/>
          </ac:spMkLst>
        </pc:spChg>
        <pc:spChg chg="mod">
          <ac:chgData name="White, Alex" userId="eff6cc8c-37d8-483b-9c6c-6b27e9afa9bc" providerId="ADAL" clId="{BF04C754-5BF4-4E83-9615-DB14FA25AF8A}" dt="2023-10-12T11:38:20.867" v="298"/>
          <ac:spMkLst>
            <pc:docMk/>
            <pc:sldMk cId="2376958513" sldId="260"/>
            <ac:spMk id="11427" creationId="{89217691-A765-4A55-8818-3FF0461E2489}"/>
          </ac:spMkLst>
        </pc:spChg>
        <pc:spChg chg="mod">
          <ac:chgData name="White, Alex" userId="eff6cc8c-37d8-483b-9c6c-6b27e9afa9bc" providerId="ADAL" clId="{BF04C754-5BF4-4E83-9615-DB14FA25AF8A}" dt="2023-10-12T11:38:20.867" v="298"/>
          <ac:spMkLst>
            <pc:docMk/>
            <pc:sldMk cId="2376958513" sldId="260"/>
            <ac:spMk id="11428" creationId="{28CB5A2A-6D54-B1CC-5EDE-DBB5D40E9F0F}"/>
          </ac:spMkLst>
        </pc:spChg>
        <pc:spChg chg="mod">
          <ac:chgData name="White, Alex" userId="eff6cc8c-37d8-483b-9c6c-6b27e9afa9bc" providerId="ADAL" clId="{BF04C754-5BF4-4E83-9615-DB14FA25AF8A}" dt="2023-10-12T11:38:20.867" v="298"/>
          <ac:spMkLst>
            <pc:docMk/>
            <pc:sldMk cId="2376958513" sldId="260"/>
            <ac:spMk id="11429" creationId="{8A282068-64AF-9890-4A74-AADAC828692E}"/>
          </ac:spMkLst>
        </pc:spChg>
        <pc:spChg chg="mod">
          <ac:chgData name="White, Alex" userId="eff6cc8c-37d8-483b-9c6c-6b27e9afa9bc" providerId="ADAL" clId="{BF04C754-5BF4-4E83-9615-DB14FA25AF8A}" dt="2023-10-12T11:38:20.867" v="298"/>
          <ac:spMkLst>
            <pc:docMk/>
            <pc:sldMk cId="2376958513" sldId="260"/>
            <ac:spMk id="11430" creationId="{1856F70D-91A1-7E1B-BFB5-03DA85D83530}"/>
          </ac:spMkLst>
        </pc:spChg>
        <pc:spChg chg="mod">
          <ac:chgData name="White, Alex" userId="eff6cc8c-37d8-483b-9c6c-6b27e9afa9bc" providerId="ADAL" clId="{BF04C754-5BF4-4E83-9615-DB14FA25AF8A}" dt="2023-10-12T11:38:20.867" v="298"/>
          <ac:spMkLst>
            <pc:docMk/>
            <pc:sldMk cId="2376958513" sldId="260"/>
            <ac:spMk id="11431" creationId="{E95C1938-C050-C4A3-9981-205CA938BE8C}"/>
          </ac:spMkLst>
        </pc:spChg>
        <pc:spChg chg="mod">
          <ac:chgData name="White, Alex" userId="eff6cc8c-37d8-483b-9c6c-6b27e9afa9bc" providerId="ADAL" clId="{BF04C754-5BF4-4E83-9615-DB14FA25AF8A}" dt="2023-10-12T11:38:20.867" v="298"/>
          <ac:spMkLst>
            <pc:docMk/>
            <pc:sldMk cId="2376958513" sldId="260"/>
            <ac:spMk id="11432" creationId="{8EE8D9C5-F64D-1B3B-ED36-109B653DF515}"/>
          </ac:spMkLst>
        </pc:spChg>
        <pc:spChg chg="mod">
          <ac:chgData name="White, Alex" userId="eff6cc8c-37d8-483b-9c6c-6b27e9afa9bc" providerId="ADAL" clId="{BF04C754-5BF4-4E83-9615-DB14FA25AF8A}" dt="2023-10-12T11:38:20.867" v="298"/>
          <ac:spMkLst>
            <pc:docMk/>
            <pc:sldMk cId="2376958513" sldId="260"/>
            <ac:spMk id="11433" creationId="{6B536D84-2CAF-9C87-3E6B-D98B4BAE68B1}"/>
          </ac:spMkLst>
        </pc:spChg>
        <pc:spChg chg="mod">
          <ac:chgData name="White, Alex" userId="eff6cc8c-37d8-483b-9c6c-6b27e9afa9bc" providerId="ADAL" clId="{BF04C754-5BF4-4E83-9615-DB14FA25AF8A}" dt="2023-10-12T11:38:20.867" v="298"/>
          <ac:spMkLst>
            <pc:docMk/>
            <pc:sldMk cId="2376958513" sldId="260"/>
            <ac:spMk id="11434" creationId="{71909AEB-9DE4-73D4-E5B6-353D04FCE0B7}"/>
          </ac:spMkLst>
        </pc:spChg>
        <pc:spChg chg="mod">
          <ac:chgData name="White, Alex" userId="eff6cc8c-37d8-483b-9c6c-6b27e9afa9bc" providerId="ADAL" clId="{BF04C754-5BF4-4E83-9615-DB14FA25AF8A}" dt="2023-10-12T11:38:20.867" v="298"/>
          <ac:spMkLst>
            <pc:docMk/>
            <pc:sldMk cId="2376958513" sldId="260"/>
            <ac:spMk id="11435" creationId="{30152DC7-D4CA-3DC2-88AC-689D8985A550}"/>
          </ac:spMkLst>
        </pc:spChg>
        <pc:spChg chg="mod">
          <ac:chgData name="White, Alex" userId="eff6cc8c-37d8-483b-9c6c-6b27e9afa9bc" providerId="ADAL" clId="{BF04C754-5BF4-4E83-9615-DB14FA25AF8A}" dt="2023-10-12T11:38:20.867" v="298"/>
          <ac:spMkLst>
            <pc:docMk/>
            <pc:sldMk cId="2376958513" sldId="260"/>
            <ac:spMk id="11436" creationId="{1D1E044D-32F1-656F-3D56-95EAE72A5464}"/>
          </ac:spMkLst>
        </pc:spChg>
        <pc:spChg chg="mod">
          <ac:chgData name="White, Alex" userId="eff6cc8c-37d8-483b-9c6c-6b27e9afa9bc" providerId="ADAL" clId="{BF04C754-5BF4-4E83-9615-DB14FA25AF8A}" dt="2023-10-12T11:38:20.867" v="298"/>
          <ac:spMkLst>
            <pc:docMk/>
            <pc:sldMk cId="2376958513" sldId="260"/>
            <ac:spMk id="11437" creationId="{A0FCFF3A-8FAD-3F3E-F07A-3617FDC0B428}"/>
          </ac:spMkLst>
        </pc:spChg>
        <pc:spChg chg="mod">
          <ac:chgData name="White, Alex" userId="eff6cc8c-37d8-483b-9c6c-6b27e9afa9bc" providerId="ADAL" clId="{BF04C754-5BF4-4E83-9615-DB14FA25AF8A}" dt="2023-10-12T11:38:20.867" v="298"/>
          <ac:spMkLst>
            <pc:docMk/>
            <pc:sldMk cId="2376958513" sldId="260"/>
            <ac:spMk id="11438" creationId="{FC1DE773-E306-8CB7-C61D-BE17E1A16965}"/>
          </ac:spMkLst>
        </pc:spChg>
        <pc:spChg chg="mod">
          <ac:chgData name="White, Alex" userId="eff6cc8c-37d8-483b-9c6c-6b27e9afa9bc" providerId="ADAL" clId="{BF04C754-5BF4-4E83-9615-DB14FA25AF8A}" dt="2023-10-12T11:38:20.867" v="298"/>
          <ac:spMkLst>
            <pc:docMk/>
            <pc:sldMk cId="2376958513" sldId="260"/>
            <ac:spMk id="11439" creationId="{D537E8CC-AAAB-5851-29D9-2CF67E787ABD}"/>
          </ac:spMkLst>
        </pc:spChg>
        <pc:spChg chg="mod">
          <ac:chgData name="White, Alex" userId="eff6cc8c-37d8-483b-9c6c-6b27e9afa9bc" providerId="ADAL" clId="{BF04C754-5BF4-4E83-9615-DB14FA25AF8A}" dt="2023-10-12T11:38:20.867" v="298"/>
          <ac:spMkLst>
            <pc:docMk/>
            <pc:sldMk cId="2376958513" sldId="260"/>
            <ac:spMk id="11440" creationId="{7B641E9C-0592-B393-D323-2968A6E1F730}"/>
          </ac:spMkLst>
        </pc:spChg>
        <pc:spChg chg="mod">
          <ac:chgData name="White, Alex" userId="eff6cc8c-37d8-483b-9c6c-6b27e9afa9bc" providerId="ADAL" clId="{BF04C754-5BF4-4E83-9615-DB14FA25AF8A}" dt="2023-10-12T11:38:20.867" v="298"/>
          <ac:spMkLst>
            <pc:docMk/>
            <pc:sldMk cId="2376958513" sldId="260"/>
            <ac:spMk id="11441" creationId="{1FF353AB-C87F-40BD-0F63-3F6363AA767C}"/>
          </ac:spMkLst>
        </pc:spChg>
        <pc:spChg chg="mod">
          <ac:chgData name="White, Alex" userId="eff6cc8c-37d8-483b-9c6c-6b27e9afa9bc" providerId="ADAL" clId="{BF04C754-5BF4-4E83-9615-DB14FA25AF8A}" dt="2023-10-12T11:38:20.867" v="298"/>
          <ac:spMkLst>
            <pc:docMk/>
            <pc:sldMk cId="2376958513" sldId="260"/>
            <ac:spMk id="11442" creationId="{57D9D84E-BC85-2D3E-42CF-5224F7D6714B}"/>
          </ac:spMkLst>
        </pc:spChg>
        <pc:spChg chg="mod">
          <ac:chgData name="White, Alex" userId="eff6cc8c-37d8-483b-9c6c-6b27e9afa9bc" providerId="ADAL" clId="{BF04C754-5BF4-4E83-9615-DB14FA25AF8A}" dt="2023-10-12T11:38:20.867" v="298"/>
          <ac:spMkLst>
            <pc:docMk/>
            <pc:sldMk cId="2376958513" sldId="260"/>
            <ac:spMk id="11443" creationId="{32CC0840-4547-3443-19F0-D788CEBC7B45}"/>
          </ac:spMkLst>
        </pc:spChg>
        <pc:spChg chg="mod">
          <ac:chgData name="White, Alex" userId="eff6cc8c-37d8-483b-9c6c-6b27e9afa9bc" providerId="ADAL" clId="{BF04C754-5BF4-4E83-9615-DB14FA25AF8A}" dt="2023-10-12T11:38:20.867" v="298"/>
          <ac:spMkLst>
            <pc:docMk/>
            <pc:sldMk cId="2376958513" sldId="260"/>
            <ac:spMk id="11444" creationId="{851A4A26-277B-47AD-94F5-F80CFCDC0B7B}"/>
          </ac:spMkLst>
        </pc:spChg>
        <pc:spChg chg="mod">
          <ac:chgData name="White, Alex" userId="eff6cc8c-37d8-483b-9c6c-6b27e9afa9bc" providerId="ADAL" clId="{BF04C754-5BF4-4E83-9615-DB14FA25AF8A}" dt="2023-10-12T11:38:20.867" v="298"/>
          <ac:spMkLst>
            <pc:docMk/>
            <pc:sldMk cId="2376958513" sldId="260"/>
            <ac:spMk id="11445" creationId="{DF47C97B-4847-7D7F-439D-F7AC158DB5EC}"/>
          </ac:spMkLst>
        </pc:spChg>
        <pc:spChg chg="mod">
          <ac:chgData name="White, Alex" userId="eff6cc8c-37d8-483b-9c6c-6b27e9afa9bc" providerId="ADAL" clId="{BF04C754-5BF4-4E83-9615-DB14FA25AF8A}" dt="2023-10-12T11:38:20.867" v="298"/>
          <ac:spMkLst>
            <pc:docMk/>
            <pc:sldMk cId="2376958513" sldId="260"/>
            <ac:spMk id="11446" creationId="{A82E33DF-9C40-D229-9EF0-CA0349321D34}"/>
          </ac:spMkLst>
        </pc:spChg>
        <pc:spChg chg="mod">
          <ac:chgData name="White, Alex" userId="eff6cc8c-37d8-483b-9c6c-6b27e9afa9bc" providerId="ADAL" clId="{BF04C754-5BF4-4E83-9615-DB14FA25AF8A}" dt="2023-10-12T11:38:20.867" v="298"/>
          <ac:spMkLst>
            <pc:docMk/>
            <pc:sldMk cId="2376958513" sldId="260"/>
            <ac:spMk id="11447" creationId="{BDB4BB00-D2C4-5FBE-C60F-E693EE6FD67E}"/>
          </ac:spMkLst>
        </pc:spChg>
        <pc:spChg chg="mod">
          <ac:chgData name="White, Alex" userId="eff6cc8c-37d8-483b-9c6c-6b27e9afa9bc" providerId="ADAL" clId="{BF04C754-5BF4-4E83-9615-DB14FA25AF8A}" dt="2023-10-12T11:38:20.867" v="298"/>
          <ac:spMkLst>
            <pc:docMk/>
            <pc:sldMk cId="2376958513" sldId="260"/>
            <ac:spMk id="11448" creationId="{D451F841-1327-D703-16E5-394380B6F4AD}"/>
          </ac:spMkLst>
        </pc:spChg>
        <pc:spChg chg="mod">
          <ac:chgData name="White, Alex" userId="eff6cc8c-37d8-483b-9c6c-6b27e9afa9bc" providerId="ADAL" clId="{BF04C754-5BF4-4E83-9615-DB14FA25AF8A}" dt="2023-10-12T11:38:20.867" v="298"/>
          <ac:spMkLst>
            <pc:docMk/>
            <pc:sldMk cId="2376958513" sldId="260"/>
            <ac:spMk id="11449" creationId="{4D20CC92-2F9D-0DE2-98D7-930B959704A9}"/>
          </ac:spMkLst>
        </pc:spChg>
        <pc:spChg chg="mod">
          <ac:chgData name="White, Alex" userId="eff6cc8c-37d8-483b-9c6c-6b27e9afa9bc" providerId="ADAL" clId="{BF04C754-5BF4-4E83-9615-DB14FA25AF8A}" dt="2023-10-12T11:38:20.867" v="298"/>
          <ac:spMkLst>
            <pc:docMk/>
            <pc:sldMk cId="2376958513" sldId="260"/>
            <ac:spMk id="11450" creationId="{E4BD7564-AE2B-2480-D50D-0D603083A2BD}"/>
          </ac:spMkLst>
        </pc:spChg>
        <pc:spChg chg="mod">
          <ac:chgData name="White, Alex" userId="eff6cc8c-37d8-483b-9c6c-6b27e9afa9bc" providerId="ADAL" clId="{BF04C754-5BF4-4E83-9615-DB14FA25AF8A}" dt="2023-10-12T11:38:20.867" v="298"/>
          <ac:spMkLst>
            <pc:docMk/>
            <pc:sldMk cId="2376958513" sldId="260"/>
            <ac:spMk id="11451" creationId="{822796FC-FA47-1745-7ADB-480DA980C325}"/>
          </ac:spMkLst>
        </pc:spChg>
        <pc:spChg chg="mod">
          <ac:chgData name="White, Alex" userId="eff6cc8c-37d8-483b-9c6c-6b27e9afa9bc" providerId="ADAL" clId="{BF04C754-5BF4-4E83-9615-DB14FA25AF8A}" dt="2023-10-12T11:38:20.867" v="298"/>
          <ac:spMkLst>
            <pc:docMk/>
            <pc:sldMk cId="2376958513" sldId="260"/>
            <ac:spMk id="11452" creationId="{BC222C2E-FC00-6F72-38B3-D8AED0C36645}"/>
          </ac:spMkLst>
        </pc:spChg>
        <pc:spChg chg="mod">
          <ac:chgData name="White, Alex" userId="eff6cc8c-37d8-483b-9c6c-6b27e9afa9bc" providerId="ADAL" clId="{BF04C754-5BF4-4E83-9615-DB14FA25AF8A}" dt="2023-10-12T11:38:20.867" v="298"/>
          <ac:spMkLst>
            <pc:docMk/>
            <pc:sldMk cId="2376958513" sldId="260"/>
            <ac:spMk id="11453" creationId="{3005A3F5-A37A-E345-9739-2F7A2A59C6FC}"/>
          </ac:spMkLst>
        </pc:spChg>
        <pc:spChg chg="mod">
          <ac:chgData name="White, Alex" userId="eff6cc8c-37d8-483b-9c6c-6b27e9afa9bc" providerId="ADAL" clId="{BF04C754-5BF4-4E83-9615-DB14FA25AF8A}" dt="2023-10-12T11:38:20.867" v="298"/>
          <ac:spMkLst>
            <pc:docMk/>
            <pc:sldMk cId="2376958513" sldId="260"/>
            <ac:spMk id="11454" creationId="{565ED157-12BD-2BE9-8D70-36BEEBE9B544}"/>
          </ac:spMkLst>
        </pc:spChg>
        <pc:spChg chg="mod">
          <ac:chgData name="White, Alex" userId="eff6cc8c-37d8-483b-9c6c-6b27e9afa9bc" providerId="ADAL" clId="{BF04C754-5BF4-4E83-9615-DB14FA25AF8A}" dt="2023-10-12T11:38:20.867" v="298"/>
          <ac:spMkLst>
            <pc:docMk/>
            <pc:sldMk cId="2376958513" sldId="260"/>
            <ac:spMk id="11455" creationId="{8E75019C-370B-9B9D-49E8-8CE3FFD8E0B7}"/>
          </ac:spMkLst>
        </pc:spChg>
        <pc:spChg chg="mod">
          <ac:chgData name="White, Alex" userId="eff6cc8c-37d8-483b-9c6c-6b27e9afa9bc" providerId="ADAL" clId="{BF04C754-5BF4-4E83-9615-DB14FA25AF8A}" dt="2023-10-12T11:38:20.867" v="298"/>
          <ac:spMkLst>
            <pc:docMk/>
            <pc:sldMk cId="2376958513" sldId="260"/>
            <ac:spMk id="11456" creationId="{5741E93C-3727-1500-A4FF-0F2F57B1DCC4}"/>
          </ac:spMkLst>
        </pc:spChg>
        <pc:spChg chg="mod">
          <ac:chgData name="White, Alex" userId="eff6cc8c-37d8-483b-9c6c-6b27e9afa9bc" providerId="ADAL" clId="{BF04C754-5BF4-4E83-9615-DB14FA25AF8A}" dt="2023-10-12T11:38:20.867" v="298"/>
          <ac:spMkLst>
            <pc:docMk/>
            <pc:sldMk cId="2376958513" sldId="260"/>
            <ac:spMk id="11457" creationId="{6FE2B68E-9F57-2F06-D33A-180473E1A62C}"/>
          </ac:spMkLst>
        </pc:spChg>
        <pc:spChg chg="mod">
          <ac:chgData name="White, Alex" userId="eff6cc8c-37d8-483b-9c6c-6b27e9afa9bc" providerId="ADAL" clId="{BF04C754-5BF4-4E83-9615-DB14FA25AF8A}" dt="2023-10-12T11:38:20.867" v="298"/>
          <ac:spMkLst>
            <pc:docMk/>
            <pc:sldMk cId="2376958513" sldId="260"/>
            <ac:spMk id="11458" creationId="{4D05E8FD-F414-0867-5526-6310711221C7}"/>
          </ac:spMkLst>
        </pc:spChg>
        <pc:spChg chg="mod">
          <ac:chgData name="White, Alex" userId="eff6cc8c-37d8-483b-9c6c-6b27e9afa9bc" providerId="ADAL" clId="{BF04C754-5BF4-4E83-9615-DB14FA25AF8A}" dt="2023-10-12T11:38:20.867" v="298"/>
          <ac:spMkLst>
            <pc:docMk/>
            <pc:sldMk cId="2376958513" sldId="260"/>
            <ac:spMk id="11459" creationId="{1498E826-C8FE-D3F7-1EFE-0229D41CE825}"/>
          </ac:spMkLst>
        </pc:spChg>
        <pc:spChg chg="mod">
          <ac:chgData name="White, Alex" userId="eff6cc8c-37d8-483b-9c6c-6b27e9afa9bc" providerId="ADAL" clId="{BF04C754-5BF4-4E83-9615-DB14FA25AF8A}" dt="2023-10-12T11:38:20.867" v="298"/>
          <ac:spMkLst>
            <pc:docMk/>
            <pc:sldMk cId="2376958513" sldId="260"/>
            <ac:spMk id="11460" creationId="{F157BC4F-694C-2CE4-2340-03221552B049}"/>
          </ac:spMkLst>
        </pc:spChg>
        <pc:spChg chg="mod">
          <ac:chgData name="White, Alex" userId="eff6cc8c-37d8-483b-9c6c-6b27e9afa9bc" providerId="ADAL" clId="{BF04C754-5BF4-4E83-9615-DB14FA25AF8A}" dt="2023-10-12T11:38:20.867" v="298"/>
          <ac:spMkLst>
            <pc:docMk/>
            <pc:sldMk cId="2376958513" sldId="260"/>
            <ac:spMk id="11461" creationId="{97D139EB-D0EF-8F12-7797-B645668AF31F}"/>
          </ac:spMkLst>
        </pc:spChg>
        <pc:spChg chg="mod">
          <ac:chgData name="White, Alex" userId="eff6cc8c-37d8-483b-9c6c-6b27e9afa9bc" providerId="ADAL" clId="{BF04C754-5BF4-4E83-9615-DB14FA25AF8A}" dt="2023-10-12T11:38:20.867" v="298"/>
          <ac:spMkLst>
            <pc:docMk/>
            <pc:sldMk cId="2376958513" sldId="260"/>
            <ac:spMk id="11462" creationId="{91C6DF64-CC74-170F-33C2-E65E9176DC35}"/>
          </ac:spMkLst>
        </pc:spChg>
        <pc:spChg chg="mod">
          <ac:chgData name="White, Alex" userId="eff6cc8c-37d8-483b-9c6c-6b27e9afa9bc" providerId="ADAL" clId="{BF04C754-5BF4-4E83-9615-DB14FA25AF8A}" dt="2023-10-12T11:38:20.867" v="298"/>
          <ac:spMkLst>
            <pc:docMk/>
            <pc:sldMk cId="2376958513" sldId="260"/>
            <ac:spMk id="11463" creationId="{10D352CA-83EB-7A8F-862A-841CDB7EC537}"/>
          </ac:spMkLst>
        </pc:spChg>
        <pc:spChg chg="mod">
          <ac:chgData name="White, Alex" userId="eff6cc8c-37d8-483b-9c6c-6b27e9afa9bc" providerId="ADAL" clId="{BF04C754-5BF4-4E83-9615-DB14FA25AF8A}" dt="2023-10-12T11:38:20.867" v="298"/>
          <ac:spMkLst>
            <pc:docMk/>
            <pc:sldMk cId="2376958513" sldId="260"/>
            <ac:spMk id="11464" creationId="{2DDD3C7E-2624-3F9E-F8FC-107D5C653858}"/>
          </ac:spMkLst>
        </pc:spChg>
        <pc:spChg chg="mod">
          <ac:chgData name="White, Alex" userId="eff6cc8c-37d8-483b-9c6c-6b27e9afa9bc" providerId="ADAL" clId="{BF04C754-5BF4-4E83-9615-DB14FA25AF8A}" dt="2023-10-12T11:38:20.867" v="298"/>
          <ac:spMkLst>
            <pc:docMk/>
            <pc:sldMk cId="2376958513" sldId="260"/>
            <ac:spMk id="11465" creationId="{3557861D-F9C1-B54D-4334-0A4EED1E7496}"/>
          </ac:spMkLst>
        </pc:spChg>
        <pc:spChg chg="mod">
          <ac:chgData name="White, Alex" userId="eff6cc8c-37d8-483b-9c6c-6b27e9afa9bc" providerId="ADAL" clId="{BF04C754-5BF4-4E83-9615-DB14FA25AF8A}" dt="2023-10-12T11:38:20.867" v="298"/>
          <ac:spMkLst>
            <pc:docMk/>
            <pc:sldMk cId="2376958513" sldId="260"/>
            <ac:spMk id="11466" creationId="{75DB804A-7078-2026-0B1E-23C57D7CE975}"/>
          </ac:spMkLst>
        </pc:spChg>
        <pc:spChg chg="mod">
          <ac:chgData name="White, Alex" userId="eff6cc8c-37d8-483b-9c6c-6b27e9afa9bc" providerId="ADAL" clId="{BF04C754-5BF4-4E83-9615-DB14FA25AF8A}" dt="2023-10-12T11:38:20.867" v="298"/>
          <ac:spMkLst>
            <pc:docMk/>
            <pc:sldMk cId="2376958513" sldId="260"/>
            <ac:spMk id="11467" creationId="{29242A3D-309D-4F0C-A993-C98B22E6F6CE}"/>
          </ac:spMkLst>
        </pc:spChg>
        <pc:spChg chg="mod">
          <ac:chgData name="White, Alex" userId="eff6cc8c-37d8-483b-9c6c-6b27e9afa9bc" providerId="ADAL" clId="{BF04C754-5BF4-4E83-9615-DB14FA25AF8A}" dt="2023-10-12T11:38:20.867" v="298"/>
          <ac:spMkLst>
            <pc:docMk/>
            <pc:sldMk cId="2376958513" sldId="260"/>
            <ac:spMk id="11468" creationId="{CECABE1C-8C74-97BA-3DF2-8723984A3C41}"/>
          </ac:spMkLst>
        </pc:spChg>
        <pc:spChg chg="mod">
          <ac:chgData name="White, Alex" userId="eff6cc8c-37d8-483b-9c6c-6b27e9afa9bc" providerId="ADAL" clId="{BF04C754-5BF4-4E83-9615-DB14FA25AF8A}" dt="2023-10-12T11:38:20.867" v="298"/>
          <ac:spMkLst>
            <pc:docMk/>
            <pc:sldMk cId="2376958513" sldId="260"/>
            <ac:spMk id="11469" creationId="{073B2488-AD72-742D-45DC-8CA214EAF872}"/>
          </ac:spMkLst>
        </pc:spChg>
        <pc:spChg chg="mod">
          <ac:chgData name="White, Alex" userId="eff6cc8c-37d8-483b-9c6c-6b27e9afa9bc" providerId="ADAL" clId="{BF04C754-5BF4-4E83-9615-DB14FA25AF8A}" dt="2023-10-12T11:38:20.867" v="298"/>
          <ac:spMkLst>
            <pc:docMk/>
            <pc:sldMk cId="2376958513" sldId="260"/>
            <ac:spMk id="11470" creationId="{DA4EA4E9-8059-9540-D1D4-D4EE7A110801}"/>
          </ac:spMkLst>
        </pc:spChg>
        <pc:spChg chg="mod">
          <ac:chgData name="White, Alex" userId="eff6cc8c-37d8-483b-9c6c-6b27e9afa9bc" providerId="ADAL" clId="{BF04C754-5BF4-4E83-9615-DB14FA25AF8A}" dt="2023-10-12T11:38:20.867" v="298"/>
          <ac:spMkLst>
            <pc:docMk/>
            <pc:sldMk cId="2376958513" sldId="260"/>
            <ac:spMk id="11471" creationId="{4D988D4A-3694-71DC-B63C-56A3702CFEB7}"/>
          </ac:spMkLst>
        </pc:spChg>
        <pc:spChg chg="mod">
          <ac:chgData name="White, Alex" userId="eff6cc8c-37d8-483b-9c6c-6b27e9afa9bc" providerId="ADAL" clId="{BF04C754-5BF4-4E83-9615-DB14FA25AF8A}" dt="2023-10-12T11:38:20.867" v="298"/>
          <ac:spMkLst>
            <pc:docMk/>
            <pc:sldMk cId="2376958513" sldId="260"/>
            <ac:spMk id="11472" creationId="{CC62C008-8841-FB8A-BD60-051B4432697C}"/>
          </ac:spMkLst>
        </pc:spChg>
        <pc:spChg chg="mod">
          <ac:chgData name="White, Alex" userId="eff6cc8c-37d8-483b-9c6c-6b27e9afa9bc" providerId="ADAL" clId="{BF04C754-5BF4-4E83-9615-DB14FA25AF8A}" dt="2023-10-12T11:38:20.867" v="298"/>
          <ac:spMkLst>
            <pc:docMk/>
            <pc:sldMk cId="2376958513" sldId="260"/>
            <ac:spMk id="11473" creationId="{56BA5723-D65C-9123-D2A7-85C0260BC12A}"/>
          </ac:spMkLst>
        </pc:spChg>
        <pc:spChg chg="mod">
          <ac:chgData name="White, Alex" userId="eff6cc8c-37d8-483b-9c6c-6b27e9afa9bc" providerId="ADAL" clId="{BF04C754-5BF4-4E83-9615-DB14FA25AF8A}" dt="2023-10-12T11:38:20.867" v="298"/>
          <ac:spMkLst>
            <pc:docMk/>
            <pc:sldMk cId="2376958513" sldId="260"/>
            <ac:spMk id="11474" creationId="{7006F31F-1EBE-E4BB-DF6D-D12978E75627}"/>
          </ac:spMkLst>
        </pc:spChg>
        <pc:spChg chg="mod">
          <ac:chgData name="White, Alex" userId="eff6cc8c-37d8-483b-9c6c-6b27e9afa9bc" providerId="ADAL" clId="{BF04C754-5BF4-4E83-9615-DB14FA25AF8A}" dt="2023-10-12T11:38:20.867" v="298"/>
          <ac:spMkLst>
            <pc:docMk/>
            <pc:sldMk cId="2376958513" sldId="260"/>
            <ac:spMk id="11475" creationId="{8E64DFFF-E68C-44BC-2CF8-47F04943CFB1}"/>
          </ac:spMkLst>
        </pc:spChg>
        <pc:spChg chg="mod">
          <ac:chgData name="White, Alex" userId="eff6cc8c-37d8-483b-9c6c-6b27e9afa9bc" providerId="ADAL" clId="{BF04C754-5BF4-4E83-9615-DB14FA25AF8A}" dt="2023-10-12T11:38:20.867" v="298"/>
          <ac:spMkLst>
            <pc:docMk/>
            <pc:sldMk cId="2376958513" sldId="260"/>
            <ac:spMk id="11476" creationId="{23B0F95C-EC68-C230-97EA-88D7B9CF6151}"/>
          </ac:spMkLst>
        </pc:spChg>
        <pc:spChg chg="mod">
          <ac:chgData name="White, Alex" userId="eff6cc8c-37d8-483b-9c6c-6b27e9afa9bc" providerId="ADAL" clId="{BF04C754-5BF4-4E83-9615-DB14FA25AF8A}" dt="2023-10-12T11:38:20.867" v="298"/>
          <ac:spMkLst>
            <pc:docMk/>
            <pc:sldMk cId="2376958513" sldId="260"/>
            <ac:spMk id="11477" creationId="{EFC1FEF3-574D-AC0F-FC8A-47EE15EC40B1}"/>
          </ac:spMkLst>
        </pc:spChg>
        <pc:spChg chg="mod">
          <ac:chgData name="White, Alex" userId="eff6cc8c-37d8-483b-9c6c-6b27e9afa9bc" providerId="ADAL" clId="{BF04C754-5BF4-4E83-9615-DB14FA25AF8A}" dt="2023-10-12T11:38:20.867" v="298"/>
          <ac:spMkLst>
            <pc:docMk/>
            <pc:sldMk cId="2376958513" sldId="260"/>
            <ac:spMk id="11478" creationId="{0D262104-2C6E-F521-D4E1-AE1ABE4962AF}"/>
          </ac:spMkLst>
        </pc:spChg>
        <pc:spChg chg="mod">
          <ac:chgData name="White, Alex" userId="eff6cc8c-37d8-483b-9c6c-6b27e9afa9bc" providerId="ADAL" clId="{BF04C754-5BF4-4E83-9615-DB14FA25AF8A}" dt="2023-10-12T11:38:20.867" v="298"/>
          <ac:spMkLst>
            <pc:docMk/>
            <pc:sldMk cId="2376958513" sldId="260"/>
            <ac:spMk id="11479" creationId="{3E3B7652-4155-911F-23DF-23E7E8C0D756}"/>
          </ac:spMkLst>
        </pc:spChg>
        <pc:spChg chg="mod">
          <ac:chgData name="White, Alex" userId="eff6cc8c-37d8-483b-9c6c-6b27e9afa9bc" providerId="ADAL" clId="{BF04C754-5BF4-4E83-9615-DB14FA25AF8A}" dt="2023-10-12T11:38:20.867" v="298"/>
          <ac:spMkLst>
            <pc:docMk/>
            <pc:sldMk cId="2376958513" sldId="260"/>
            <ac:spMk id="11480" creationId="{472966E0-B8FB-40C2-194E-507A60289EB8}"/>
          </ac:spMkLst>
        </pc:spChg>
        <pc:spChg chg="mod">
          <ac:chgData name="White, Alex" userId="eff6cc8c-37d8-483b-9c6c-6b27e9afa9bc" providerId="ADAL" clId="{BF04C754-5BF4-4E83-9615-DB14FA25AF8A}" dt="2023-10-12T11:38:20.867" v="298"/>
          <ac:spMkLst>
            <pc:docMk/>
            <pc:sldMk cId="2376958513" sldId="260"/>
            <ac:spMk id="11481" creationId="{FE10F273-94DD-9473-A8DB-51EE8F94C443}"/>
          </ac:spMkLst>
        </pc:spChg>
        <pc:spChg chg="mod">
          <ac:chgData name="White, Alex" userId="eff6cc8c-37d8-483b-9c6c-6b27e9afa9bc" providerId="ADAL" clId="{BF04C754-5BF4-4E83-9615-DB14FA25AF8A}" dt="2023-10-12T11:38:20.867" v="298"/>
          <ac:spMkLst>
            <pc:docMk/>
            <pc:sldMk cId="2376958513" sldId="260"/>
            <ac:spMk id="11482" creationId="{B2448608-2063-004E-5E17-BE924021C34D}"/>
          </ac:spMkLst>
        </pc:spChg>
        <pc:spChg chg="mod">
          <ac:chgData name="White, Alex" userId="eff6cc8c-37d8-483b-9c6c-6b27e9afa9bc" providerId="ADAL" clId="{BF04C754-5BF4-4E83-9615-DB14FA25AF8A}" dt="2023-10-12T11:38:20.867" v="298"/>
          <ac:spMkLst>
            <pc:docMk/>
            <pc:sldMk cId="2376958513" sldId="260"/>
            <ac:spMk id="11483" creationId="{8669525A-9D18-64EA-C67E-D6070665F719}"/>
          </ac:spMkLst>
        </pc:spChg>
        <pc:spChg chg="mod">
          <ac:chgData name="White, Alex" userId="eff6cc8c-37d8-483b-9c6c-6b27e9afa9bc" providerId="ADAL" clId="{BF04C754-5BF4-4E83-9615-DB14FA25AF8A}" dt="2023-10-12T11:38:20.867" v="298"/>
          <ac:spMkLst>
            <pc:docMk/>
            <pc:sldMk cId="2376958513" sldId="260"/>
            <ac:spMk id="11484" creationId="{F42D395D-53CF-19DA-F829-99795D667CFA}"/>
          </ac:spMkLst>
        </pc:spChg>
        <pc:spChg chg="mod">
          <ac:chgData name="White, Alex" userId="eff6cc8c-37d8-483b-9c6c-6b27e9afa9bc" providerId="ADAL" clId="{BF04C754-5BF4-4E83-9615-DB14FA25AF8A}" dt="2023-10-12T11:38:20.867" v="298"/>
          <ac:spMkLst>
            <pc:docMk/>
            <pc:sldMk cId="2376958513" sldId="260"/>
            <ac:spMk id="11485" creationId="{62B7241E-CF42-AF38-BEC4-E6EF8342C984}"/>
          </ac:spMkLst>
        </pc:spChg>
        <pc:spChg chg="mod">
          <ac:chgData name="White, Alex" userId="eff6cc8c-37d8-483b-9c6c-6b27e9afa9bc" providerId="ADAL" clId="{BF04C754-5BF4-4E83-9615-DB14FA25AF8A}" dt="2023-10-12T11:38:20.867" v="298"/>
          <ac:spMkLst>
            <pc:docMk/>
            <pc:sldMk cId="2376958513" sldId="260"/>
            <ac:spMk id="11486" creationId="{961F04E7-75B1-5274-3478-B0966B46607E}"/>
          </ac:spMkLst>
        </pc:spChg>
        <pc:spChg chg="mod">
          <ac:chgData name="White, Alex" userId="eff6cc8c-37d8-483b-9c6c-6b27e9afa9bc" providerId="ADAL" clId="{BF04C754-5BF4-4E83-9615-DB14FA25AF8A}" dt="2023-10-12T11:38:20.867" v="298"/>
          <ac:spMkLst>
            <pc:docMk/>
            <pc:sldMk cId="2376958513" sldId="260"/>
            <ac:spMk id="11487" creationId="{966BDA97-CE36-F92C-DE93-0A8E3898F974}"/>
          </ac:spMkLst>
        </pc:spChg>
        <pc:spChg chg="mod">
          <ac:chgData name="White, Alex" userId="eff6cc8c-37d8-483b-9c6c-6b27e9afa9bc" providerId="ADAL" clId="{BF04C754-5BF4-4E83-9615-DB14FA25AF8A}" dt="2023-10-12T11:38:20.867" v="298"/>
          <ac:spMkLst>
            <pc:docMk/>
            <pc:sldMk cId="2376958513" sldId="260"/>
            <ac:spMk id="11488" creationId="{91C4CBB8-4E0D-9C57-F442-15749C2D64C0}"/>
          </ac:spMkLst>
        </pc:spChg>
        <pc:spChg chg="mod">
          <ac:chgData name="White, Alex" userId="eff6cc8c-37d8-483b-9c6c-6b27e9afa9bc" providerId="ADAL" clId="{BF04C754-5BF4-4E83-9615-DB14FA25AF8A}" dt="2023-10-12T11:38:20.867" v="298"/>
          <ac:spMkLst>
            <pc:docMk/>
            <pc:sldMk cId="2376958513" sldId="260"/>
            <ac:spMk id="11489" creationId="{60063CDC-3A9D-453E-5925-06ADD5E087A6}"/>
          </ac:spMkLst>
        </pc:spChg>
        <pc:spChg chg="mod">
          <ac:chgData name="White, Alex" userId="eff6cc8c-37d8-483b-9c6c-6b27e9afa9bc" providerId="ADAL" clId="{BF04C754-5BF4-4E83-9615-DB14FA25AF8A}" dt="2023-10-12T11:38:20.867" v="298"/>
          <ac:spMkLst>
            <pc:docMk/>
            <pc:sldMk cId="2376958513" sldId="260"/>
            <ac:spMk id="11490" creationId="{DF236984-0D46-4656-6051-6657BFA67750}"/>
          </ac:spMkLst>
        </pc:spChg>
        <pc:spChg chg="mod">
          <ac:chgData name="White, Alex" userId="eff6cc8c-37d8-483b-9c6c-6b27e9afa9bc" providerId="ADAL" clId="{BF04C754-5BF4-4E83-9615-DB14FA25AF8A}" dt="2023-10-12T11:38:20.867" v="298"/>
          <ac:spMkLst>
            <pc:docMk/>
            <pc:sldMk cId="2376958513" sldId="260"/>
            <ac:spMk id="11491" creationId="{5EC193B5-3B6C-F9FF-34D0-F94945497C38}"/>
          </ac:spMkLst>
        </pc:spChg>
        <pc:spChg chg="mod">
          <ac:chgData name="White, Alex" userId="eff6cc8c-37d8-483b-9c6c-6b27e9afa9bc" providerId="ADAL" clId="{BF04C754-5BF4-4E83-9615-DB14FA25AF8A}" dt="2023-10-12T11:38:20.867" v="298"/>
          <ac:spMkLst>
            <pc:docMk/>
            <pc:sldMk cId="2376958513" sldId="260"/>
            <ac:spMk id="11492" creationId="{DA9330DE-5D56-7D5E-8E66-500125F0CA46}"/>
          </ac:spMkLst>
        </pc:spChg>
        <pc:spChg chg="mod">
          <ac:chgData name="White, Alex" userId="eff6cc8c-37d8-483b-9c6c-6b27e9afa9bc" providerId="ADAL" clId="{BF04C754-5BF4-4E83-9615-DB14FA25AF8A}" dt="2023-10-12T11:38:20.867" v="298"/>
          <ac:spMkLst>
            <pc:docMk/>
            <pc:sldMk cId="2376958513" sldId="260"/>
            <ac:spMk id="11493" creationId="{FF026B2E-57F3-4CC2-BE88-B55F35A11180}"/>
          </ac:spMkLst>
        </pc:spChg>
        <pc:spChg chg="mod">
          <ac:chgData name="White, Alex" userId="eff6cc8c-37d8-483b-9c6c-6b27e9afa9bc" providerId="ADAL" clId="{BF04C754-5BF4-4E83-9615-DB14FA25AF8A}" dt="2023-10-12T11:38:20.867" v="298"/>
          <ac:spMkLst>
            <pc:docMk/>
            <pc:sldMk cId="2376958513" sldId="260"/>
            <ac:spMk id="11494" creationId="{68E73F74-85C1-9F10-C4E5-DF2537E6E73D}"/>
          </ac:spMkLst>
        </pc:spChg>
        <pc:spChg chg="mod">
          <ac:chgData name="White, Alex" userId="eff6cc8c-37d8-483b-9c6c-6b27e9afa9bc" providerId="ADAL" clId="{BF04C754-5BF4-4E83-9615-DB14FA25AF8A}" dt="2023-10-12T11:38:20.867" v="298"/>
          <ac:spMkLst>
            <pc:docMk/>
            <pc:sldMk cId="2376958513" sldId="260"/>
            <ac:spMk id="11495" creationId="{B54B90EE-E261-F22B-7BC3-6B7C570000F6}"/>
          </ac:spMkLst>
        </pc:spChg>
        <pc:spChg chg="mod">
          <ac:chgData name="White, Alex" userId="eff6cc8c-37d8-483b-9c6c-6b27e9afa9bc" providerId="ADAL" clId="{BF04C754-5BF4-4E83-9615-DB14FA25AF8A}" dt="2023-10-12T11:38:20.867" v="298"/>
          <ac:spMkLst>
            <pc:docMk/>
            <pc:sldMk cId="2376958513" sldId="260"/>
            <ac:spMk id="11496" creationId="{27CE34F5-CF45-D8BF-DAE0-B55AAE08E4CF}"/>
          </ac:spMkLst>
        </pc:spChg>
        <pc:spChg chg="mod">
          <ac:chgData name="White, Alex" userId="eff6cc8c-37d8-483b-9c6c-6b27e9afa9bc" providerId="ADAL" clId="{BF04C754-5BF4-4E83-9615-DB14FA25AF8A}" dt="2023-10-12T11:38:20.867" v="298"/>
          <ac:spMkLst>
            <pc:docMk/>
            <pc:sldMk cId="2376958513" sldId="260"/>
            <ac:spMk id="11497" creationId="{769E342F-CB3A-8ECC-AB9F-77633802DA3D}"/>
          </ac:spMkLst>
        </pc:spChg>
        <pc:spChg chg="mod">
          <ac:chgData name="White, Alex" userId="eff6cc8c-37d8-483b-9c6c-6b27e9afa9bc" providerId="ADAL" clId="{BF04C754-5BF4-4E83-9615-DB14FA25AF8A}" dt="2023-10-12T11:38:20.867" v="298"/>
          <ac:spMkLst>
            <pc:docMk/>
            <pc:sldMk cId="2376958513" sldId="260"/>
            <ac:spMk id="11498" creationId="{3B3B983E-69E1-6E50-1941-DC97474224FE}"/>
          </ac:spMkLst>
        </pc:spChg>
        <pc:spChg chg="mod">
          <ac:chgData name="White, Alex" userId="eff6cc8c-37d8-483b-9c6c-6b27e9afa9bc" providerId="ADAL" clId="{BF04C754-5BF4-4E83-9615-DB14FA25AF8A}" dt="2023-10-12T11:38:20.867" v="298"/>
          <ac:spMkLst>
            <pc:docMk/>
            <pc:sldMk cId="2376958513" sldId="260"/>
            <ac:spMk id="11499" creationId="{986BFCDA-534F-DBDD-A629-37F0FF13B421}"/>
          </ac:spMkLst>
        </pc:spChg>
        <pc:spChg chg="mod">
          <ac:chgData name="White, Alex" userId="eff6cc8c-37d8-483b-9c6c-6b27e9afa9bc" providerId="ADAL" clId="{BF04C754-5BF4-4E83-9615-DB14FA25AF8A}" dt="2023-10-12T11:38:20.867" v="298"/>
          <ac:spMkLst>
            <pc:docMk/>
            <pc:sldMk cId="2376958513" sldId="260"/>
            <ac:spMk id="11500" creationId="{5F7665A5-74E3-A1EA-7673-381B8010D44D}"/>
          </ac:spMkLst>
        </pc:spChg>
        <pc:spChg chg="mod">
          <ac:chgData name="White, Alex" userId="eff6cc8c-37d8-483b-9c6c-6b27e9afa9bc" providerId="ADAL" clId="{BF04C754-5BF4-4E83-9615-DB14FA25AF8A}" dt="2023-10-12T11:38:20.867" v="298"/>
          <ac:spMkLst>
            <pc:docMk/>
            <pc:sldMk cId="2376958513" sldId="260"/>
            <ac:spMk id="11501" creationId="{98D5E697-E008-A6E7-5872-9BCA2A0710B4}"/>
          </ac:spMkLst>
        </pc:spChg>
        <pc:spChg chg="mod">
          <ac:chgData name="White, Alex" userId="eff6cc8c-37d8-483b-9c6c-6b27e9afa9bc" providerId="ADAL" clId="{BF04C754-5BF4-4E83-9615-DB14FA25AF8A}" dt="2023-10-12T11:38:20.867" v="298"/>
          <ac:spMkLst>
            <pc:docMk/>
            <pc:sldMk cId="2376958513" sldId="260"/>
            <ac:spMk id="11502" creationId="{A00BA092-4115-84ED-94D3-3488329C8B82}"/>
          </ac:spMkLst>
        </pc:spChg>
        <pc:spChg chg="mod">
          <ac:chgData name="White, Alex" userId="eff6cc8c-37d8-483b-9c6c-6b27e9afa9bc" providerId="ADAL" clId="{BF04C754-5BF4-4E83-9615-DB14FA25AF8A}" dt="2023-10-12T11:38:20.867" v="298"/>
          <ac:spMkLst>
            <pc:docMk/>
            <pc:sldMk cId="2376958513" sldId="260"/>
            <ac:spMk id="11503" creationId="{68BA3169-627D-B6E6-D4C8-A6CA9F14182D}"/>
          </ac:spMkLst>
        </pc:spChg>
        <pc:spChg chg="mod">
          <ac:chgData name="White, Alex" userId="eff6cc8c-37d8-483b-9c6c-6b27e9afa9bc" providerId="ADAL" clId="{BF04C754-5BF4-4E83-9615-DB14FA25AF8A}" dt="2023-10-12T11:38:20.867" v="298"/>
          <ac:spMkLst>
            <pc:docMk/>
            <pc:sldMk cId="2376958513" sldId="260"/>
            <ac:spMk id="11504" creationId="{4A271F91-ED36-E1D4-DDF0-365183978FFB}"/>
          </ac:spMkLst>
        </pc:spChg>
        <pc:spChg chg="mod">
          <ac:chgData name="White, Alex" userId="eff6cc8c-37d8-483b-9c6c-6b27e9afa9bc" providerId="ADAL" clId="{BF04C754-5BF4-4E83-9615-DB14FA25AF8A}" dt="2023-10-12T11:38:20.867" v="298"/>
          <ac:spMkLst>
            <pc:docMk/>
            <pc:sldMk cId="2376958513" sldId="260"/>
            <ac:spMk id="11505" creationId="{7055D394-F678-4B61-7331-182608FAC4C6}"/>
          </ac:spMkLst>
        </pc:spChg>
        <pc:spChg chg="mod">
          <ac:chgData name="White, Alex" userId="eff6cc8c-37d8-483b-9c6c-6b27e9afa9bc" providerId="ADAL" clId="{BF04C754-5BF4-4E83-9615-DB14FA25AF8A}" dt="2023-10-12T11:38:20.867" v="298"/>
          <ac:spMkLst>
            <pc:docMk/>
            <pc:sldMk cId="2376958513" sldId="260"/>
            <ac:spMk id="11506" creationId="{043AD6D2-0BAA-B09D-B92C-01EF0118FA81}"/>
          </ac:spMkLst>
        </pc:spChg>
        <pc:spChg chg="mod">
          <ac:chgData name="White, Alex" userId="eff6cc8c-37d8-483b-9c6c-6b27e9afa9bc" providerId="ADAL" clId="{BF04C754-5BF4-4E83-9615-DB14FA25AF8A}" dt="2023-10-12T11:38:20.867" v="298"/>
          <ac:spMkLst>
            <pc:docMk/>
            <pc:sldMk cId="2376958513" sldId="260"/>
            <ac:spMk id="11507" creationId="{CBD50362-3B68-C8B5-6197-DA2ACB2089E9}"/>
          </ac:spMkLst>
        </pc:spChg>
        <pc:spChg chg="mod">
          <ac:chgData name="White, Alex" userId="eff6cc8c-37d8-483b-9c6c-6b27e9afa9bc" providerId="ADAL" clId="{BF04C754-5BF4-4E83-9615-DB14FA25AF8A}" dt="2023-10-12T11:38:20.867" v="298"/>
          <ac:spMkLst>
            <pc:docMk/>
            <pc:sldMk cId="2376958513" sldId="260"/>
            <ac:spMk id="11508" creationId="{5B5BF157-D668-976D-A787-BC69E25D19A0}"/>
          </ac:spMkLst>
        </pc:spChg>
        <pc:spChg chg="mod">
          <ac:chgData name="White, Alex" userId="eff6cc8c-37d8-483b-9c6c-6b27e9afa9bc" providerId="ADAL" clId="{BF04C754-5BF4-4E83-9615-DB14FA25AF8A}" dt="2023-10-12T11:38:20.867" v="298"/>
          <ac:spMkLst>
            <pc:docMk/>
            <pc:sldMk cId="2376958513" sldId="260"/>
            <ac:spMk id="11509" creationId="{30E36301-EE70-4FC2-CD08-89B2792E966D}"/>
          </ac:spMkLst>
        </pc:spChg>
        <pc:spChg chg="mod">
          <ac:chgData name="White, Alex" userId="eff6cc8c-37d8-483b-9c6c-6b27e9afa9bc" providerId="ADAL" clId="{BF04C754-5BF4-4E83-9615-DB14FA25AF8A}" dt="2023-10-12T11:38:20.867" v="298"/>
          <ac:spMkLst>
            <pc:docMk/>
            <pc:sldMk cId="2376958513" sldId="260"/>
            <ac:spMk id="11510" creationId="{FF201E7F-444E-B5AE-2BCF-3A588EA90505}"/>
          </ac:spMkLst>
        </pc:spChg>
        <pc:spChg chg="mod">
          <ac:chgData name="White, Alex" userId="eff6cc8c-37d8-483b-9c6c-6b27e9afa9bc" providerId="ADAL" clId="{BF04C754-5BF4-4E83-9615-DB14FA25AF8A}" dt="2023-10-12T11:38:20.867" v="298"/>
          <ac:spMkLst>
            <pc:docMk/>
            <pc:sldMk cId="2376958513" sldId="260"/>
            <ac:spMk id="11511" creationId="{8ABFEE41-1B7F-5010-42CA-CF35E3066FDA}"/>
          </ac:spMkLst>
        </pc:spChg>
        <pc:spChg chg="mod">
          <ac:chgData name="White, Alex" userId="eff6cc8c-37d8-483b-9c6c-6b27e9afa9bc" providerId="ADAL" clId="{BF04C754-5BF4-4E83-9615-DB14FA25AF8A}" dt="2023-10-12T11:38:20.867" v="298"/>
          <ac:spMkLst>
            <pc:docMk/>
            <pc:sldMk cId="2376958513" sldId="260"/>
            <ac:spMk id="11512" creationId="{872BED51-2F70-F5CE-E777-A06246357B2F}"/>
          </ac:spMkLst>
        </pc:spChg>
        <pc:spChg chg="mod">
          <ac:chgData name="White, Alex" userId="eff6cc8c-37d8-483b-9c6c-6b27e9afa9bc" providerId="ADAL" clId="{BF04C754-5BF4-4E83-9615-DB14FA25AF8A}" dt="2023-10-12T11:38:20.867" v="298"/>
          <ac:spMkLst>
            <pc:docMk/>
            <pc:sldMk cId="2376958513" sldId="260"/>
            <ac:spMk id="11513" creationId="{10AF85DE-A1CC-7617-4C5B-586BD7D3450C}"/>
          </ac:spMkLst>
        </pc:spChg>
        <pc:spChg chg="mod">
          <ac:chgData name="White, Alex" userId="eff6cc8c-37d8-483b-9c6c-6b27e9afa9bc" providerId="ADAL" clId="{BF04C754-5BF4-4E83-9615-DB14FA25AF8A}" dt="2023-10-12T11:38:20.867" v="298"/>
          <ac:spMkLst>
            <pc:docMk/>
            <pc:sldMk cId="2376958513" sldId="260"/>
            <ac:spMk id="11514" creationId="{7E1B9C89-9358-A058-CBBC-02687EBF6422}"/>
          </ac:spMkLst>
        </pc:spChg>
        <pc:spChg chg="mod">
          <ac:chgData name="White, Alex" userId="eff6cc8c-37d8-483b-9c6c-6b27e9afa9bc" providerId="ADAL" clId="{BF04C754-5BF4-4E83-9615-DB14FA25AF8A}" dt="2023-10-12T11:38:20.867" v="298"/>
          <ac:spMkLst>
            <pc:docMk/>
            <pc:sldMk cId="2376958513" sldId="260"/>
            <ac:spMk id="11515" creationId="{321EA100-B129-3A07-5083-A46707860C6D}"/>
          </ac:spMkLst>
        </pc:spChg>
        <pc:spChg chg="mod">
          <ac:chgData name="White, Alex" userId="eff6cc8c-37d8-483b-9c6c-6b27e9afa9bc" providerId="ADAL" clId="{BF04C754-5BF4-4E83-9615-DB14FA25AF8A}" dt="2023-10-12T11:38:20.867" v="298"/>
          <ac:spMkLst>
            <pc:docMk/>
            <pc:sldMk cId="2376958513" sldId="260"/>
            <ac:spMk id="11516" creationId="{F4A975EE-7196-594D-8CFB-4FA4815269BE}"/>
          </ac:spMkLst>
        </pc:spChg>
        <pc:spChg chg="mod">
          <ac:chgData name="White, Alex" userId="eff6cc8c-37d8-483b-9c6c-6b27e9afa9bc" providerId="ADAL" clId="{BF04C754-5BF4-4E83-9615-DB14FA25AF8A}" dt="2023-10-12T11:38:20.867" v="298"/>
          <ac:spMkLst>
            <pc:docMk/>
            <pc:sldMk cId="2376958513" sldId="260"/>
            <ac:spMk id="11517" creationId="{7733472E-DE18-5FE0-1212-31112B1FD118}"/>
          </ac:spMkLst>
        </pc:spChg>
        <pc:spChg chg="mod">
          <ac:chgData name="White, Alex" userId="eff6cc8c-37d8-483b-9c6c-6b27e9afa9bc" providerId="ADAL" clId="{BF04C754-5BF4-4E83-9615-DB14FA25AF8A}" dt="2023-10-12T11:38:20.867" v="298"/>
          <ac:spMkLst>
            <pc:docMk/>
            <pc:sldMk cId="2376958513" sldId="260"/>
            <ac:spMk id="11518" creationId="{B8A1B1F1-A3B8-9E51-560D-D380B8D8B50B}"/>
          </ac:spMkLst>
        </pc:spChg>
        <pc:spChg chg="mod">
          <ac:chgData name="White, Alex" userId="eff6cc8c-37d8-483b-9c6c-6b27e9afa9bc" providerId="ADAL" clId="{BF04C754-5BF4-4E83-9615-DB14FA25AF8A}" dt="2023-10-12T11:38:20.867" v="298"/>
          <ac:spMkLst>
            <pc:docMk/>
            <pc:sldMk cId="2376958513" sldId="260"/>
            <ac:spMk id="11519" creationId="{488C07DE-E855-863D-0BEA-C7D004A74DC3}"/>
          </ac:spMkLst>
        </pc:spChg>
        <pc:spChg chg="mod">
          <ac:chgData name="White, Alex" userId="eff6cc8c-37d8-483b-9c6c-6b27e9afa9bc" providerId="ADAL" clId="{BF04C754-5BF4-4E83-9615-DB14FA25AF8A}" dt="2023-10-12T11:38:20.867" v="298"/>
          <ac:spMkLst>
            <pc:docMk/>
            <pc:sldMk cId="2376958513" sldId="260"/>
            <ac:spMk id="11520" creationId="{7A862B24-4E9D-E661-B432-37EE19006346}"/>
          </ac:spMkLst>
        </pc:spChg>
        <pc:spChg chg="mod">
          <ac:chgData name="White, Alex" userId="eff6cc8c-37d8-483b-9c6c-6b27e9afa9bc" providerId="ADAL" clId="{BF04C754-5BF4-4E83-9615-DB14FA25AF8A}" dt="2023-10-12T11:38:20.867" v="298"/>
          <ac:spMkLst>
            <pc:docMk/>
            <pc:sldMk cId="2376958513" sldId="260"/>
            <ac:spMk id="11521" creationId="{11ABE56B-01C4-DFE0-DA99-4AD12F608055}"/>
          </ac:spMkLst>
        </pc:spChg>
        <pc:spChg chg="mod">
          <ac:chgData name="White, Alex" userId="eff6cc8c-37d8-483b-9c6c-6b27e9afa9bc" providerId="ADAL" clId="{BF04C754-5BF4-4E83-9615-DB14FA25AF8A}" dt="2023-10-12T11:38:20.867" v="298"/>
          <ac:spMkLst>
            <pc:docMk/>
            <pc:sldMk cId="2376958513" sldId="260"/>
            <ac:spMk id="11522" creationId="{F6925426-E3F1-EF8B-D83C-1C2770F0A6D7}"/>
          </ac:spMkLst>
        </pc:spChg>
        <pc:spChg chg="mod">
          <ac:chgData name="White, Alex" userId="eff6cc8c-37d8-483b-9c6c-6b27e9afa9bc" providerId="ADAL" clId="{BF04C754-5BF4-4E83-9615-DB14FA25AF8A}" dt="2023-10-12T11:38:20.867" v="298"/>
          <ac:spMkLst>
            <pc:docMk/>
            <pc:sldMk cId="2376958513" sldId="260"/>
            <ac:spMk id="11523" creationId="{AFD81B68-E5E6-ECB3-5C7F-8EFCDE1A5C3F}"/>
          </ac:spMkLst>
        </pc:spChg>
        <pc:spChg chg="mod">
          <ac:chgData name="White, Alex" userId="eff6cc8c-37d8-483b-9c6c-6b27e9afa9bc" providerId="ADAL" clId="{BF04C754-5BF4-4E83-9615-DB14FA25AF8A}" dt="2023-10-12T11:38:20.867" v="298"/>
          <ac:spMkLst>
            <pc:docMk/>
            <pc:sldMk cId="2376958513" sldId="260"/>
            <ac:spMk id="11524" creationId="{768F36C4-97FD-BD01-E801-5EE9493F9914}"/>
          </ac:spMkLst>
        </pc:spChg>
        <pc:spChg chg="mod">
          <ac:chgData name="White, Alex" userId="eff6cc8c-37d8-483b-9c6c-6b27e9afa9bc" providerId="ADAL" clId="{BF04C754-5BF4-4E83-9615-DB14FA25AF8A}" dt="2023-10-12T11:38:20.867" v="298"/>
          <ac:spMkLst>
            <pc:docMk/>
            <pc:sldMk cId="2376958513" sldId="260"/>
            <ac:spMk id="11525" creationId="{B04B65AC-4D72-B36E-C856-06B2EF68E1C8}"/>
          </ac:spMkLst>
        </pc:spChg>
        <pc:spChg chg="mod">
          <ac:chgData name="White, Alex" userId="eff6cc8c-37d8-483b-9c6c-6b27e9afa9bc" providerId="ADAL" clId="{BF04C754-5BF4-4E83-9615-DB14FA25AF8A}" dt="2023-10-12T11:38:20.867" v="298"/>
          <ac:spMkLst>
            <pc:docMk/>
            <pc:sldMk cId="2376958513" sldId="260"/>
            <ac:spMk id="11526" creationId="{0BEAD8E9-EC3A-9657-2B86-647C50AAE5ED}"/>
          </ac:spMkLst>
        </pc:spChg>
        <pc:spChg chg="mod">
          <ac:chgData name="White, Alex" userId="eff6cc8c-37d8-483b-9c6c-6b27e9afa9bc" providerId="ADAL" clId="{BF04C754-5BF4-4E83-9615-DB14FA25AF8A}" dt="2023-10-12T11:38:20.867" v="298"/>
          <ac:spMkLst>
            <pc:docMk/>
            <pc:sldMk cId="2376958513" sldId="260"/>
            <ac:spMk id="11527" creationId="{91636226-DA00-4766-8CC3-6987FBC46469}"/>
          </ac:spMkLst>
        </pc:spChg>
        <pc:spChg chg="mod">
          <ac:chgData name="White, Alex" userId="eff6cc8c-37d8-483b-9c6c-6b27e9afa9bc" providerId="ADAL" clId="{BF04C754-5BF4-4E83-9615-DB14FA25AF8A}" dt="2023-10-12T11:38:20.867" v="298"/>
          <ac:spMkLst>
            <pc:docMk/>
            <pc:sldMk cId="2376958513" sldId="260"/>
            <ac:spMk id="11528" creationId="{681431AF-BCC7-D22C-9FA6-220142900287}"/>
          </ac:spMkLst>
        </pc:spChg>
        <pc:spChg chg="mod">
          <ac:chgData name="White, Alex" userId="eff6cc8c-37d8-483b-9c6c-6b27e9afa9bc" providerId="ADAL" clId="{BF04C754-5BF4-4E83-9615-DB14FA25AF8A}" dt="2023-10-12T11:38:20.867" v="298"/>
          <ac:spMkLst>
            <pc:docMk/>
            <pc:sldMk cId="2376958513" sldId="260"/>
            <ac:spMk id="11529" creationId="{B7828FA8-F7D1-CF0A-1D60-C7411A398965}"/>
          </ac:spMkLst>
        </pc:spChg>
        <pc:spChg chg="mod">
          <ac:chgData name="White, Alex" userId="eff6cc8c-37d8-483b-9c6c-6b27e9afa9bc" providerId="ADAL" clId="{BF04C754-5BF4-4E83-9615-DB14FA25AF8A}" dt="2023-10-12T11:38:20.867" v="298"/>
          <ac:spMkLst>
            <pc:docMk/>
            <pc:sldMk cId="2376958513" sldId="260"/>
            <ac:spMk id="11530" creationId="{2B6596BE-C57E-DEBE-5E3A-BFB722AFC215}"/>
          </ac:spMkLst>
        </pc:spChg>
        <pc:spChg chg="mod">
          <ac:chgData name="White, Alex" userId="eff6cc8c-37d8-483b-9c6c-6b27e9afa9bc" providerId="ADAL" clId="{BF04C754-5BF4-4E83-9615-DB14FA25AF8A}" dt="2023-10-12T11:38:20.867" v="298"/>
          <ac:spMkLst>
            <pc:docMk/>
            <pc:sldMk cId="2376958513" sldId="260"/>
            <ac:spMk id="11531" creationId="{957F1036-1126-E19F-D892-A2947B10EFB2}"/>
          </ac:spMkLst>
        </pc:spChg>
        <pc:spChg chg="mod">
          <ac:chgData name="White, Alex" userId="eff6cc8c-37d8-483b-9c6c-6b27e9afa9bc" providerId="ADAL" clId="{BF04C754-5BF4-4E83-9615-DB14FA25AF8A}" dt="2023-10-12T11:38:20.867" v="298"/>
          <ac:spMkLst>
            <pc:docMk/>
            <pc:sldMk cId="2376958513" sldId="260"/>
            <ac:spMk id="11532" creationId="{ECBAFDD0-F7D0-06CC-ED8A-CCEBB79FDAF3}"/>
          </ac:spMkLst>
        </pc:spChg>
        <pc:spChg chg="mod">
          <ac:chgData name="White, Alex" userId="eff6cc8c-37d8-483b-9c6c-6b27e9afa9bc" providerId="ADAL" clId="{BF04C754-5BF4-4E83-9615-DB14FA25AF8A}" dt="2023-10-12T11:38:20.867" v="298"/>
          <ac:spMkLst>
            <pc:docMk/>
            <pc:sldMk cId="2376958513" sldId="260"/>
            <ac:spMk id="11533" creationId="{5B74366A-E5D4-D0CD-7EFC-E18E107021E6}"/>
          </ac:spMkLst>
        </pc:spChg>
        <pc:spChg chg="mod">
          <ac:chgData name="White, Alex" userId="eff6cc8c-37d8-483b-9c6c-6b27e9afa9bc" providerId="ADAL" clId="{BF04C754-5BF4-4E83-9615-DB14FA25AF8A}" dt="2023-10-12T11:38:20.867" v="298"/>
          <ac:spMkLst>
            <pc:docMk/>
            <pc:sldMk cId="2376958513" sldId="260"/>
            <ac:spMk id="11534" creationId="{AADC0FAC-61A4-AAC2-CFB1-3E5193CCADF1}"/>
          </ac:spMkLst>
        </pc:spChg>
        <pc:spChg chg="mod">
          <ac:chgData name="White, Alex" userId="eff6cc8c-37d8-483b-9c6c-6b27e9afa9bc" providerId="ADAL" clId="{BF04C754-5BF4-4E83-9615-DB14FA25AF8A}" dt="2023-10-12T11:38:20.867" v="298"/>
          <ac:spMkLst>
            <pc:docMk/>
            <pc:sldMk cId="2376958513" sldId="260"/>
            <ac:spMk id="11535" creationId="{77040B12-4DD0-DE5C-C2C6-2774895BD7A1}"/>
          </ac:spMkLst>
        </pc:spChg>
        <pc:spChg chg="mod">
          <ac:chgData name="White, Alex" userId="eff6cc8c-37d8-483b-9c6c-6b27e9afa9bc" providerId="ADAL" clId="{BF04C754-5BF4-4E83-9615-DB14FA25AF8A}" dt="2023-10-12T11:38:20.867" v="298"/>
          <ac:spMkLst>
            <pc:docMk/>
            <pc:sldMk cId="2376958513" sldId="260"/>
            <ac:spMk id="11536" creationId="{82DBE84B-CC5B-6B8A-71F8-E361EDE9F7CA}"/>
          </ac:spMkLst>
        </pc:spChg>
        <pc:spChg chg="mod">
          <ac:chgData name="White, Alex" userId="eff6cc8c-37d8-483b-9c6c-6b27e9afa9bc" providerId="ADAL" clId="{BF04C754-5BF4-4E83-9615-DB14FA25AF8A}" dt="2023-10-12T11:38:20.867" v="298"/>
          <ac:spMkLst>
            <pc:docMk/>
            <pc:sldMk cId="2376958513" sldId="260"/>
            <ac:spMk id="11537" creationId="{40F75E1B-C936-92C8-92A9-4D3E4B5AD668}"/>
          </ac:spMkLst>
        </pc:spChg>
        <pc:spChg chg="mod">
          <ac:chgData name="White, Alex" userId="eff6cc8c-37d8-483b-9c6c-6b27e9afa9bc" providerId="ADAL" clId="{BF04C754-5BF4-4E83-9615-DB14FA25AF8A}" dt="2023-10-12T11:38:20.867" v="298"/>
          <ac:spMkLst>
            <pc:docMk/>
            <pc:sldMk cId="2376958513" sldId="260"/>
            <ac:spMk id="11538" creationId="{E69B73CA-2DD5-3169-90A7-799BC6388E64}"/>
          </ac:spMkLst>
        </pc:spChg>
        <pc:spChg chg="mod">
          <ac:chgData name="White, Alex" userId="eff6cc8c-37d8-483b-9c6c-6b27e9afa9bc" providerId="ADAL" clId="{BF04C754-5BF4-4E83-9615-DB14FA25AF8A}" dt="2023-10-12T11:38:20.867" v="298"/>
          <ac:spMkLst>
            <pc:docMk/>
            <pc:sldMk cId="2376958513" sldId="260"/>
            <ac:spMk id="11539" creationId="{12DDF316-A989-C985-DA8E-B601C25D4C07}"/>
          </ac:spMkLst>
        </pc:spChg>
        <pc:spChg chg="mod">
          <ac:chgData name="White, Alex" userId="eff6cc8c-37d8-483b-9c6c-6b27e9afa9bc" providerId="ADAL" clId="{BF04C754-5BF4-4E83-9615-DB14FA25AF8A}" dt="2023-10-12T11:38:20.867" v="298"/>
          <ac:spMkLst>
            <pc:docMk/>
            <pc:sldMk cId="2376958513" sldId="260"/>
            <ac:spMk id="11540" creationId="{65DC8F59-FBEB-E37C-E014-EDD3DDD1E409}"/>
          </ac:spMkLst>
        </pc:spChg>
        <pc:spChg chg="mod">
          <ac:chgData name="White, Alex" userId="eff6cc8c-37d8-483b-9c6c-6b27e9afa9bc" providerId="ADAL" clId="{BF04C754-5BF4-4E83-9615-DB14FA25AF8A}" dt="2023-10-12T11:38:20.867" v="298"/>
          <ac:spMkLst>
            <pc:docMk/>
            <pc:sldMk cId="2376958513" sldId="260"/>
            <ac:spMk id="11541" creationId="{BB1F1C85-58F1-57D3-4686-C752B4F247C9}"/>
          </ac:spMkLst>
        </pc:spChg>
        <pc:spChg chg="mod">
          <ac:chgData name="White, Alex" userId="eff6cc8c-37d8-483b-9c6c-6b27e9afa9bc" providerId="ADAL" clId="{BF04C754-5BF4-4E83-9615-DB14FA25AF8A}" dt="2023-10-12T11:38:20.867" v="298"/>
          <ac:spMkLst>
            <pc:docMk/>
            <pc:sldMk cId="2376958513" sldId="260"/>
            <ac:spMk id="11542" creationId="{10878F37-1B38-5089-4023-B3DC090F25D3}"/>
          </ac:spMkLst>
        </pc:spChg>
        <pc:spChg chg="mod">
          <ac:chgData name="White, Alex" userId="eff6cc8c-37d8-483b-9c6c-6b27e9afa9bc" providerId="ADAL" clId="{BF04C754-5BF4-4E83-9615-DB14FA25AF8A}" dt="2023-10-12T11:38:20.867" v="298"/>
          <ac:spMkLst>
            <pc:docMk/>
            <pc:sldMk cId="2376958513" sldId="260"/>
            <ac:spMk id="11543" creationId="{0E2A6C17-E87D-6FE5-1D2B-6E699BB28DAA}"/>
          </ac:spMkLst>
        </pc:spChg>
        <pc:spChg chg="mod">
          <ac:chgData name="White, Alex" userId="eff6cc8c-37d8-483b-9c6c-6b27e9afa9bc" providerId="ADAL" clId="{BF04C754-5BF4-4E83-9615-DB14FA25AF8A}" dt="2023-10-12T11:38:20.867" v="298"/>
          <ac:spMkLst>
            <pc:docMk/>
            <pc:sldMk cId="2376958513" sldId="260"/>
            <ac:spMk id="11544" creationId="{E120CE7F-879A-0649-3262-71278747601A}"/>
          </ac:spMkLst>
        </pc:spChg>
        <pc:spChg chg="mod">
          <ac:chgData name="White, Alex" userId="eff6cc8c-37d8-483b-9c6c-6b27e9afa9bc" providerId="ADAL" clId="{BF04C754-5BF4-4E83-9615-DB14FA25AF8A}" dt="2023-10-12T11:38:20.867" v="298"/>
          <ac:spMkLst>
            <pc:docMk/>
            <pc:sldMk cId="2376958513" sldId="260"/>
            <ac:spMk id="11545" creationId="{5CDB7205-9B3B-3EB3-0006-DA9DE06D0C5B}"/>
          </ac:spMkLst>
        </pc:spChg>
        <pc:spChg chg="mod">
          <ac:chgData name="White, Alex" userId="eff6cc8c-37d8-483b-9c6c-6b27e9afa9bc" providerId="ADAL" clId="{BF04C754-5BF4-4E83-9615-DB14FA25AF8A}" dt="2023-10-12T11:38:20.867" v="298"/>
          <ac:spMkLst>
            <pc:docMk/>
            <pc:sldMk cId="2376958513" sldId="260"/>
            <ac:spMk id="11546" creationId="{265E4BFB-5D51-EC33-7E33-ABFC007C4A8C}"/>
          </ac:spMkLst>
        </pc:spChg>
        <pc:spChg chg="mod">
          <ac:chgData name="White, Alex" userId="eff6cc8c-37d8-483b-9c6c-6b27e9afa9bc" providerId="ADAL" clId="{BF04C754-5BF4-4E83-9615-DB14FA25AF8A}" dt="2023-10-12T11:38:20.867" v="298"/>
          <ac:spMkLst>
            <pc:docMk/>
            <pc:sldMk cId="2376958513" sldId="260"/>
            <ac:spMk id="11547" creationId="{AE5FB9DC-07D1-9415-344C-29A1F6AF2044}"/>
          </ac:spMkLst>
        </pc:spChg>
        <pc:spChg chg="mod">
          <ac:chgData name="White, Alex" userId="eff6cc8c-37d8-483b-9c6c-6b27e9afa9bc" providerId="ADAL" clId="{BF04C754-5BF4-4E83-9615-DB14FA25AF8A}" dt="2023-10-12T11:38:20.867" v="298"/>
          <ac:spMkLst>
            <pc:docMk/>
            <pc:sldMk cId="2376958513" sldId="260"/>
            <ac:spMk id="11548" creationId="{068499BD-9860-93A0-C711-12665416AD22}"/>
          </ac:spMkLst>
        </pc:spChg>
        <pc:spChg chg="mod">
          <ac:chgData name="White, Alex" userId="eff6cc8c-37d8-483b-9c6c-6b27e9afa9bc" providerId="ADAL" clId="{BF04C754-5BF4-4E83-9615-DB14FA25AF8A}" dt="2023-10-12T11:38:20.867" v="298"/>
          <ac:spMkLst>
            <pc:docMk/>
            <pc:sldMk cId="2376958513" sldId="260"/>
            <ac:spMk id="11549" creationId="{4858D5C6-EE1D-E071-58F5-D2E87ECABE6D}"/>
          </ac:spMkLst>
        </pc:spChg>
        <pc:spChg chg="mod">
          <ac:chgData name="White, Alex" userId="eff6cc8c-37d8-483b-9c6c-6b27e9afa9bc" providerId="ADAL" clId="{BF04C754-5BF4-4E83-9615-DB14FA25AF8A}" dt="2023-10-12T11:38:20.867" v="298"/>
          <ac:spMkLst>
            <pc:docMk/>
            <pc:sldMk cId="2376958513" sldId="260"/>
            <ac:spMk id="11550" creationId="{2ECD1F3F-C099-E64C-57BD-E8A0F076246A}"/>
          </ac:spMkLst>
        </pc:spChg>
        <pc:spChg chg="mod">
          <ac:chgData name="White, Alex" userId="eff6cc8c-37d8-483b-9c6c-6b27e9afa9bc" providerId="ADAL" clId="{BF04C754-5BF4-4E83-9615-DB14FA25AF8A}" dt="2023-10-12T11:38:20.867" v="298"/>
          <ac:spMkLst>
            <pc:docMk/>
            <pc:sldMk cId="2376958513" sldId="260"/>
            <ac:spMk id="11551" creationId="{7661AA03-AC3C-5AA0-E738-95D904BFE795}"/>
          </ac:spMkLst>
        </pc:spChg>
        <pc:spChg chg="mod">
          <ac:chgData name="White, Alex" userId="eff6cc8c-37d8-483b-9c6c-6b27e9afa9bc" providerId="ADAL" clId="{BF04C754-5BF4-4E83-9615-DB14FA25AF8A}" dt="2023-10-12T11:38:20.867" v="298"/>
          <ac:spMkLst>
            <pc:docMk/>
            <pc:sldMk cId="2376958513" sldId="260"/>
            <ac:spMk id="11552" creationId="{30FF8A71-4820-40E9-6411-A00EDEEB65F5}"/>
          </ac:spMkLst>
        </pc:spChg>
        <pc:spChg chg="mod">
          <ac:chgData name="White, Alex" userId="eff6cc8c-37d8-483b-9c6c-6b27e9afa9bc" providerId="ADAL" clId="{BF04C754-5BF4-4E83-9615-DB14FA25AF8A}" dt="2023-10-12T11:38:20.867" v="298"/>
          <ac:spMkLst>
            <pc:docMk/>
            <pc:sldMk cId="2376958513" sldId="260"/>
            <ac:spMk id="11553" creationId="{5134E1C1-7CC6-AC3C-BE3E-01346C3DB5D7}"/>
          </ac:spMkLst>
        </pc:spChg>
        <pc:spChg chg="mod">
          <ac:chgData name="White, Alex" userId="eff6cc8c-37d8-483b-9c6c-6b27e9afa9bc" providerId="ADAL" clId="{BF04C754-5BF4-4E83-9615-DB14FA25AF8A}" dt="2023-10-12T11:38:20.867" v="298"/>
          <ac:spMkLst>
            <pc:docMk/>
            <pc:sldMk cId="2376958513" sldId="260"/>
            <ac:spMk id="11554" creationId="{A50B6042-F449-3D4A-C691-F1F9015DB99E}"/>
          </ac:spMkLst>
        </pc:spChg>
        <pc:spChg chg="mod">
          <ac:chgData name="White, Alex" userId="eff6cc8c-37d8-483b-9c6c-6b27e9afa9bc" providerId="ADAL" clId="{BF04C754-5BF4-4E83-9615-DB14FA25AF8A}" dt="2023-10-12T11:38:20.867" v="298"/>
          <ac:spMkLst>
            <pc:docMk/>
            <pc:sldMk cId="2376958513" sldId="260"/>
            <ac:spMk id="11555" creationId="{64BE4DAF-EC0C-4747-4F57-8B9BD271611D}"/>
          </ac:spMkLst>
        </pc:spChg>
        <pc:spChg chg="mod">
          <ac:chgData name="White, Alex" userId="eff6cc8c-37d8-483b-9c6c-6b27e9afa9bc" providerId="ADAL" clId="{BF04C754-5BF4-4E83-9615-DB14FA25AF8A}" dt="2023-10-12T11:38:20.867" v="298"/>
          <ac:spMkLst>
            <pc:docMk/>
            <pc:sldMk cId="2376958513" sldId="260"/>
            <ac:spMk id="11556" creationId="{71EAD003-1B81-DF22-FAD2-10ABA850F3B9}"/>
          </ac:spMkLst>
        </pc:spChg>
        <pc:spChg chg="mod">
          <ac:chgData name="White, Alex" userId="eff6cc8c-37d8-483b-9c6c-6b27e9afa9bc" providerId="ADAL" clId="{BF04C754-5BF4-4E83-9615-DB14FA25AF8A}" dt="2023-10-12T11:38:20.867" v="298"/>
          <ac:spMkLst>
            <pc:docMk/>
            <pc:sldMk cId="2376958513" sldId="260"/>
            <ac:spMk id="11557" creationId="{51B915FE-6B31-3426-F51F-5B1D64278841}"/>
          </ac:spMkLst>
        </pc:spChg>
        <pc:spChg chg="mod">
          <ac:chgData name="White, Alex" userId="eff6cc8c-37d8-483b-9c6c-6b27e9afa9bc" providerId="ADAL" clId="{BF04C754-5BF4-4E83-9615-DB14FA25AF8A}" dt="2023-10-12T11:38:20.867" v="298"/>
          <ac:spMkLst>
            <pc:docMk/>
            <pc:sldMk cId="2376958513" sldId="260"/>
            <ac:spMk id="11558" creationId="{74B172E5-9ED6-883F-EE8D-922F9D80540F}"/>
          </ac:spMkLst>
        </pc:spChg>
        <pc:spChg chg="mod">
          <ac:chgData name="White, Alex" userId="eff6cc8c-37d8-483b-9c6c-6b27e9afa9bc" providerId="ADAL" clId="{BF04C754-5BF4-4E83-9615-DB14FA25AF8A}" dt="2023-10-12T11:38:20.867" v="298"/>
          <ac:spMkLst>
            <pc:docMk/>
            <pc:sldMk cId="2376958513" sldId="260"/>
            <ac:spMk id="11559" creationId="{0BEC360D-0792-5669-9A6B-8B4E2220E928}"/>
          </ac:spMkLst>
        </pc:spChg>
        <pc:spChg chg="mod">
          <ac:chgData name="White, Alex" userId="eff6cc8c-37d8-483b-9c6c-6b27e9afa9bc" providerId="ADAL" clId="{BF04C754-5BF4-4E83-9615-DB14FA25AF8A}" dt="2023-10-12T11:38:20.867" v="298"/>
          <ac:spMkLst>
            <pc:docMk/>
            <pc:sldMk cId="2376958513" sldId="260"/>
            <ac:spMk id="11560" creationId="{1FE5CF97-6941-4290-C7D7-8940385F3BAA}"/>
          </ac:spMkLst>
        </pc:spChg>
        <pc:spChg chg="mod">
          <ac:chgData name="White, Alex" userId="eff6cc8c-37d8-483b-9c6c-6b27e9afa9bc" providerId="ADAL" clId="{BF04C754-5BF4-4E83-9615-DB14FA25AF8A}" dt="2023-10-12T11:38:20.867" v="298"/>
          <ac:spMkLst>
            <pc:docMk/>
            <pc:sldMk cId="2376958513" sldId="260"/>
            <ac:spMk id="11561" creationId="{55B8E6BD-3212-ACD5-B51C-F5EE74CAEA0E}"/>
          </ac:spMkLst>
        </pc:spChg>
        <pc:spChg chg="mod">
          <ac:chgData name="White, Alex" userId="eff6cc8c-37d8-483b-9c6c-6b27e9afa9bc" providerId="ADAL" clId="{BF04C754-5BF4-4E83-9615-DB14FA25AF8A}" dt="2023-10-12T11:38:20.867" v="298"/>
          <ac:spMkLst>
            <pc:docMk/>
            <pc:sldMk cId="2376958513" sldId="260"/>
            <ac:spMk id="11562" creationId="{354F7C9C-C132-4766-B4CE-28AECAA5AC77}"/>
          </ac:spMkLst>
        </pc:spChg>
        <pc:spChg chg="mod">
          <ac:chgData name="White, Alex" userId="eff6cc8c-37d8-483b-9c6c-6b27e9afa9bc" providerId="ADAL" clId="{BF04C754-5BF4-4E83-9615-DB14FA25AF8A}" dt="2023-10-12T11:38:20.867" v="298"/>
          <ac:spMkLst>
            <pc:docMk/>
            <pc:sldMk cId="2376958513" sldId="260"/>
            <ac:spMk id="11563" creationId="{75CD9756-C4FB-BC62-37DE-E741E6EF3365}"/>
          </ac:spMkLst>
        </pc:spChg>
        <pc:spChg chg="mod">
          <ac:chgData name="White, Alex" userId="eff6cc8c-37d8-483b-9c6c-6b27e9afa9bc" providerId="ADAL" clId="{BF04C754-5BF4-4E83-9615-DB14FA25AF8A}" dt="2023-10-12T11:38:20.867" v="298"/>
          <ac:spMkLst>
            <pc:docMk/>
            <pc:sldMk cId="2376958513" sldId="260"/>
            <ac:spMk id="11564" creationId="{02DE475C-F7E2-DA71-7372-1E37A4078863}"/>
          </ac:spMkLst>
        </pc:spChg>
        <pc:spChg chg="mod">
          <ac:chgData name="White, Alex" userId="eff6cc8c-37d8-483b-9c6c-6b27e9afa9bc" providerId="ADAL" clId="{BF04C754-5BF4-4E83-9615-DB14FA25AF8A}" dt="2023-10-12T11:38:20.867" v="298"/>
          <ac:spMkLst>
            <pc:docMk/>
            <pc:sldMk cId="2376958513" sldId="260"/>
            <ac:spMk id="11565" creationId="{C3376F00-C26C-7D36-59B8-3D95DFDEA2AD}"/>
          </ac:spMkLst>
        </pc:spChg>
        <pc:spChg chg="mod">
          <ac:chgData name="White, Alex" userId="eff6cc8c-37d8-483b-9c6c-6b27e9afa9bc" providerId="ADAL" clId="{BF04C754-5BF4-4E83-9615-DB14FA25AF8A}" dt="2023-10-12T11:38:20.867" v="298"/>
          <ac:spMkLst>
            <pc:docMk/>
            <pc:sldMk cId="2376958513" sldId="260"/>
            <ac:spMk id="11566" creationId="{A12A4AD8-649C-9EB1-C6B4-718CE075456C}"/>
          </ac:spMkLst>
        </pc:spChg>
        <pc:spChg chg="mod">
          <ac:chgData name="White, Alex" userId="eff6cc8c-37d8-483b-9c6c-6b27e9afa9bc" providerId="ADAL" clId="{BF04C754-5BF4-4E83-9615-DB14FA25AF8A}" dt="2023-10-12T11:38:20.867" v="298"/>
          <ac:spMkLst>
            <pc:docMk/>
            <pc:sldMk cId="2376958513" sldId="260"/>
            <ac:spMk id="11567" creationId="{23E691CC-2E42-A94C-305F-31301479F6AF}"/>
          </ac:spMkLst>
        </pc:spChg>
        <pc:spChg chg="mod">
          <ac:chgData name="White, Alex" userId="eff6cc8c-37d8-483b-9c6c-6b27e9afa9bc" providerId="ADAL" clId="{BF04C754-5BF4-4E83-9615-DB14FA25AF8A}" dt="2023-10-12T11:38:20.867" v="298"/>
          <ac:spMkLst>
            <pc:docMk/>
            <pc:sldMk cId="2376958513" sldId="260"/>
            <ac:spMk id="11568" creationId="{65B78D94-CC9D-FD39-090F-D08CD7662C25}"/>
          </ac:spMkLst>
        </pc:spChg>
        <pc:spChg chg="mod">
          <ac:chgData name="White, Alex" userId="eff6cc8c-37d8-483b-9c6c-6b27e9afa9bc" providerId="ADAL" clId="{BF04C754-5BF4-4E83-9615-DB14FA25AF8A}" dt="2023-10-12T11:38:20.867" v="298"/>
          <ac:spMkLst>
            <pc:docMk/>
            <pc:sldMk cId="2376958513" sldId="260"/>
            <ac:spMk id="11569" creationId="{622A5A58-2439-C19D-CEE9-067FAA2ACFB2}"/>
          </ac:spMkLst>
        </pc:spChg>
        <pc:spChg chg="mod">
          <ac:chgData name="White, Alex" userId="eff6cc8c-37d8-483b-9c6c-6b27e9afa9bc" providerId="ADAL" clId="{BF04C754-5BF4-4E83-9615-DB14FA25AF8A}" dt="2023-10-12T11:38:20.867" v="298"/>
          <ac:spMkLst>
            <pc:docMk/>
            <pc:sldMk cId="2376958513" sldId="260"/>
            <ac:spMk id="11570" creationId="{6A1E717B-02C6-1C11-5C15-D99F9B0DEAA9}"/>
          </ac:spMkLst>
        </pc:spChg>
        <pc:spChg chg="mod">
          <ac:chgData name="White, Alex" userId="eff6cc8c-37d8-483b-9c6c-6b27e9afa9bc" providerId="ADAL" clId="{BF04C754-5BF4-4E83-9615-DB14FA25AF8A}" dt="2023-10-12T11:38:20.867" v="298"/>
          <ac:spMkLst>
            <pc:docMk/>
            <pc:sldMk cId="2376958513" sldId="260"/>
            <ac:spMk id="11571" creationId="{4A10D58F-E86E-AC1B-A404-2930B0717E8E}"/>
          </ac:spMkLst>
        </pc:spChg>
        <pc:spChg chg="mod">
          <ac:chgData name="White, Alex" userId="eff6cc8c-37d8-483b-9c6c-6b27e9afa9bc" providerId="ADAL" clId="{BF04C754-5BF4-4E83-9615-DB14FA25AF8A}" dt="2023-10-12T11:38:20.867" v="298"/>
          <ac:spMkLst>
            <pc:docMk/>
            <pc:sldMk cId="2376958513" sldId="260"/>
            <ac:spMk id="11572" creationId="{60B134F2-F382-3455-E215-32BA0AED89C4}"/>
          </ac:spMkLst>
        </pc:spChg>
        <pc:spChg chg="mod">
          <ac:chgData name="White, Alex" userId="eff6cc8c-37d8-483b-9c6c-6b27e9afa9bc" providerId="ADAL" clId="{BF04C754-5BF4-4E83-9615-DB14FA25AF8A}" dt="2023-10-12T11:38:20.867" v="298"/>
          <ac:spMkLst>
            <pc:docMk/>
            <pc:sldMk cId="2376958513" sldId="260"/>
            <ac:spMk id="11573" creationId="{8D219FE7-1952-4123-8F1B-B0DCDC77570E}"/>
          </ac:spMkLst>
        </pc:spChg>
        <pc:spChg chg="mod">
          <ac:chgData name="White, Alex" userId="eff6cc8c-37d8-483b-9c6c-6b27e9afa9bc" providerId="ADAL" clId="{BF04C754-5BF4-4E83-9615-DB14FA25AF8A}" dt="2023-10-12T11:38:20.867" v="298"/>
          <ac:spMkLst>
            <pc:docMk/>
            <pc:sldMk cId="2376958513" sldId="260"/>
            <ac:spMk id="11574" creationId="{57A4181B-4750-FC12-6856-A134CF6348C5}"/>
          </ac:spMkLst>
        </pc:spChg>
        <pc:spChg chg="mod">
          <ac:chgData name="White, Alex" userId="eff6cc8c-37d8-483b-9c6c-6b27e9afa9bc" providerId="ADAL" clId="{BF04C754-5BF4-4E83-9615-DB14FA25AF8A}" dt="2023-10-12T11:38:20.867" v="298"/>
          <ac:spMkLst>
            <pc:docMk/>
            <pc:sldMk cId="2376958513" sldId="260"/>
            <ac:spMk id="11575" creationId="{C4FE0A46-78B6-4FF3-8866-904A8796D302}"/>
          </ac:spMkLst>
        </pc:spChg>
        <pc:spChg chg="mod">
          <ac:chgData name="White, Alex" userId="eff6cc8c-37d8-483b-9c6c-6b27e9afa9bc" providerId="ADAL" clId="{BF04C754-5BF4-4E83-9615-DB14FA25AF8A}" dt="2023-10-12T11:38:20.867" v="298"/>
          <ac:spMkLst>
            <pc:docMk/>
            <pc:sldMk cId="2376958513" sldId="260"/>
            <ac:spMk id="11576" creationId="{CE8B2BA1-8C4E-C02A-343A-4B9AC122EFA7}"/>
          </ac:spMkLst>
        </pc:spChg>
        <pc:spChg chg="mod">
          <ac:chgData name="White, Alex" userId="eff6cc8c-37d8-483b-9c6c-6b27e9afa9bc" providerId="ADAL" clId="{BF04C754-5BF4-4E83-9615-DB14FA25AF8A}" dt="2023-10-12T11:38:20.867" v="298"/>
          <ac:spMkLst>
            <pc:docMk/>
            <pc:sldMk cId="2376958513" sldId="260"/>
            <ac:spMk id="11577" creationId="{5FD0D2DC-2665-114E-9ABF-79B0E453EE2D}"/>
          </ac:spMkLst>
        </pc:spChg>
        <pc:spChg chg="mod">
          <ac:chgData name="White, Alex" userId="eff6cc8c-37d8-483b-9c6c-6b27e9afa9bc" providerId="ADAL" clId="{BF04C754-5BF4-4E83-9615-DB14FA25AF8A}" dt="2023-10-12T11:38:20.867" v="298"/>
          <ac:spMkLst>
            <pc:docMk/>
            <pc:sldMk cId="2376958513" sldId="260"/>
            <ac:spMk id="11578" creationId="{31790A15-76BB-B204-93B7-B7910DA890CC}"/>
          </ac:spMkLst>
        </pc:spChg>
        <pc:spChg chg="mod">
          <ac:chgData name="White, Alex" userId="eff6cc8c-37d8-483b-9c6c-6b27e9afa9bc" providerId="ADAL" clId="{BF04C754-5BF4-4E83-9615-DB14FA25AF8A}" dt="2023-10-12T11:38:20.867" v="298"/>
          <ac:spMkLst>
            <pc:docMk/>
            <pc:sldMk cId="2376958513" sldId="260"/>
            <ac:spMk id="11579" creationId="{1060617E-459A-DD4F-0ACE-A9F55F64A154}"/>
          </ac:spMkLst>
        </pc:spChg>
        <pc:spChg chg="mod">
          <ac:chgData name="White, Alex" userId="eff6cc8c-37d8-483b-9c6c-6b27e9afa9bc" providerId="ADAL" clId="{BF04C754-5BF4-4E83-9615-DB14FA25AF8A}" dt="2023-10-12T11:38:20.867" v="298"/>
          <ac:spMkLst>
            <pc:docMk/>
            <pc:sldMk cId="2376958513" sldId="260"/>
            <ac:spMk id="11580" creationId="{DA7C4C9E-A75B-BD9F-F558-3763BA26E7FC}"/>
          </ac:spMkLst>
        </pc:spChg>
        <pc:spChg chg="mod">
          <ac:chgData name="White, Alex" userId="eff6cc8c-37d8-483b-9c6c-6b27e9afa9bc" providerId="ADAL" clId="{BF04C754-5BF4-4E83-9615-DB14FA25AF8A}" dt="2023-10-12T11:38:20.867" v="298"/>
          <ac:spMkLst>
            <pc:docMk/>
            <pc:sldMk cId="2376958513" sldId="260"/>
            <ac:spMk id="11581" creationId="{CEF1AD7C-B668-E87F-65B5-19CEF053575E}"/>
          </ac:spMkLst>
        </pc:spChg>
        <pc:spChg chg="mod">
          <ac:chgData name="White, Alex" userId="eff6cc8c-37d8-483b-9c6c-6b27e9afa9bc" providerId="ADAL" clId="{BF04C754-5BF4-4E83-9615-DB14FA25AF8A}" dt="2023-10-12T11:38:20.867" v="298"/>
          <ac:spMkLst>
            <pc:docMk/>
            <pc:sldMk cId="2376958513" sldId="260"/>
            <ac:spMk id="11582" creationId="{252B75D7-17FC-D603-1468-68F438EF221D}"/>
          </ac:spMkLst>
        </pc:spChg>
        <pc:spChg chg="mod">
          <ac:chgData name="White, Alex" userId="eff6cc8c-37d8-483b-9c6c-6b27e9afa9bc" providerId="ADAL" clId="{BF04C754-5BF4-4E83-9615-DB14FA25AF8A}" dt="2023-10-12T11:38:20.867" v="298"/>
          <ac:spMkLst>
            <pc:docMk/>
            <pc:sldMk cId="2376958513" sldId="260"/>
            <ac:spMk id="11583" creationId="{904A3511-1608-6646-D379-E21DF6236815}"/>
          </ac:spMkLst>
        </pc:spChg>
        <pc:spChg chg="mod">
          <ac:chgData name="White, Alex" userId="eff6cc8c-37d8-483b-9c6c-6b27e9afa9bc" providerId="ADAL" clId="{BF04C754-5BF4-4E83-9615-DB14FA25AF8A}" dt="2023-10-12T11:38:20.867" v="298"/>
          <ac:spMkLst>
            <pc:docMk/>
            <pc:sldMk cId="2376958513" sldId="260"/>
            <ac:spMk id="11584" creationId="{C05E2D5C-489D-3967-23B7-7A872C3498C6}"/>
          </ac:spMkLst>
        </pc:spChg>
        <pc:spChg chg="mod">
          <ac:chgData name="White, Alex" userId="eff6cc8c-37d8-483b-9c6c-6b27e9afa9bc" providerId="ADAL" clId="{BF04C754-5BF4-4E83-9615-DB14FA25AF8A}" dt="2023-10-12T11:38:20.867" v="298"/>
          <ac:spMkLst>
            <pc:docMk/>
            <pc:sldMk cId="2376958513" sldId="260"/>
            <ac:spMk id="11585" creationId="{91FD6BFA-0B0E-959E-A203-0F4DBDF4733D}"/>
          </ac:spMkLst>
        </pc:spChg>
        <pc:spChg chg="mod">
          <ac:chgData name="White, Alex" userId="eff6cc8c-37d8-483b-9c6c-6b27e9afa9bc" providerId="ADAL" clId="{BF04C754-5BF4-4E83-9615-DB14FA25AF8A}" dt="2023-10-12T11:38:20.867" v="298"/>
          <ac:spMkLst>
            <pc:docMk/>
            <pc:sldMk cId="2376958513" sldId="260"/>
            <ac:spMk id="11586" creationId="{029B11B5-236E-8ECB-9251-1F1EA2568FD4}"/>
          </ac:spMkLst>
        </pc:spChg>
        <pc:spChg chg="mod">
          <ac:chgData name="White, Alex" userId="eff6cc8c-37d8-483b-9c6c-6b27e9afa9bc" providerId="ADAL" clId="{BF04C754-5BF4-4E83-9615-DB14FA25AF8A}" dt="2023-10-12T11:38:20.867" v="298"/>
          <ac:spMkLst>
            <pc:docMk/>
            <pc:sldMk cId="2376958513" sldId="260"/>
            <ac:spMk id="11587" creationId="{E9AF1B1B-ECD2-B78B-8293-19E214AA2F90}"/>
          </ac:spMkLst>
        </pc:spChg>
        <pc:spChg chg="mod">
          <ac:chgData name="White, Alex" userId="eff6cc8c-37d8-483b-9c6c-6b27e9afa9bc" providerId="ADAL" clId="{BF04C754-5BF4-4E83-9615-DB14FA25AF8A}" dt="2023-10-12T11:38:20.867" v="298"/>
          <ac:spMkLst>
            <pc:docMk/>
            <pc:sldMk cId="2376958513" sldId="260"/>
            <ac:spMk id="11588" creationId="{0D45A51F-A610-ED16-E442-CA750984D14B}"/>
          </ac:spMkLst>
        </pc:spChg>
        <pc:spChg chg="mod">
          <ac:chgData name="White, Alex" userId="eff6cc8c-37d8-483b-9c6c-6b27e9afa9bc" providerId="ADAL" clId="{BF04C754-5BF4-4E83-9615-DB14FA25AF8A}" dt="2023-10-12T11:38:20.867" v="298"/>
          <ac:spMkLst>
            <pc:docMk/>
            <pc:sldMk cId="2376958513" sldId="260"/>
            <ac:spMk id="11589" creationId="{8AE4CB08-1C0A-142E-804C-7762A811FCE0}"/>
          </ac:spMkLst>
        </pc:spChg>
        <pc:spChg chg="mod">
          <ac:chgData name="White, Alex" userId="eff6cc8c-37d8-483b-9c6c-6b27e9afa9bc" providerId="ADAL" clId="{BF04C754-5BF4-4E83-9615-DB14FA25AF8A}" dt="2023-10-12T11:38:20.867" v="298"/>
          <ac:spMkLst>
            <pc:docMk/>
            <pc:sldMk cId="2376958513" sldId="260"/>
            <ac:spMk id="11590" creationId="{243CC371-09A6-47E5-B8F2-8DD6CDCE262F}"/>
          </ac:spMkLst>
        </pc:spChg>
        <pc:spChg chg="mod">
          <ac:chgData name="White, Alex" userId="eff6cc8c-37d8-483b-9c6c-6b27e9afa9bc" providerId="ADAL" clId="{BF04C754-5BF4-4E83-9615-DB14FA25AF8A}" dt="2023-10-12T11:38:20.867" v="298"/>
          <ac:spMkLst>
            <pc:docMk/>
            <pc:sldMk cId="2376958513" sldId="260"/>
            <ac:spMk id="11591" creationId="{0C90C33D-F4DA-83E1-8D9E-807A3976E193}"/>
          </ac:spMkLst>
        </pc:spChg>
        <pc:spChg chg="mod">
          <ac:chgData name="White, Alex" userId="eff6cc8c-37d8-483b-9c6c-6b27e9afa9bc" providerId="ADAL" clId="{BF04C754-5BF4-4E83-9615-DB14FA25AF8A}" dt="2023-10-12T11:38:20.867" v="298"/>
          <ac:spMkLst>
            <pc:docMk/>
            <pc:sldMk cId="2376958513" sldId="260"/>
            <ac:spMk id="11592" creationId="{E7ADFB35-FDB7-85FB-4677-1C83DB34175D}"/>
          </ac:spMkLst>
        </pc:spChg>
        <pc:spChg chg="mod">
          <ac:chgData name="White, Alex" userId="eff6cc8c-37d8-483b-9c6c-6b27e9afa9bc" providerId="ADAL" clId="{BF04C754-5BF4-4E83-9615-DB14FA25AF8A}" dt="2023-10-12T11:38:20.867" v="298"/>
          <ac:spMkLst>
            <pc:docMk/>
            <pc:sldMk cId="2376958513" sldId="260"/>
            <ac:spMk id="11593" creationId="{12A7D227-1CA5-309B-8F09-16800635E706}"/>
          </ac:spMkLst>
        </pc:spChg>
        <pc:spChg chg="mod">
          <ac:chgData name="White, Alex" userId="eff6cc8c-37d8-483b-9c6c-6b27e9afa9bc" providerId="ADAL" clId="{BF04C754-5BF4-4E83-9615-DB14FA25AF8A}" dt="2023-10-12T11:38:20.867" v="298"/>
          <ac:spMkLst>
            <pc:docMk/>
            <pc:sldMk cId="2376958513" sldId="260"/>
            <ac:spMk id="11594" creationId="{71003B08-6021-7D41-17EC-75FD6AA4FC9C}"/>
          </ac:spMkLst>
        </pc:spChg>
        <pc:spChg chg="mod">
          <ac:chgData name="White, Alex" userId="eff6cc8c-37d8-483b-9c6c-6b27e9afa9bc" providerId="ADAL" clId="{BF04C754-5BF4-4E83-9615-DB14FA25AF8A}" dt="2023-10-12T11:38:20.867" v="298"/>
          <ac:spMkLst>
            <pc:docMk/>
            <pc:sldMk cId="2376958513" sldId="260"/>
            <ac:spMk id="11595" creationId="{BAD0C50E-4B13-6B3A-471B-F8FC40A624B1}"/>
          </ac:spMkLst>
        </pc:spChg>
        <pc:spChg chg="mod">
          <ac:chgData name="White, Alex" userId="eff6cc8c-37d8-483b-9c6c-6b27e9afa9bc" providerId="ADAL" clId="{BF04C754-5BF4-4E83-9615-DB14FA25AF8A}" dt="2023-10-12T11:38:20.867" v="298"/>
          <ac:spMkLst>
            <pc:docMk/>
            <pc:sldMk cId="2376958513" sldId="260"/>
            <ac:spMk id="11596" creationId="{29CBB93B-7D49-FB92-3FCA-E8DBF59BF96F}"/>
          </ac:spMkLst>
        </pc:spChg>
        <pc:spChg chg="mod">
          <ac:chgData name="White, Alex" userId="eff6cc8c-37d8-483b-9c6c-6b27e9afa9bc" providerId="ADAL" clId="{BF04C754-5BF4-4E83-9615-DB14FA25AF8A}" dt="2023-10-12T11:38:20.867" v="298"/>
          <ac:spMkLst>
            <pc:docMk/>
            <pc:sldMk cId="2376958513" sldId="260"/>
            <ac:spMk id="11597" creationId="{16B912B3-0EDA-31B5-BEF4-61E412A5525F}"/>
          </ac:spMkLst>
        </pc:spChg>
        <pc:spChg chg="mod">
          <ac:chgData name="White, Alex" userId="eff6cc8c-37d8-483b-9c6c-6b27e9afa9bc" providerId="ADAL" clId="{BF04C754-5BF4-4E83-9615-DB14FA25AF8A}" dt="2023-10-12T11:38:20.867" v="298"/>
          <ac:spMkLst>
            <pc:docMk/>
            <pc:sldMk cId="2376958513" sldId="260"/>
            <ac:spMk id="11598" creationId="{77575851-D707-1DBD-F986-3127E4B057DD}"/>
          </ac:spMkLst>
        </pc:spChg>
        <pc:spChg chg="mod">
          <ac:chgData name="White, Alex" userId="eff6cc8c-37d8-483b-9c6c-6b27e9afa9bc" providerId="ADAL" clId="{BF04C754-5BF4-4E83-9615-DB14FA25AF8A}" dt="2023-10-12T11:38:20.867" v="298"/>
          <ac:spMkLst>
            <pc:docMk/>
            <pc:sldMk cId="2376958513" sldId="260"/>
            <ac:spMk id="11599" creationId="{BF58D9B8-B303-FED6-E7BC-8C97F52AF4CC}"/>
          </ac:spMkLst>
        </pc:spChg>
        <pc:spChg chg="mod">
          <ac:chgData name="White, Alex" userId="eff6cc8c-37d8-483b-9c6c-6b27e9afa9bc" providerId="ADAL" clId="{BF04C754-5BF4-4E83-9615-DB14FA25AF8A}" dt="2023-10-12T11:38:20.867" v="298"/>
          <ac:spMkLst>
            <pc:docMk/>
            <pc:sldMk cId="2376958513" sldId="260"/>
            <ac:spMk id="11600" creationId="{398670EC-CC60-1105-1B24-14DB4D371848}"/>
          </ac:spMkLst>
        </pc:spChg>
        <pc:spChg chg="mod">
          <ac:chgData name="White, Alex" userId="eff6cc8c-37d8-483b-9c6c-6b27e9afa9bc" providerId="ADAL" clId="{BF04C754-5BF4-4E83-9615-DB14FA25AF8A}" dt="2023-10-12T11:38:20.867" v="298"/>
          <ac:spMkLst>
            <pc:docMk/>
            <pc:sldMk cId="2376958513" sldId="260"/>
            <ac:spMk id="11601" creationId="{8B02912C-A87A-1F15-D538-C88E5A181EE6}"/>
          </ac:spMkLst>
        </pc:spChg>
        <pc:spChg chg="mod">
          <ac:chgData name="White, Alex" userId="eff6cc8c-37d8-483b-9c6c-6b27e9afa9bc" providerId="ADAL" clId="{BF04C754-5BF4-4E83-9615-DB14FA25AF8A}" dt="2023-10-12T11:38:20.867" v="298"/>
          <ac:spMkLst>
            <pc:docMk/>
            <pc:sldMk cId="2376958513" sldId="260"/>
            <ac:spMk id="11602" creationId="{5E0011AA-E5B8-AE9A-E52C-558E25FD2089}"/>
          </ac:spMkLst>
        </pc:spChg>
        <pc:spChg chg="mod">
          <ac:chgData name="White, Alex" userId="eff6cc8c-37d8-483b-9c6c-6b27e9afa9bc" providerId="ADAL" clId="{BF04C754-5BF4-4E83-9615-DB14FA25AF8A}" dt="2023-10-12T11:38:20.867" v="298"/>
          <ac:spMkLst>
            <pc:docMk/>
            <pc:sldMk cId="2376958513" sldId="260"/>
            <ac:spMk id="11603" creationId="{0FEAA120-9A85-EB5B-C0D8-10DE16DA8DF6}"/>
          </ac:spMkLst>
        </pc:spChg>
        <pc:spChg chg="mod">
          <ac:chgData name="White, Alex" userId="eff6cc8c-37d8-483b-9c6c-6b27e9afa9bc" providerId="ADAL" clId="{BF04C754-5BF4-4E83-9615-DB14FA25AF8A}" dt="2023-10-12T11:38:20.867" v="298"/>
          <ac:spMkLst>
            <pc:docMk/>
            <pc:sldMk cId="2376958513" sldId="260"/>
            <ac:spMk id="11604" creationId="{C260E150-46D0-792A-FCD4-E61A08565F6D}"/>
          </ac:spMkLst>
        </pc:spChg>
        <pc:spChg chg="mod">
          <ac:chgData name="White, Alex" userId="eff6cc8c-37d8-483b-9c6c-6b27e9afa9bc" providerId="ADAL" clId="{BF04C754-5BF4-4E83-9615-DB14FA25AF8A}" dt="2023-10-12T11:38:20.867" v="298"/>
          <ac:spMkLst>
            <pc:docMk/>
            <pc:sldMk cId="2376958513" sldId="260"/>
            <ac:spMk id="11605" creationId="{8B4FB1E7-D35C-0EA8-170A-68AEC8BC7A8A}"/>
          </ac:spMkLst>
        </pc:spChg>
        <pc:spChg chg="mod">
          <ac:chgData name="White, Alex" userId="eff6cc8c-37d8-483b-9c6c-6b27e9afa9bc" providerId="ADAL" clId="{BF04C754-5BF4-4E83-9615-DB14FA25AF8A}" dt="2023-10-12T11:38:20.867" v="298"/>
          <ac:spMkLst>
            <pc:docMk/>
            <pc:sldMk cId="2376958513" sldId="260"/>
            <ac:spMk id="11606" creationId="{E48C9E92-D8FD-2BF0-1BFD-5DEEA42BA69C}"/>
          </ac:spMkLst>
        </pc:spChg>
        <pc:spChg chg="mod">
          <ac:chgData name="White, Alex" userId="eff6cc8c-37d8-483b-9c6c-6b27e9afa9bc" providerId="ADAL" clId="{BF04C754-5BF4-4E83-9615-DB14FA25AF8A}" dt="2023-10-12T11:38:20.867" v="298"/>
          <ac:spMkLst>
            <pc:docMk/>
            <pc:sldMk cId="2376958513" sldId="260"/>
            <ac:spMk id="11607" creationId="{B3FB5A02-5F7C-2AA1-694E-1BE8C966D9E1}"/>
          </ac:spMkLst>
        </pc:spChg>
        <pc:spChg chg="mod">
          <ac:chgData name="White, Alex" userId="eff6cc8c-37d8-483b-9c6c-6b27e9afa9bc" providerId="ADAL" clId="{BF04C754-5BF4-4E83-9615-DB14FA25AF8A}" dt="2023-10-12T11:38:20.867" v="298"/>
          <ac:spMkLst>
            <pc:docMk/>
            <pc:sldMk cId="2376958513" sldId="260"/>
            <ac:spMk id="11608" creationId="{A1A3C5B4-88F8-C301-1F3A-250448750D1B}"/>
          </ac:spMkLst>
        </pc:spChg>
        <pc:spChg chg="mod">
          <ac:chgData name="White, Alex" userId="eff6cc8c-37d8-483b-9c6c-6b27e9afa9bc" providerId="ADAL" clId="{BF04C754-5BF4-4E83-9615-DB14FA25AF8A}" dt="2023-10-12T11:38:20.867" v="298"/>
          <ac:spMkLst>
            <pc:docMk/>
            <pc:sldMk cId="2376958513" sldId="260"/>
            <ac:spMk id="11609" creationId="{016A84FB-B34E-C1A7-9A6F-EAC03A22723B}"/>
          </ac:spMkLst>
        </pc:spChg>
        <pc:spChg chg="mod">
          <ac:chgData name="White, Alex" userId="eff6cc8c-37d8-483b-9c6c-6b27e9afa9bc" providerId="ADAL" clId="{BF04C754-5BF4-4E83-9615-DB14FA25AF8A}" dt="2023-10-12T11:38:20.867" v="298"/>
          <ac:spMkLst>
            <pc:docMk/>
            <pc:sldMk cId="2376958513" sldId="260"/>
            <ac:spMk id="11610" creationId="{118F6260-738C-C002-1AD3-6BB9A700C004}"/>
          </ac:spMkLst>
        </pc:spChg>
        <pc:spChg chg="mod">
          <ac:chgData name="White, Alex" userId="eff6cc8c-37d8-483b-9c6c-6b27e9afa9bc" providerId="ADAL" clId="{BF04C754-5BF4-4E83-9615-DB14FA25AF8A}" dt="2023-10-12T11:38:20.867" v="298"/>
          <ac:spMkLst>
            <pc:docMk/>
            <pc:sldMk cId="2376958513" sldId="260"/>
            <ac:spMk id="11611" creationId="{816CFA29-8674-107C-F458-576299962008}"/>
          </ac:spMkLst>
        </pc:spChg>
        <pc:spChg chg="mod">
          <ac:chgData name="White, Alex" userId="eff6cc8c-37d8-483b-9c6c-6b27e9afa9bc" providerId="ADAL" clId="{BF04C754-5BF4-4E83-9615-DB14FA25AF8A}" dt="2023-10-12T11:38:20.867" v="298"/>
          <ac:spMkLst>
            <pc:docMk/>
            <pc:sldMk cId="2376958513" sldId="260"/>
            <ac:spMk id="11612" creationId="{92644A50-031B-561C-7818-A9BAF9F7B211}"/>
          </ac:spMkLst>
        </pc:spChg>
        <pc:spChg chg="mod">
          <ac:chgData name="White, Alex" userId="eff6cc8c-37d8-483b-9c6c-6b27e9afa9bc" providerId="ADAL" clId="{BF04C754-5BF4-4E83-9615-DB14FA25AF8A}" dt="2023-10-12T11:38:20.867" v="298"/>
          <ac:spMkLst>
            <pc:docMk/>
            <pc:sldMk cId="2376958513" sldId="260"/>
            <ac:spMk id="11613" creationId="{D7CB7516-6AF7-9EF0-3EFB-782462B16427}"/>
          </ac:spMkLst>
        </pc:spChg>
        <pc:spChg chg="mod">
          <ac:chgData name="White, Alex" userId="eff6cc8c-37d8-483b-9c6c-6b27e9afa9bc" providerId="ADAL" clId="{BF04C754-5BF4-4E83-9615-DB14FA25AF8A}" dt="2023-10-12T11:38:20.867" v="298"/>
          <ac:spMkLst>
            <pc:docMk/>
            <pc:sldMk cId="2376958513" sldId="260"/>
            <ac:spMk id="11614" creationId="{BE13CF9A-8263-A783-2461-33A4B8AA1848}"/>
          </ac:spMkLst>
        </pc:spChg>
        <pc:spChg chg="mod">
          <ac:chgData name="White, Alex" userId="eff6cc8c-37d8-483b-9c6c-6b27e9afa9bc" providerId="ADAL" clId="{BF04C754-5BF4-4E83-9615-DB14FA25AF8A}" dt="2023-10-12T11:38:20.867" v="298"/>
          <ac:spMkLst>
            <pc:docMk/>
            <pc:sldMk cId="2376958513" sldId="260"/>
            <ac:spMk id="11615" creationId="{A61F3A55-38D8-D215-B7DB-DB90E1D9A663}"/>
          </ac:spMkLst>
        </pc:spChg>
        <pc:spChg chg="mod">
          <ac:chgData name="White, Alex" userId="eff6cc8c-37d8-483b-9c6c-6b27e9afa9bc" providerId="ADAL" clId="{BF04C754-5BF4-4E83-9615-DB14FA25AF8A}" dt="2023-10-12T11:38:20.867" v="298"/>
          <ac:spMkLst>
            <pc:docMk/>
            <pc:sldMk cId="2376958513" sldId="260"/>
            <ac:spMk id="11616" creationId="{055FB3AF-FCC3-6E81-A3DE-DAE2CEBC6C94}"/>
          </ac:spMkLst>
        </pc:spChg>
        <pc:spChg chg="mod">
          <ac:chgData name="White, Alex" userId="eff6cc8c-37d8-483b-9c6c-6b27e9afa9bc" providerId="ADAL" clId="{BF04C754-5BF4-4E83-9615-DB14FA25AF8A}" dt="2023-10-12T11:38:20.867" v="298"/>
          <ac:spMkLst>
            <pc:docMk/>
            <pc:sldMk cId="2376958513" sldId="260"/>
            <ac:spMk id="11617" creationId="{02C582F7-FBAD-7252-A277-30BFD31E9E54}"/>
          </ac:spMkLst>
        </pc:spChg>
        <pc:spChg chg="mod">
          <ac:chgData name="White, Alex" userId="eff6cc8c-37d8-483b-9c6c-6b27e9afa9bc" providerId="ADAL" clId="{BF04C754-5BF4-4E83-9615-DB14FA25AF8A}" dt="2023-10-12T11:38:20.867" v="298"/>
          <ac:spMkLst>
            <pc:docMk/>
            <pc:sldMk cId="2376958513" sldId="260"/>
            <ac:spMk id="11618" creationId="{3B43F6B7-2040-1B82-EF01-1FA2169DDEC4}"/>
          </ac:spMkLst>
        </pc:spChg>
        <pc:spChg chg="mod">
          <ac:chgData name="White, Alex" userId="eff6cc8c-37d8-483b-9c6c-6b27e9afa9bc" providerId="ADAL" clId="{BF04C754-5BF4-4E83-9615-DB14FA25AF8A}" dt="2023-10-12T11:38:20.867" v="298"/>
          <ac:spMkLst>
            <pc:docMk/>
            <pc:sldMk cId="2376958513" sldId="260"/>
            <ac:spMk id="11619" creationId="{90E1D1B0-40B8-5186-5470-2EF17A3F9A83}"/>
          </ac:spMkLst>
        </pc:spChg>
        <pc:spChg chg="mod">
          <ac:chgData name="White, Alex" userId="eff6cc8c-37d8-483b-9c6c-6b27e9afa9bc" providerId="ADAL" clId="{BF04C754-5BF4-4E83-9615-DB14FA25AF8A}" dt="2023-10-12T11:38:20.867" v="298"/>
          <ac:spMkLst>
            <pc:docMk/>
            <pc:sldMk cId="2376958513" sldId="260"/>
            <ac:spMk id="11620" creationId="{077513B7-E2B8-98B5-78B9-0BCF37C75B91}"/>
          </ac:spMkLst>
        </pc:spChg>
        <pc:spChg chg="mod">
          <ac:chgData name="White, Alex" userId="eff6cc8c-37d8-483b-9c6c-6b27e9afa9bc" providerId="ADAL" clId="{BF04C754-5BF4-4E83-9615-DB14FA25AF8A}" dt="2023-10-12T11:38:20.867" v="298"/>
          <ac:spMkLst>
            <pc:docMk/>
            <pc:sldMk cId="2376958513" sldId="260"/>
            <ac:spMk id="11621" creationId="{17308701-16A4-97D3-F762-D235AB7CA4F6}"/>
          </ac:spMkLst>
        </pc:spChg>
        <pc:spChg chg="mod">
          <ac:chgData name="White, Alex" userId="eff6cc8c-37d8-483b-9c6c-6b27e9afa9bc" providerId="ADAL" clId="{BF04C754-5BF4-4E83-9615-DB14FA25AF8A}" dt="2023-10-12T11:38:20.867" v="298"/>
          <ac:spMkLst>
            <pc:docMk/>
            <pc:sldMk cId="2376958513" sldId="260"/>
            <ac:spMk id="11622" creationId="{B0D9E7CB-25B5-C27B-0EB4-E8CE8FBF26CB}"/>
          </ac:spMkLst>
        </pc:spChg>
        <pc:spChg chg="mod">
          <ac:chgData name="White, Alex" userId="eff6cc8c-37d8-483b-9c6c-6b27e9afa9bc" providerId="ADAL" clId="{BF04C754-5BF4-4E83-9615-DB14FA25AF8A}" dt="2023-10-12T11:38:20.867" v="298"/>
          <ac:spMkLst>
            <pc:docMk/>
            <pc:sldMk cId="2376958513" sldId="260"/>
            <ac:spMk id="11623" creationId="{61065283-F396-AB19-1DBF-550B56686ECE}"/>
          </ac:spMkLst>
        </pc:spChg>
        <pc:spChg chg="mod">
          <ac:chgData name="White, Alex" userId="eff6cc8c-37d8-483b-9c6c-6b27e9afa9bc" providerId="ADAL" clId="{BF04C754-5BF4-4E83-9615-DB14FA25AF8A}" dt="2023-10-12T11:38:20.867" v="298"/>
          <ac:spMkLst>
            <pc:docMk/>
            <pc:sldMk cId="2376958513" sldId="260"/>
            <ac:spMk id="11624" creationId="{7ECEC247-8487-39FC-D376-C4216B56CCD3}"/>
          </ac:spMkLst>
        </pc:spChg>
        <pc:spChg chg="mod">
          <ac:chgData name="White, Alex" userId="eff6cc8c-37d8-483b-9c6c-6b27e9afa9bc" providerId="ADAL" clId="{BF04C754-5BF4-4E83-9615-DB14FA25AF8A}" dt="2023-10-12T11:38:20.867" v="298"/>
          <ac:spMkLst>
            <pc:docMk/>
            <pc:sldMk cId="2376958513" sldId="260"/>
            <ac:spMk id="11625" creationId="{E430D017-EBCD-2440-CC01-1D0E2E24D3F9}"/>
          </ac:spMkLst>
        </pc:spChg>
        <pc:spChg chg="mod">
          <ac:chgData name="White, Alex" userId="eff6cc8c-37d8-483b-9c6c-6b27e9afa9bc" providerId="ADAL" clId="{BF04C754-5BF4-4E83-9615-DB14FA25AF8A}" dt="2023-10-12T11:38:20.867" v="298"/>
          <ac:spMkLst>
            <pc:docMk/>
            <pc:sldMk cId="2376958513" sldId="260"/>
            <ac:spMk id="11626" creationId="{D253E3AA-8535-9987-E29A-0064C6529145}"/>
          </ac:spMkLst>
        </pc:spChg>
        <pc:spChg chg="mod">
          <ac:chgData name="White, Alex" userId="eff6cc8c-37d8-483b-9c6c-6b27e9afa9bc" providerId="ADAL" clId="{BF04C754-5BF4-4E83-9615-DB14FA25AF8A}" dt="2023-10-12T11:38:20.867" v="298"/>
          <ac:spMkLst>
            <pc:docMk/>
            <pc:sldMk cId="2376958513" sldId="260"/>
            <ac:spMk id="11627" creationId="{A80BB76F-774E-2DAE-34A7-3F6315359D10}"/>
          </ac:spMkLst>
        </pc:spChg>
        <pc:spChg chg="mod">
          <ac:chgData name="White, Alex" userId="eff6cc8c-37d8-483b-9c6c-6b27e9afa9bc" providerId="ADAL" clId="{BF04C754-5BF4-4E83-9615-DB14FA25AF8A}" dt="2023-10-12T11:38:20.867" v="298"/>
          <ac:spMkLst>
            <pc:docMk/>
            <pc:sldMk cId="2376958513" sldId="260"/>
            <ac:spMk id="11628" creationId="{4AC2C38B-AC05-9D41-C2EC-7DF891421C03}"/>
          </ac:spMkLst>
        </pc:spChg>
        <pc:spChg chg="mod">
          <ac:chgData name="White, Alex" userId="eff6cc8c-37d8-483b-9c6c-6b27e9afa9bc" providerId="ADAL" clId="{BF04C754-5BF4-4E83-9615-DB14FA25AF8A}" dt="2023-10-12T11:38:20.867" v="298"/>
          <ac:spMkLst>
            <pc:docMk/>
            <pc:sldMk cId="2376958513" sldId="260"/>
            <ac:spMk id="11629" creationId="{C2562FC2-8B32-89B4-486E-FADFEB87BA69}"/>
          </ac:spMkLst>
        </pc:spChg>
        <pc:spChg chg="mod">
          <ac:chgData name="White, Alex" userId="eff6cc8c-37d8-483b-9c6c-6b27e9afa9bc" providerId="ADAL" clId="{BF04C754-5BF4-4E83-9615-DB14FA25AF8A}" dt="2023-10-12T11:38:20.867" v="298"/>
          <ac:spMkLst>
            <pc:docMk/>
            <pc:sldMk cId="2376958513" sldId="260"/>
            <ac:spMk id="11630" creationId="{CC46CCFE-0B14-EF0F-80CE-8FF826FD21F0}"/>
          </ac:spMkLst>
        </pc:spChg>
        <pc:spChg chg="mod">
          <ac:chgData name="White, Alex" userId="eff6cc8c-37d8-483b-9c6c-6b27e9afa9bc" providerId="ADAL" clId="{BF04C754-5BF4-4E83-9615-DB14FA25AF8A}" dt="2023-10-12T11:38:20.867" v="298"/>
          <ac:spMkLst>
            <pc:docMk/>
            <pc:sldMk cId="2376958513" sldId="260"/>
            <ac:spMk id="11631" creationId="{88CFFA1D-3FE4-CBB4-E417-2549D45C7583}"/>
          </ac:spMkLst>
        </pc:spChg>
        <pc:spChg chg="mod">
          <ac:chgData name="White, Alex" userId="eff6cc8c-37d8-483b-9c6c-6b27e9afa9bc" providerId="ADAL" clId="{BF04C754-5BF4-4E83-9615-DB14FA25AF8A}" dt="2023-10-12T11:38:20.867" v="298"/>
          <ac:spMkLst>
            <pc:docMk/>
            <pc:sldMk cId="2376958513" sldId="260"/>
            <ac:spMk id="11632" creationId="{0F0265FD-DE20-B536-D63D-7FE2ECE04C23}"/>
          </ac:spMkLst>
        </pc:spChg>
        <pc:spChg chg="mod">
          <ac:chgData name="White, Alex" userId="eff6cc8c-37d8-483b-9c6c-6b27e9afa9bc" providerId="ADAL" clId="{BF04C754-5BF4-4E83-9615-DB14FA25AF8A}" dt="2023-10-12T11:38:20.867" v="298"/>
          <ac:spMkLst>
            <pc:docMk/>
            <pc:sldMk cId="2376958513" sldId="260"/>
            <ac:spMk id="11633" creationId="{C8F3048D-218F-A1C5-EF80-C9EED5854F7E}"/>
          </ac:spMkLst>
        </pc:spChg>
        <pc:spChg chg="mod">
          <ac:chgData name="White, Alex" userId="eff6cc8c-37d8-483b-9c6c-6b27e9afa9bc" providerId="ADAL" clId="{BF04C754-5BF4-4E83-9615-DB14FA25AF8A}" dt="2023-10-12T11:38:20.867" v="298"/>
          <ac:spMkLst>
            <pc:docMk/>
            <pc:sldMk cId="2376958513" sldId="260"/>
            <ac:spMk id="11634" creationId="{DB20A8DC-A5EF-03BB-7A55-08553480BFBC}"/>
          </ac:spMkLst>
        </pc:spChg>
        <pc:spChg chg="mod">
          <ac:chgData name="White, Alex" userId="eff6cc8c-37d8-483b-9c6c-6b27e9afa9bc" providerId="ADAL" clId="{BF04C754-5BF4-4E83-9615-DB14FA25AF8A}" dt="2023-10-12T11:38:20.867" v="298"/>
          <ac:spMkLst>
            <pc:docMk/>
            <pc:sldMk cId="2376958513" sldId="260"/>
            <ac:spMk id="11635" creationId="{3E843C20-96FD-99C8-1876-1231D8476BBA}"/>
          </ac:spMkLst>
        </pc:spChg>
        <pc:spChg chg="mod">
          <ac:chgData name="White, Alex" userId="eff6cc8c-37d8-483b-9c6c-6b27e9afa9bc" providerId="ADAL" clId="{BF04C754-5BF4-4E83-9615-DB14FA25AF8A}" dt="2023-10-12T11:38:20.867" v="298"/>
          <ac:spMkLst>
            <pc:docMk/>
            <pc:sldMk cId="2376958513" sldId="260"/>
            <ac:spMk id="11636" creationId="{1F74DE20-38B5-4D29-8A7D-DD25F28006D3}"/>
          </ac:spMkLst>
        </pc:spChg>
        <pc:spChg chg="mod">
          <ac:chgData name="White, Alex" userId="eff6cc8c-37d8-483b-9c6c-6b27e9afa9bc" providerId="ADAL" clId="{BF04C754-5BF4-4E83-9615-DB14FA25AF8A}" dt="2023-10-12T11:38:20.867" v="298"/>
          <ac:spMkLst>
            <pc:docMk/>
            <pc:sldMk cId="2376958513" sldId="260"/>
            <ac:spMk id="11637" creationId="{49D48DD5-9D47-E2CC-8A8E-FFDA19DF38DE}"/>
          </ac:spMkLst>
        </pc:spChg>
        <pc:spChg chg="mod">
          <ac:chgData name="White, Alex" userId="eff6cc8c-37d8-483b-9c6c-6b27e9afa9bc" providerId="ADAL" clId="{BF04C754-5BF4-4E83-9615-DB14FA25AF8A}" dt="2023-10-12T11:38:20.867" v="298"/>
          <ac:spMkLst>
            <pc:docMk/>
            <pc:sldMk cId="2376958513" sldId="260"/>
            <ac:spMk id="11638" creationId="{A1DFD096-A61B-73B5-90BD-33D25C01B970}"/>
          </ac:spMkLst>
        </pc:spChg>
        <pc:spChg chg="mod">
          <ac:chgData name="White, Alex" userId="eff6cc8c-37d8-483b-9c6c-6b27e9afa9bc" providerId="ADAL" clId="{BF04C754-5BF4-4E83-9615-DB14FA25AF8A}" dt="2023-10-12T11:38:20.867" v="298"/>
          <ac:spMkLst>
            <pc:docMk/>
            <pc:sldMk cId="2376958513" sldId="260"/>
            <ac:spMk id="11639" creationId="{41057762-2DC8-2784-8BA1-6D290461CAF8}"/>
          </ac:spMkLst>
        </pc:spChg>
        <pc:spChg chg="mod">
          <ac:chgData name="White, Alex" userId="eff6cc8c-37d8-483b-9c6c-6b27e9afa9bc" providerId="ADAL" clId="{BF04C754-5BF4-4E83-9615-DB14FA25AF8A}" dt="2023-10-12T11:38:20.867" v="298"/>
          <ac:spMkLst>
            <pc:docMk/>
            <pc:sldMk cId="2376958513" sldId="260"/>
            <ac:spMk id="11640" creationId="{D32612EA-B5E6-4E35-9D18-708824BAAEC3}"/>
          </ac:spMkLst>
        </pc:spChg>
        <pc:spChg chg="mod">
          <ac:chgData name="White, Alex" userId="eff6cc8c-37d8-483b-9c6c-6b27e9afa9bc" providerId="ADAL" clId="{BF04C754-5BF4-4E83-9615-DB14FA25AF8A}" dt="2023-10-12T11:38:20.867" v="298"/>
          <ac:spMkLst>
            <pc:docMk/>
            <pc:sldMk cId="2376958513" sldId="260"/>
            <ac:spMk id="11641" creationId="{2251393A-BED3-4EF7-ADC3-07DB5CB85745}"/>
          </ac:spMkLst>
        </pc:spChg>
        <pc:spChg chg="mod">
          <ac:chgData name="White, Alex" userId="eff6cc8c-37d8-483b-9c6c-6b27e9afa9bc" providerId="ADAL" clId="{BF04C754-5BF4-4E83-9615-DB14FA25AF8A}" dt="2023-10-12T11:38:20.867" v="298"/>
          <ac:spMkLst>
            <pc:docMk/>
            <pc:sldMk cId="2376958513" sldId="260"/>
            <ac:spMk id="11642" creationId="{859CCD52-2130-87E6-9905-EACA26069338}"/>
          </ac:spMkLst>
        </pc:spChg>
        <pc:spChg chg="mod">
          <ac:chgData name="White, Alex" userId="eff6cc8c-37d8-483b-9c6c-6b27e9afa9bc" providerId="ADAL" clId="{BF04C754-5BF4-4E83-9615-DB14FA25AF8A}" dt="2023-10-12T11:38:20.867" v="298"/>
          <ac:spMkLst>
            <pc:docMk/>
            <pc:sldMk cId="2376958513" sldId="260"/>
            <ac:spMk id="11643" creationId="{6486D74F-267D-B357-82A5-3281F95BF1F6}"/>
          </ac:spMkLst>
        </pc:spChg>
        <pc:spChg chg="mod">
          <ac:chgData name="White, Alex" userId="eff6cc8c-37d8-483b-9c6c-6b27e9afa9bc" providerId="ADAL" clId="{BF04C754-5BF4-4E83-9615-DB14FA25AF8A}" dt="2023-10-12T11:38:20.867" v="298"/>
          <ac:spMkLst>
            <pc:docMk/>
            <pc:sldMk cId="2376958513" sldId="260"/>
            <ac:spMk id="11644" creationId="{A0421D1F-AA50-36D6-7231-5780D708B241}"/>
          </ac:spMkLst>
        </pc:spChg>
        <pc:spChg chg="mod">
          <ac:chgData name="White, Alex" userId="eff6cc8c-37d8-483b-9c6c-6b27e9afa9bc" providerId="ADAL" clId="{BF04C754-5BF4-4E83-9615-DB14FA25AF8A}" dt="2023-10-12T11:38:20.867" v="298"/>
          <ac:spMkLst>
            <pc:docMk/>
            <pc:sldMk cId="2376958513" sldId="260"/>
            <ac:spMk id="11645" creationId="{E10674DC-E23C-B38E-1D79-B54AAC831B68}"/>
          </ac:spMkLst>
        </pc:spChg>
        <pc:spChg chg="mod">
          <ac:chgData name="White, Alex" userId="eff6cc8c-37d8-483b-9c6c-6b27e9afa9bc" providerId="ADAL" clId="{BF04C754-5BF4-4E83-9615-DB14FA25AF8A}" dt="2023-10-12T11:38:20.867" v="298"/>
          <ac:spMkLst>
            <pc:docMk/>
            <pc:sldMk cId="2376958513" sldId="260"/>
            <ac:spMk id="11646" creationId="{1329AC6C-B0BE-FE5C-F187-ADEED0892FE8}"/>
          </ac:spMkLst>
        </pc:spChg>
        <pc:spChg chg="mod">
          <ac:chgData name="White, Alex" userId="eff6cc8c-37d8-483b-9c6c-6b27e9afa9bc" providerId="ADAL" clId="{BF04C754-5BF4-4E83-9615-DB14FA25AF8A}" dt="2023-10-12T11:38:20.867" v="298"/>
          <ac:spMkLst>
            <pc:docMk/>
            <pc:sldMk cId="2376958513" sldId="260"/>
            <ac:spMk id="11647" creationId="{40BF44D9-69A3-BF07-8FC6-52A0DFD21E4E}"/>
          </ac:spMkLst>
        </pc:spChg>
        <pc:spChg chg="mod">
          <ac:chgData name="White, Alex" userId="eff6cc8c-37d8-483b-9c6c-6b27e9afa9bc" providerId="ADAL" clId="{BF04C754-5BF4-4E83-9615-DB14FA25AF8A}" dt="2023-10-12T11:38:20.867" v="298"/>
          <ac:spMkLst>
            <pc:docMk/>
            <pc:sldMk cId="2376958513" sldId="260"/>
            <ac:spMk id="11648" creationId="{947FE566-2DE3-9AB1-4C05-DE2F347287AA}"/>
          </ac:spMkLst>
        </pc:spChg>
        <pc:spChg chg="mod">
          <ac:chgData name="White, Alex" userId="eff6cc8c-37d8-483b-9c6c-6b27e9afa9bc" providerId="ADAL" clId="{BF04C754-5BF4-4E83-9615-DB14FA25AF8A}" dt="2023-10-12T11:38:20.867" v="298"/>
          <ac:spMkLst>
            <pc:docMk/>
            <pc:sldMk cId="2376958513" sldId="260"/>
            <ac:spMk id="11649" creationId="{AAB338F2-A5CC-0B49-CBD2-4DE450C25641}"/>
          </ac:spMkLst>
        </pc:spChg>
        <pc:spChg chg="mod">
          <ac:chgData name="White, Alex" userId="eff6cc8c-37d8-483b-9c6c-6b27e9afa9bc" providerId="ADAL" clId="{BF04C754-5BF4-4E83-9615-DB14FA25AF8A}" dt="2023-10-12T11:38:20.867" v="298"/>
          <ac:spMkLst>
            <pc:docMk/>
            <pc:sldMk cId="2376958513" sldId="260"/>
            <ac:spMk id="11650" creationId="{60A173D0-DA64-FBC3-8662-A1D5606A6CC8}"/>
          </ac:spMkLst>
        </pc:spChg>
        <pc:spChg chg="mod">
          <ac:chgData name="White, Alex" userId="eff6cc8c-37d8-483b-9c6c-6b27e9afa9bc" providerId="ADAL" clId="{BF04C754-5BF4-4E83-9615-DB14FA25AF8A}" dt="2023-10-12T11:38:20.867" v="298"/>
          <ac:spMkLst>
            <pc:docMk/>
            <pc:sldMk cId="2376958513" sldId="260"/>
            <ac:spMk id="11651" creationId="{BA99DACE-1B90-9F1F-0004-791251A2189E}"/>
          </ac:spMkLst>
        </pc:spChg>
        <pc:spChg chg="mod">
          <ac:chgData name="White, Alex" userId="eff6cc8c-37d8-483b-9c6c-6b27e9afa9bc" providerId="ADAL" clId="{BF04C754-5BF4-4E83-9615-DB14FA25AF8A}" dt="2023-10-12T11:38:20.867" v="298"/>
          <ac:spMkLst>
            <pc:docMk/>
            <pc:sldMk cId="2376958513" sldId="260"/>
            <ac:spMk id="11652" creationId="{ECDA3398-D3C0-2921-9AF8-6AFDA9ED17D3}"/>
          </ac:spMkLst>
        </pc:spChg>
        <pc:spChg chg="mod">
          <ac:chgData name="White, Alex" userId="eff6cc8c-37d8-483b-9c6c-6b27e9afa9bc" providerId="ADAL" clId="{BF04C754-5BF4-4E83-9615-DB14FA25AF8A}" dt="2023-10-12T11:38:20.867" v="298"/>
          <ac:spMkLst>
            <pc:docMk/>
            <pc:sldMk cId="2376958513" sldId="260"/>
            <ac:spMk id="11653" creationId="{D18F2A7B-297C-C616-29B4-D3854C1C3C5F}"/>
          </ac:spMkLst>
        </pc:spChg>
        <pc:spChg chg="mod">
          <ac:chgData name="White, Alex" userId="eff6cc8c-37d8-483b-9c6c-6b27e9afa9bc" providerId="ADAL" clId="{BF04C754-5BF4-4E83-9615-DB14FA25AF8A}" dt="2023-10-12T11:38:20.867" v="298"/>
          <ac:spMkLst>
            <pc:docMk/>
            <pc:sldMk cId="2376958513" sldId="260"/>
            <ac:spMk id="11654" creationId="{26C51610-05E2-8AA0-842A-0F48BC48DA5A}"/>
          </ac:spMkLst>
        </pc:spChg>
        <pc:spChg chg="mod">
          <ac:chgData name="White, Alex" userId="eff6cc8c-37d8-483b-9c6c-6b27e9afa9bc" providerId="ADAL" clId="{BF04C754-5BF4-4E83-9615-DB14FA25AF8A}" dt="2023-10-12T11:38:20.867" v="298"/>
          <ac:spMkLst>
            <pc:docMk/>
            <pc:sldMk cId="2376958513" sldId="260"/>
            <ac:spMk id="11655" creationId="{751E66FA-6F63-58B3-501C-1A25E1A7E168}"/>
          </ac:spMkLst>
        </pc:spChg>
        <pc:spChg chg="mod">
          <ac:chgData name="White, Alex" userId="eff6cc8c-37d8-483b-9c6c-6b27e9afa9bc" providerId="ADAL" clId="{BF04C754-5BF4-4E83-9615-DB14FA25AF8A}" dt="2023-10-12T11:38:20.867" v="298"/>
          <ac:spMkLst>
            <pc:docMk/>
            <pc:sldMk cId="2376958513" sldId="260"/>
            <ac:spMk id="11656" creationId="{25C46407-2586-1282-1129-7B32219B7AB9}"/>
          </ac:spMkLst>
        </pc:spChg>
        <pc:spChg chg="mod">
          <ac:chgData name="White, Alex" userId="eff6cc8c-37d8-483b-9c6c-6b27e9afa9bc" providerId="ADAL" clId="{BF04C754-5BF4-4E83-9615-DB14FA25AF8A}" dt="2023-10-12T11:38:20.867" v="298"/>
          <ac:spMkLst>
            <pc:docMk/>
            <pc:sldMk cId="2376958513" sldId="260"/>
            <ac:spMk id="11657" creationId="{F88DAA50-3661-EC6B-C78A-B0D76E8E022C}"/>
          </ac:spMkLst>
        </pc:spChg>
        <pc:spChg chg="mod">
          <ac:chgData name="White, Alex" userId="eff6cc8c-37d8-483b-9c6c-6b27e9afa9bc" providerId="ADAL" clId="{BF04C754-5BF4-4E83-9615-DB14FA25AF8A}" dt="2023-10-12T11:38:20.867" v="298"/>
          <ac:spMkLst>
            <pc:docMk/>
            <pc:sldMk cId="2376958513" sldId="260"/>
            <ac:spMk id="11658" creationId="{42CF60B6-4642-0080-DC2D-5B1E7A8AB2A7}"/>
          </ac:spMkLst>
        </pc:spChg>
        <pc:spChg chg="mod">
          <ac:chgData name="White, Alex" userId="eff6cc8c-37d8-483b-9c6c-6b27e9afa9bc" providerId="ADAL" clId="{BF04C754-5BF4-4E83-9615-DB14FA25AF8A}" dt="2023-10-12T11:38:20.867" v="298"/>
          <ac:spMkLst>
            <pc:docMk/>
            <pc:sldMk cId="2376958513" sldId="260"/>
            <ac:spMk id="11659" creationId="{4379FF01-167F-2E6A-1983-7B3C6E9BFA88}"/>
          </ac:spMkLst>
        </pc:spChg>
        <pc:spChg chg="mod">
          <ac:chgData name="White, Alex" userId="eff6cc8c-37d8-483b-9c6c-6b27e9afa9bc" providerId="ADAL" clId="{BF04C754-5BF4-4E83-9615-DB14FA25AF8A}" dt="2023-10-12T11:38:20.867" v="298"/>
          <ac:spMkLst>
            <pc:docMk/>
            <pc:sldMk cId="2376958513" sldId="260"/>
            <ac:spMk id="11660" creationId="{78037DBC-7E7C-7098-414E-93F7A6671924}"/>
          </ac:spMkLst>
        </pc:spChg>
        <pc:spChg chg="mod">
          <ac:chgData name="White, Alex" userId="eff6cc8c-37d8-483b-9c6c-6b27e9afa9bc" providerId="ADAL" clId="{BF04C754-5BF4-4E83-9615-DB14FA25AF8A}" dt="2023-10-12T11:38:20.867" v="298"/>
          <ac:spMkLst>
            <pc:docMk/>
            <pc:sldMk cId="2376958513" sldId="260"/>
            <ac:spMk id="11661" creationId="{9CC4D826-D9A3-B594-3E57-3372307B523F}"/>
          </ac:spMkLst>
        </pc:spChg>
        <pc:spChg chg="mod">
          <ac:chgData name="White, Alex" userId="eff6cc8c-37d8-483b-9c6c-6b27e9afa9bc" providerId="ADAL" clId="{BF04C754-5BF4-4E83-9615-DB14FA25AF8A}" dt="2023-10-12T11:38:20.867" v="298"/>
          <ac:spMkLst>
            <pc:docMk/>
            <pc:sldMk cId="2376958513" sldId="260"/>
            <ac:spMk id="11662" creationId="{15AE119E-6335-F7F8-F9DF-BA61A25AD1F7}"/>
          </ac:spMkLst>
        </pc:spChg>
        <pc:spChg chg="mod">
          <ac:chgData name="White, Alex" userId="eff6cc8c-37d8-483b-9c6c-6b27e9afa9bc" providerId="ADAL" clId="{BF04C754-5BF4-4E83-9615-DB14FA25AF8A}" dt="2023-10-12T11:38:20.867" v="298"/>
          <ac:spMkLst>
            <pc:docMk/>
            <pc:sldMk cId="2376958513" sldId="260"/>
            <ac:spMk id="11663" creationId="{ADA12884-6F07-9C85-1CF6-3A536DCD8962}"/>
          </ac:spMkLst>
        </pc:spChg>
        <pc:spChg chg="mod">
          <ac:chgData name="White, Alex" userId="eff6cc8c-37d8-483b-9c6c-6b27e9afa9bc" providerId="ADAL" clId="{BF04C754-5BF4-4E83-9615-DB14FA25AF8A}" dt="2023-10-12T11:38:20.867" v="298"/>
          <ac:spMkLst>
            <pc:docMk/>
            <pc:sldMk cId="2376958513" sldId="260"/>
            <ac:spMk id="11664" creationId="{7F48A539-E65D-23CE-6D8A-4CFD56A4BCA4}"/>
          </ac:spMkLst>
        </pc:spChg>
        <pc:spChg chg="mod">
          <ac:chgData name="White, Alex" userId="eff6cc8c-37d8-483b-9c6c-6b27e9afa9bc" providerId="ADAL" clId="{BF04C754-5BF4-4E83-9615-DB14FA25AF8A}" dt="2023-10-12T11:38:20.867" v="298"/>
          <ac:spMkLst>
            <pc:docMk/>
            <pc:sldMk cId="2376958513" sldId="260"/>
            <ac:spMk id="11665" creationId="{ACE4E180-3287-9EBC-6575-3201D90BE6D0}"/>
          </ac:spMkLst>
        </pc:spChg>
        <pc:spChg chg="mod">
          <ac:chgData name="White, Alex" userId="eff6cc8c-37d8-483b-9c6c-6b27e9afa9bc" providerId="ADAL" clId="{BF04C754-5BF4-4E83-9615-DB14FA25AF8A}" dt="2023-10-12T11:38:20.867" v="298"/>
          <ac:spMkLst>
            <pc:docMk/>
            <pc:sldMk cId="2376958513" sldId="260"/>
            <ac:spMk id="11666" creationId="{9CC6F15A-B503-8AF5-8753-83B8157532AF}"/>
          </ac:spMkLst>
        </pc:spChg>
        <pc:spChg chg="mod">
          <ac:chgData name="White, Alex" userId="eff6cc8c-37d8-483b-9c6c-6b27e9afa9bc" providerId="ADAL" clId="{BF04C754-5BF4-4E83-9615-DB14FA25AF8A}" dt="2023-10-12T11:38:20.867" v="298"/>
          <ac:spMkLst>
            <pc:docMk/>
            <pc:sldMk cId="2376958513" sldId="260"/>
            <ac:spMk id="11667" creationId="{C322F42C-7866-ABBC-75DF-AEA7F70EBB8C}"/>
          </ac:spMkLst>
        </pc:spChg>
        <pc:spChg chg="mod">
          <ac:chgData name="White, Alex" userId="eff6cc8c-37d8-483b-9c6c-6b27e9afa9bc" providerId="ADAL" clId="{BF04C754-5BF4-4E83-9615-DB14FA25AF8A}" dt="2023-10-12T11:38:20.867" v="298"/>
          <ac:spMkLst>
            <pc:docMk/>
            <pc:sldMk cId="2376958513" sldId="260"/>
            <ac:spMk id="11668" creationId="{0BFED4F9-4C59-24D0-4DBC-F420738EF39F}"/>
          </ac:spMkLst>
        </pc:spChg>
        <pc:spChg chg="mod">
          <ac:chgData name="White, Alex" userId="eff6cc8c-37d8-483b-9c6c-6b27e9afa9bc" providerId="ADAL" clId="{BF04C754-5BF4-4E83-9615-DB14FA25AF8A}" dt="2023-10-12T11:38:20.867" v="298"/>
          <ac:spMkLst>
            <pc:docMk/>
            <pc:sldMk cId="2376958513" sldId="260"/>
            <ac:spMk id="11669" creationId="{BE7ACCED-4672-C120-3B68-1DECC42B808B}"/>
          </ac:spMkLst>
        </pc:spChg>
        <pc:spChg chg="mod">
          <ac:chgData name="White, Alex" userId="eff6cc8c-37d8-483b-9c6c-6b27e9afa9bc" providerId="ADAL" clId="{BF04C754-5BF4-4E83-9615-DB14FA25AF8A}" dt="2023-10-12T11:38:20.867" v="298"/>
          <ac:spMkLst>
            <pc:docMk/>
            <pc:sldMk cId="2376958513" sldId="260"/>
            <ac:spMk id="11670" creationId="{6E45E70D-622E-30CD-C91A-6D4A1A197522}"/>
          </ac:spMkLst>
        </pc:spChg>
        <pc:spChg chg="mod">
          <ac:chgData name="White, Alex" userId="eff6cc8c-37d8-483b-9c6c-6b27e9afa9bc" providerId="ADAL" clId="{BF04C754-5BF4-4E83-9615-DB14FA25AF8A}" dt="2023-10-12T11:38:20.867" v="298"/>
          <ac:spMkLst>
            <pc:docMk/>
            <pc:sldMk cId="2376958513" sldId="260"/>
            <ac:spMk id="11671" creationId="{08B466D1-4447-7C82-6DA9-53EF92B33D2E}"/>
          </ac:spMkLst>
        </pc:spChg>
        <pc:spChg chg="mod">
          <ac:chgData name="White, Alex" userId="eff6cc8c-37d8-483b-9c6c-6b27e9afa9bc" providerId="ADAL" clId="{BF04C754-5BF4-4E83-9615-DB14FA25AF8A}" dt="2023-10-12T11:38:20.867" v="298"/>
          <ac:spMkLst>
            <pc:docMk/>
            <pc:sldMk cId="2376958513" sldId="260"/>
            <ac:spMk id="11672" creationId="{84B527EB-8232-FA3F-AD64-6E97A53ADFA8}"/>
          </ac:spMkLst>
        </pc:spChg>
        <pc:spChg chg="mod">
          <ac:chgData name="White, Alex" userId="eff6cc8c-37d8-483b-9c6c-6b27e9afa9bc" providerId="ADAL" clId="{BF04C754-5BF4-4E83-9615-DB14FA25AF8A}" dt="2023-10-12T11:38:20.867" v="298"/>
          <ac:spMkLst>
            <pc:docMk/>
            <pc:sldMk cId="2376958513" sldId="260"/>
            <ac:spMk id="11673" creationId="{0CC695A1-2B19-813B-7A2F-33C96A543BE3}"/>
          </ac:spMkLst>
        </pc:spChg>
        <pc:spChg chg="mod">
          <ac:chgData name="White, Alex" userId="eff6cc8c-37d8-483b-9c6c-6b27e9afa9bc" providerId="ADAL" clId="{BF04C754-5BF4-4E83-9615-DB14FA25AF8A}" dt="2023-10-12T11:38:20.867" v="298"/>
          <ac:spMkLst>
            <pc:docMk/>
            <pc:sldMk cId="2376958513" sldId="260"/>
            <ac:spMk id="11674" creationId="{88D61273-DEDD-FEBE-96E8-4FEB0D19156A}"/>
          </ac:spMkLst>
        </pc:spChg>
        <pc:spChg chg="mod">
          <ac:chgData name="White, Alex" userId="eff6cc8c-37d8-483b-9c6c-6b27e9afa9bc" providerId="ADAL" clId="{BF04C754-5BF4-4E83-9615-DB14FA25AF8A}" dt="2023-10-12T11:38:20.867" v="298"/>
          <ac:spMkLst>
            <pc:docMk/>
            <pc:sldMk cId="2376958513" sldId="260"/>
            <ac:spMk id="11675" creationId="{C9F8D716-7BE1-53A6-D2B8-FC82821F27F7}"/>
          </ac:spMkLst>
        </pc:spChg>
        <pc:spChg chg="mod">
          <ac:chgData name="White, Alex" userId="eff6cc8c-37d8-483b-9c6c-6b27e9afa9bc" providerId="ADAL" clId="{BF04C754-5BF4-4E83-9615-DB14FA25AF8A}" dt="2023-10-12T11:38:20.867" v="298"/>
          <ac:spMkLst>
            <pc:docMk/>
            <pc:sldMk cId="2376958513" sldId="260"/>
            <ac:spMk id="11676" creationId="{88278D2F-C680-AA1C-A1E1-03AF58100042}"/>
          </ac:spMkLst>
        </pc:spChg>
        <pc:spChg chg="mod">
          <ac:chgData name="White, Alex" userId="eff6cc8c-37d8-483b-9c6c-6b27e9afa9bc" providerId="ADAL" clId="{BF04C754-5BF4-4E83-9615-DB14FA25AF8A}" dt="2023-10-12T11:38:20.867" v="298"/>
          <ac:spMkLst>
            <pc:docMk/>
            <pc:sldMk cId="2376958513" sldId="260"/>
            <ac:spMk id="11677" creationId="{1FB591A6-CEB6-8C7D-A9E4-ADB4D43D2BF0}"/>
          </ac:spMkLst>
        </pc:spChg>
        <pc:spChg chg="mod">
          <ac:chgData name="White, Alex" userId="eff6cc8c-37d8-483b-9c6c-6b27e9afa9bc" providerId="ADAL" clId="{BF04C754-5BF4-4E83-9615-DB14FA25AF8A}" dt="2023-10-12T11:38:20.867" v="298"/>
          <ac:spMkLst>
            <pc:docMk/>
            <pc:sldMk cId="2376958513" sldId="260"/>
            <ac:spMk id="11678" creationId="{2F3EB9D6-5E42-D1BA-B1A9-8BAF94E5A9FA}"/>
          </ac:spMkLst>
        </pc:spChg>
        <pc:spChg chg="mod">
          <ac:chgData name="White, Alex" userId="eff6cc8c-37d8-483b-9c6c-6b27e9afa9bc" providerId="ADAL" clId="{BF04C754-5BF4-4E83-9615-DB14FA25AF8A}" dt="2023-10-12T11:38:20.867" v="298"/>
          <ac:spMkLst>
            <pc:docMk/>
            <pc:sldMk cId="2376958513" sldId="260"/>
            <ac:spMk id="11679" creationId="{0530ABE4-E6F3-B6BC-3159-802A5259F185}"/>
          </ac:spMkLst>
        </pc:spChg>
        <pc:spChg chg="mod">
          <ac:chgData name="White, Alex" userId="eff6cc8c-37d8-483b-9c6c-6b27e9afa9bc" providerId="ADAL" clId="{BF04C754-5BF4-4E83-9615-DB14FA25AF8A}" dt="2023-10-12T11:38:20.867" v="298"/>
          <ac:spMkLst>
            <pc:docMk/>
            <pc:sldMk cId="2376958513" sldId="260"/>
            <ac:spMk id="11680" creationId="{2C13F104-BB88-3CCF-A68D-E0C9BF7C0C80}"/>
          </ac:spMkLst>
        </pc:spChg>
        <pc:spChg chg="mod">
          <ac:chgData name="White, Alex" userId="eff6cc8c-37d8-483b-9c6c-6b27e9afa9bc" providerId="ADAL" clId="{BF04C754-5BF4-4E83-9615-DB14FA25AF8A}" dt="2023-10-12T11:38:20.867" v="298"/>
          <ac:spMkLst>
            <pc:docMk/>
            <pc:sldMk cId="2376958513" sldId="260"/>
            <ac:spMk id="11681" creationId="{0ADD5D3B-5212-9F57-9436-B1270B24DE4E}"/>
          </ac:spMkLst>
        </pc:spChg>
        <pc:spChg chg="mod">
          <ac:chgData name="White, Alex" userId="eff6cc8c-37d8-483b-9c6c-6b27e9afa9bc" providerId="ADAL" clId="{BF04C754-5BF4-4E83-9615-DB14FA25AF8A}" dt="2023-10-12T11:38:20.867" v="298"/>
          <ac:spMkLst>
            <pc:docMk/>
            <pc:sldMk cId="2376958513" sldId="260"/>
            <ac:spMk id="11682" creationId="{B86047B5-4CFE-3292-6653-BE38C6359510}"/>
          </ac:spMkLst>
        </pc:spChg>
        <pc:spChg chg="mod">
          <ac:chgData name="White, Alex" userId="eff6cc8c-37d8-483b-9c6c-6b27e9afa9bc" providerId="ADAL" clId="{BF04C754-5BF4-4E83-9615-DB14FA25AF8A}" dt="2023-10-12T11:38:20.867" v="298"/>
          <ac:spMkLst>
            <pc:docMk/>
            <pc:sldMk cId="2376958513" sldId="260"/>
            <ac:spMk id="11683" creationId="{F256EA90-8688-E035-3448-FC1E4C331DF3}"/>
          </ac:spMkLst>
        </pc:spChg>
        <pc:spChg chg="mod">
          <ac:chgData name="White, Alex" userId="eff6cc8c-37d8-483b-9c6c-6b27e9afa9bc" providerId="ADAL" clId="{BF04C754-5BF4-4E83-9615-DB14FA25AF8A}" dt="2023-10-12T11:38:20.867" v="298"/>
          <ac:spMkLst>
            <pc:docMk/>
            <pc:sldMk cId="2376958513" sldId="260"/>
            <ac:spMk id="11684" creationId="{F5A0BD2D-4B3A-EE7D-172F-80F1D84187B6}"/>
          </ac:spMkLst>
        </pc:spChg>
        <pc:spChg chg="mod">
          <ac:chgData name="White, Alex" userId="eff6cc8c-37d8-483b-9c6c-6b27e9afa9bc" providerId="ADAL" clId="{BF04C754-5BF4-4E83-9615-DB14FA25AF8A}" dt="2023-10-12T11:38:20.867" v="298"/>
          <ac:spMkLst>
            <pc:docMk/>
            <pc:sldMk cId="2376958513" sldId="260"/>
            <ac:spMk id="11685" creationId="{F903B9E5-0C71-C507-768C-8F47E09616E8}"/>
          </ac:spMkLst>
        </pc:spChg>
        <pc:spChg chg="mod">
          <ac:chgData name="White, Alex" userId="eff6cc8c-37d8-483b-9c6c-6b27e9afa9bc" providerId="ADAL" clId="{BF04C754-5BF4-4E83-9615-DB14FA25AF8A}" dt="2023-10-12T11:38:20.867" v="298"/>
          <ac:spMkLst>
            <pc:docMk/>
            <pc:sldMk cId="2376958513" sldId="260"/>
            <ac:spMk id="11686" creationId="{5C91E4EC-758E-869C-212D-2F52C3F2BB94}"/>
          </ac:spMkLst>
        </pc:spChg>
        <pc:spChg chg="mod">
          <ac:chgData name="White, Alex" userId="eff6cc8c-37d8-483b-9c6c-6b27e9afa9bc" providerId="ADAL" clId="{BF04C754-5BF4-4E83-9615-DB14FA25AF8A}" dt="2023-10-12T11:38:20.867" v="298"/>
          <ac:spMkLst>
            <pc:docMk/>
            <pc:sldMk cId="2376958513" sldId="260"/>
            <ac:spMk id="11687" creationId="{3FF97809-402D-8937-0962-2AB3157DACC8}"/>
          </ac:spMkLst>
        </pc:spChg>
        <pc:spChg chg="mod">
          <ac:chgData name="White, Alex" userId="eff6cc8c-37d8-483b-9c6c-6b27e9afa9bc" providerId="ADAL" clId="{BF04C754-5BF4-4E83-9615-DB14FA25AF8A}" dt="2023-10-12T11:38:20.867" v="298"/>
          <ac:spMkLst>
            <pc:docMk/>
            <pc:sldMk cId="2376958513" sldId="260"/>
            <ac:spMk id="11699" creationId="{AD890781-83C0-6195-8032-4EA6F7CE8061}"/>
          </ac:spMkLst>
        </pc:spChg>
        <pc:spChg chg="mod">
          <ac:chgData name="White, Alex" userId="eff6cc8c-37d8-483b-9c6c-6b27e9afa9bc" providerId="ADAL" clId="{BF04C754-5BF4-4E83-9615-DB14FA25AF8A}" dt="2023-10-12T11:38:20.867" v="298"/>
          <ac:spMkLst>
            <pc:docMk/>
            <pc:sldMk cId="2376958513" sldId="260"/>
            <ac:spMk id="11700" creationId="{52F922E3-1D88-7488-70C1-E803C597E669}"/>
          </ac:spMkLst>
        </pc:spChg>
        <pc:spChg chg="mod">
          <ac:chgData name="White, Alex" userId="eff6cc8c-37d8-483b-9c6c-6b27e9afa9bc" providerId="ADAL" clId="{BF04C754-5BF4-4E83-9615-DB14FA25AF8A}" dt="2023-10-12T11:38:20.867" v="298"/>
          <ac:spMkLst>
            <pc:docMk/>
            <pc:sldMk cId="2376958513" sldId="260"/>
            <ac:spMk id="11701" creationId="{41D74014-2C8A-3571-0796-11A16620E8C1}"/>
          </ac:spMkLst>
        </pc:spChg>
        <pc:spChg chg="mod">
          <ac:chgData name="White, Alex" userId="eff6cc8c-37d8-483b-9c6c-6b27e9afa9bc" providerId="ADAL" clId="{BF04C754-5BF4-4E83-9615-DB14FA25AF8A}" dt="2023-10-12T11:38:20.867" v="298"/>
          <ac:spMkLst>
            <pc:docMk/>
            <pc:sldMk cId="2376958513" sldId="260"/>
            <ac:spMk id="11702" creationId="{C7A35402-3B10-75F6-403B-19CEEF30F9F1}"/>
          </ac:spMkLst>
        </pc:spChg>
        <pc:spChg chg="mod">
          <ac:chgData name="White, Alex" userId="eff6cc8c-37d8-483b-9c6c-6b27e9afa9bc" providerId="ADAL" clId="{BF04C754-5BF4-4E83-9615-DB14FA25AF8A}" dt="2023-10-12T11:38:20.867" v="298"/>
          <ac:spMkLst>
            <pc:docMk/>
            <pc:sldMk cId="2376958513" sldId="260"/>
            <ac:spMk id="11703" creationId="{87F4929B-BE0D-FD83-3056-0A2F6B47A1A8}"/>
          </ac:spMkLst>
        </pc:spChg>
        <pc:spChg chg="mod">
          <ac:chgData name="White, Alex" userId="eff6cc8c-37d8-483b-9c6c-6b27e9afa9bc" providerId="ADAL" clId="{BF04C754-5BF4-4E83-9615-DB14FA25AF8A}" dt="2023-10-12T11:38:20.867" v="298"/>
          <ac:spMkLst>
            <pc:docMk/>
            <pc:sldMk cId="2376958513" sldId="260"/>
            <ac:spMk id="11704" creationId="{C44BCB73-E63B-FD4F-E25F-9C0B894BA0E9}"/>
          </ac:spMkLst>
        </pc:spChg>
        <pc:spChg chg="mod">
          <ac:chgData name="White, Alex" userId="eff6cc8c-37d8-483b-9c6c-6b27e9afa9bc" providerId="ADAL" clId="{BF04C754-5BF4-4E83-9615-DB14FA25AF8A}" dt="2023-10-12T11:38:20.867" v="298"/>
          <ac:spMkLst>
            <pc:docMk/>
            <pc:sldMk cId="2376958513" sldId="260"/>
            <ac:spMk id="11705" creationId="{71EDB8F8-818C-BA6C-84BD-A63E41A48335}"/>
          </ac:spMkLst>
        </pc:spChg>
        <pc:spChg chg="mod">
          <ac:chgData name="White, Alex" userId="eff6cc8c-37d8-483b-9c6c-6b27e9afa9bc" providerId="ADAL" clId="{BF04C754-5BF4-4E83-9615-DB14FA25AF8A}" dt="2023-10-12T11:38:20.867" v="298"/>
          <ac:spMkLst>
            <pc:docMk/>
            <pc:sldMk cId="2376958513" sldId="260"/>
            <ac:spMk id="11706" creationId="{9D8137E2-E08E-86E3-8352-996E13FFDD40}"/>
          </ac:spMkLst>
        </pc:spChg>
        <pc:spChg chg="mod">
          <ac:chgData name="White, Alex" userId="eff6cc8c-37d8-483b-9c6c-6b27e9afa9bc" providerId="ADAL" clId="{BF04C754-5BF4-4E83-9615-DB14FA25AF8A}" dt="2023-10-12T11:38:20.867" v="298"/>
          <ac:spMkLst>
            <pc:docMk/>
            <pc:sldMk cId="2376958513" sldId="260"/>
            <ac:spMk id="11707" creationId="{A4F67445-0E3C-4EFA-F798-2F54D98624C7}"/>
          </ac:spMkLst>
        </pc:spChg>
        <pc:spChg chg="mod">
          <ac:chgData name="White, Alex" userId="eff6cc8c-37d8-483b-9c6c-6b27e9afa9bc" providerId="ADAL" clId="{BF04C754-5BF4-4E83-9615-DB14FA25AF8A}" dt="2023-10-12T11:38:20.867" v="298"/>
          <ac:spMkLst>
            <pc:docMk/>
            <pc:sldMk cId="2376958513" sldId="260"/>
            <ac:spMk id="11708" creationId="{94EFC172-9859-9163-B0E6-081E5A736616}"/>
          </ac:spMkLst>
        </pc:spChg>
        <pc:spChg chg="mod">
          <ac:chgData name="White, Alex" userId="eff6cc8c-37d8-483b-9c6c-6b27e9afa9bc" providerId="ADAL" clId="{BF04C754-5BF4-4E83-9615-DB14FA25AF8A}" dt="2023-10-12T11:38:20.867" v="298"/>
          <ac:spMkLst>
            <pc:docMk/>
            <pc:sldMk cId="2376958513" sldId="260"/>
            <ac:spMk id="11709" creationId="{EEC39F22-1E2F-1185-35BA-C6ABE014BA85}"/>
          </ac:spMkLst>
        </pc:spChg>
        <pc:spChg chg="mod">
          <ac:chgData name="White, Alex" userId="eff6cc8c-37d8-483b-9c6c-6b27e9afa9bc" providerId="ADAL" clId="{BF04C754-5BF4-4E83-9615-DB14FA25AF8A}" dt="2023-10-12T11:38:20.867" v="298"/>
          <ac:spMkLst>
            <pc:docMk/>
            <pc:sldMk cId="2376958513" sldId="260"/>
            <ac:spMk id="11710" creationId="{245C33C8-C9EC-9A8B-6ED5-DD145B2ED772}"/>
          </ac:spMkLst>
        </pc:spChg>
        <pc:spChg chg="mod">
          <ac:chgData name="White, Alex" userId="eff6cc8c-37d8-483b-9c6c-6b27e9afa9bc" providerId="ADAL" clId="{BF04C754-5BF4-4E83-9615-DB14FA25AF8A}" dt="2023-10-12T11:38:20.867" v="298"/>
          <ac:spMkLst>
            <pc:docMk/>
            <pc:sldMk cId="2376958513" sldId="260"/>
            <ac:spMk id="11711" creationId="{804C8D32-FA64-FE12-6E7F-2D1F3C5642D8}"/>
          </ac:spMkLst>
        </pc:spChg>
        <pc:spChg chg="mod">
          <ac:chgData name="White, Alex" userId="eff6cc8c-37d8-483b-9c6c-6b27e9afa9bc" providerId="ADAL" clId="{BF04C754-5BF4-4E83-9615-DB14FA25AF8A}" dt="2023-10-12T11:38:20.867" v="298"/>
          <ac:spMkLst>
            <pc:docMk/>
            <pc:sldMk cId="2376958513" sldId="260"/>
            <ac:spMk id="11712" creationId="{95131DFB-9F86-2268-C739-B983D81C5846}"/>
          </ac:spMkLst>
        </pc:spChg>
        <pc:spChg chg="mod">
          <ac:chgData name="White, Alex" userId="eff6cc8c-37d8-483b-9c6c-6b27e9afa9bc" providerId="ADAL" clId="{BF04C754-5BF4-4E83-9615-DB14FA25AF8A}" dt="2023-10-12T11:38:20.867" v="298"/>
          <ac:spMkLst>
            <pc:docMk/>
            <pc:sldMk cId="2376958513" sldId="260"/>
            <ac:spMk id="11713" creationId="{A1ABBC41-386D-E573-878E-6FEA20061E25}"/>
          </ac:spMkLst>
        </pc:spChg>
        <pc:spChg chg="mod">
          <ac:chgData name="White, Alex" userId="eff6cc8c-37d8-483b-9c6c-6b27e9afa9bc" providerId="ADAL" clId="{BF04C754-5BF4-4E83-9615-DB14FA25AF8A}" dt="2023-10-12T11:38:20.867" v="298"/>
          <ac:spMkLst>
            <pc:docMk/>
            <pc:sldMk cId="2376958513" sldId="260"/>
            <ac:spMk id="11714" creationId="{2E406E90-57DD-8F46-FC4A-3823D904D1E0}"/>
          </ac:spMkLst>
        </pc:spChg>
        <pc:spChg chg="mod">
          <ac:chgData name="White, Alex" userId="eff6cc8c-37d8-483b-9c6c-6b27e9afa9bc" providerId="ADAL" clId="{BF04C754-5BF4-4E83-9615-DB14FA25AF8A}" dt="2023-10-12T11:38:20.867" v="298"/>
          <ac:spMkLst>
            <pc:docMk/>
            <pc:sldMk cId="2376958513" sldId="260"/>
            <ac:spMk id="11715" creationId="{75A88248-1C59-4706-75A9-4559CFC2EAC1}"/>
          </ac:spMkLst>
        </pc:spChg>
        <pc:spChg chg="mod">
          <ac:chgData name="White, Alex" userId="eff6cc8c-37d8-483b-9c6c-6b27e9afa9bc" providerId="ADAL" clId="{BF04C754-5BF4-4E83-9615-DB14FA25AF8A}" dt="2023-10-12T11:38:20.867" v="298"/>
          <ac:spMkLst>
            <pc:docMk/>
            <pc:sldMk cId="2376958513" sldId="260"/>
            <ac:spMk id="11716" creationId="{B140700C-E4B0-18A9-FA42-FEAA642378B7}"/>
          </ac:spMkLst>
        </pc:spChg>
        <pc:spChg chg="mod">
          <ac:chgData name="White, Alex" userId="eff6cc8c-37d8-483b-9c6c-6b27e9afa9bc" providerId="ADAL" clId="{BF04C754-5BF4-4E83-9615-DB14FA25AF8A}" dt="2023-10-12T11:38:20.867" v="298"/>
          <ac:spMkLst>
            <pc:docMk/>
            <pc:sldMk cId="2376958513" sldId="260"/>
            <ac:spMk id="11717" creationId="{E89D10D5-8ECA-104A-8B41-DC20FCE31F86}"/>
          </ac:spMkLst>
        </pc:spChg>
        <pc:spChg chg="mod">
          <ac:chgData name="White, Alex" userId="eff6cc8c-37d8-483b-9c6c-6b27e9afa9bc" providerId="ADAL" clId="{BF04C754-5BF4-4E83-9615-DB14FA25AF8A}" dt="2023-10-12T11:38:20.867" v="298"/>
          <ac:spMkLst>
            <pc:docMk/>
            <pc:sldMk cId="2376958513" sldId="260"/>
            <ac:spMk id="11718" creationId="{7B2AB68D-1A95-46AA-6D12-92C2FEAADB0C}"/>
          </ac:spMkLst>
        </pc:spChg>
        <pc:spChg chg="mod">
          <ac:chgData name="White, Alex" userId="eff6cc8c-37d8-483b-9c6c-6b27e9afa9bc" providerId="ADAL" clId="{BF04C754-5BF4-4E83-9615-DB14FA25AF8A}" dt="2023-10-12T11:38:20.867" v="298"/>
          <ac:spMkLst>
            <pc:docMk/>
            <pc:sldMk cId="2376958513" sldId="260"/>
            <ac:spMk id="11719" creationId="{F48C124D-B5D5-B04E-1518-D3604AC48477}"/>
          </ac:spMkLst>
        </pc:spChg>
        <pc:spChg chg="mod">
          <ac:chgData name="White, Alex" userId="eff6cc8c-37d8-483b-9c6c-6b27e9afa9bc" providerId="ADAL" clId="{BF04C754-5BF4-4E83-9615-DB14FA25AF8A}" dt="2023-10-12T11:38:20.867" v="298"/>
          <ac:spMkLst>
            <pc:docMk/>
            <pc:sldMk cId="2376958513" sldId="260"/>
            <ac:spMk id="11720" creationId="{7208D0D1-F4A9-8861-9923-18D52088893C}"/>
          </ac:spMkLst>
        </pc:spChg>
        <pc:spChg chg="mod">
          <ac:chgData name="White, Alex" userId="eff6cc8c-37d8-483b-9c6c-6b27e9afa9bc" providerId="ADAL" clId="{BF04C754-5BF4-4E83-9615-DB14FA25AF8A}" dt="2023-10-12T11:38:20.867" v="298"/>
          <ac:spMkLst>
            <pc:docMk/>
            <pc:sldMk cId="2376958513" sldId="260"/>
            <ac:spMk id="11721" creationId="{AE4EF8A6-A974-238F-586E-E163C460D1C9}"/>
          </ac:spMkLst>
        </pc:spChg>
        <pc:spChg chg="mod">
          <ac:chgData name="White, Alex" userId="eff6cc8c-37d8-483b-9c6c-6b27e9afa9bc" providerId="ADAL" clId="{BF04C754-5BF4-4E83-9615-DB14FA25AF8A}" dt="2023-10-12T11:38:20.867" v="298"/>
          <ac:spMkLst>
            <pc:docMk/>
            <pc:sldMk cId="2376958513" sldId="260"/>
            <ac:spMk id="11722" creationId="{69F61D64-5E5B-B831-8CB6-1A43B7C673DF}"/>
          </ac:spMkLst>
        </pc:spChg>
        <pc:spChg chg="mod">
          <ac:chgData name="White, Alex" userId="eff6cc8c-37d8-483b-9c6c-6b27e9afa9bc" providerId="ADAL" clId="{BF04C754-5BF4-4E83-9615-DB14FA25AF8A}" dt="2023-10-12T11:38:20.867" v="298"/>
          <ac:spMkLst>
            <pc:docMk/>
            <pc:sldMk cId="2376958513" sldId="260"/>
            <ac:spMk id="11723" creationId="{5E268FC0-BDF2-F8F1-87ED-4E6137B2E903}"/>
          </ac:spMkLst>
        </pc:spChg>
        <pc:spChg chg="mod">
          <ac:chgData name="White, Alex" userId="eff6cc8c-37d8-483b-9c6c-6b27e9afa9bc" providerId="ADAL" clId="{BF04C754-5BF4-4E83-9615-DB14FA25AF8A}" dt="2023-10-12T11:38:20.867" v="298"/>
          <ac:spMkLst>
            <pc:docMk/>
            <pc:sldMk cId="2376958513" sldId="260"/>
            <ac:spMk id="11724" creationId="{05CB382A-8DEF-AD2E-7E5C-FEDFF979EDF8}"/>
          </ac:spMkLst>
        </pc:spChg>
        <pc:spChg chg="mod">
          <ac:chgData name="White, Alex" userId="eff6cc8c-37d8-483b-9c6c-6b27e9afa9bc" providerId="ADAL" clId="{BF04C754-5BF4-4E83-9615-DB14FA25AF8A}" dt="2023-10-12T11:38:20.867" v="298"/>
          <ac:spMkLst>
            <pc:docMk/>
            <pc:sldMk cId="2376958513" sldId="260"/>
            <ac:spMk id="11725" creationId="{3611A7CB-458D-A0AD-C456-10B75D8A33E4}"/>
          </ac:spMkLst>
        </pc:spChg>
        <pc:spChg chg="mod">
          <ac:chgData name="White, Alex" userId="eff6cc8c-37d8-483b-9c6c-6b27e9afa9bc" providerId="ADAL" clId="{BF04C754-5BF4-4E83-9615-DB14FA25AF8A}" dt="2023-10-12T11:38:20.867" v="298"/>
          <ac:spMkLst>
            <pc:docMk/>
            <pc:sldMk cId="2376958513" sldId="260"/>
            <ac:spMk id="11726" creationId="{439D55EA-0AC5-2E1A-DC2C-1007A6ECD2C6}"/>
          </ac:spMkLst>
        </pc:spChg>
        <pc:spChg chg="mod">
          <ac:chgData name="White, Alex" userId="eff6cc8c-37d8-483b-9c6c-6b27e9afa9bc" providerId="ADAL" clId="{BF04C754-5BF4-4E83-9615-DB14FA25AF8A}" dt="2023-10-12T11:38:20.867" v="298"/>
          <ac:spMkLst>
            <pc:docMk/>
            <pc:sldMk cId="2376958513" sldId="260"/>
            <ac:spMk id="11727" creationId="{3333D482-F8FB-6B0C-E5C9-7D7D904E6F6F}"/>
          </ac:spMkLst>
        </pc:spChg>
        <pc:spChg chg="mod">
          <ac:chgData name="White, Alex" userId="eff6cc8c-37d8-483b-9c6c-6b27e9afa9bc" providerId="ADAL" clId="{BF04C754-5BF4-4E83-9615-DB14FA25AF8A}" dt="2023-10-12T11:38:20.867" v="298"/>
          <ac:spMkLst>
            <pc:docMk/>
            <pc:sldMk cId="2376958513" sldId="260"/>
            <ac:spMk id="11728" creationId="{6CDE5CC8-F874-41B7-3832-0AFC449A99DF}"/>
          </ac:spMkLst>
        </pc:spChg>
        <pc:spChg chg="mod">
          <ac:chgData name="White, Alex" userId="eff6cc8c-37d8-483b-9c6c-6b27e9afa9bc" providerId="ADAL" clId="{BF04C754-5BF4-4E83-9615-DB14FA25AF8A}" dt="2023-10-12T11:38:20.867" v="298"/>
          <ac:spMkLst>
            <pc:docMk/>
            <pc:sldMk cId="2376958513" sldId="260"/>
            <ac:spMk id="11729" creationId="{F819B885-4C4E-3B30-5E84-3D402CA50839}"/>
          </ac:spMkLst>
        </pc:spChg>
        <pc:spChg chg="mod">
          <ac:chgData name="White, Alex" userId="eff6cc8c-37d8-483b-9c6c-6b27e9afa9bc" providerId="ADAL" clId="{BF04C754-5BF4-4E83-9615-DB14FA25AF8A}" dt="2023-10-12T11:38:20.867" v="298"/>
          <ac:spMkLst>
            <pc:docMk/>
            <pc:sldMk cId="2376958513" sldId="260"/>
            <ac:spMk id="11730" creationId="{CB8E3CF1-C74C-5FC9-5364-3F240A8F79CC}"/>
          </ac:spMkLst>
        </pc:spChg>
        <pc:spChg chg="mod">
          <ac:chgData name="White, Alex" userId="eff6cc8c-37d8-483b-9c6c-6b27e9afa9bc" providerId="ADAL" clId="{BF04C754-5BF4-4E83-9615-DB14FA25AF8A}" dt="2023-10-12T11:38:20.867" v="298"/>
          <ac:spMkLst>
            <pc:docMk/>
            <pc:sldMk cId="2376958513" sldId="260"/>
            <ac:spMk id="11731" creationId="{05201D57-6D2F-E00B-B1E8-F231444F4689}"/>
          </ac:spMkLst>
        </pc:spChg>
        <pc:spChg chg="mod">
          <ac:chgData name="White, Alex" userId="eff6cc8c-37d8-483b-9c6c-6b27e9afa9bc" providerId="ADAL" clId="{BF04C754-5BF4-4E83-9615-DB14FA25AF8A}" dt="2023-10-12T11:38:20.867" v="298"/>
          <ac:spMkLst>
            <pc:docMk/>
            <pc:sldMk cId="2376958513" sldId="260"/>
            <ac:spMk id="11732" creationId="{ACDEB031-AFFC-BAC0-4D2C-95CB4F8E0B17}"/>
          </ac:spMkLst>
        </pc:spChg>
        <pc:spChg chg="mod">
          <ac:chgData name="White, Alex" userId="eff6cc8c-37d8-483b-9c6c-6b27e9afa9bc" providerId="ADAL" clId="{BF04C754-5BF4-4E83-9615-DB14FA25AF8A}" dt="2023-10-12T11:38:20.867" v="298"/>
          <ac:spMkLst>
            <pc:docMk/>
            <pc:sldMk cId="2376958513" sldId="260"/>
            <ac:spMk id="11733" creationId="{E238889F-F043-3206-195A-035B856CCC30}"/>
          </ac:spMkLst>
        </pc:spChg>
        <pc:spChg chg="mod">
          <ac:chgData name="White, Alex" userId="eff6cc8c-37d8-483b-9c6c-6b27e9afa9bc" providerId="ADAL" clId="{BF04C754-5BF4-4E83-9615-DB14FA25AF8A}" dt="2023-10-12T11:38:20.867" v="298"/>
          <ac:spMkLst>
            <pc:docMk/>
            <pc:sldMk cId="2376958513" sldId="260"/>
            <ac:spMk id="11734" creationId="{B9D2C0CF-E99D-B7F8-A875-BE44E04D7A13}"/>
          </ac:spMkLst>
        </pc:spChg>
        <pc:spChg chg="mod">
          <ac:chgData name="White, Alex" userId="eff6cc8c-37d8-483b-9c6c-6b27e9afa9bc" providerId="ADAL" clId="{BF04C754-5BF4-4E83-9615-DB14FA25AF8A}" dt="2023-10-12T11:38:20.867" v="298"/>
          <ac:spMkLst>
            <pc:docMk/>
            <pc:sldMk cId="2376958513" sldId="260"/>
            <ac:spMk id="11735" creationId="{E764A49E-A6F1-0DD2-B1FC-EBAD5047517F}"/>
          </ac:spMkLst>
        </pc:spChg>
        <pc:spChg chg="mod">
          <ac:chgData name="White, Alex" userId="eff6cc8c-37d8-483b-9c6c-6b27e9afa9bc" providerId="ADAL" clId="{BF04C754-5BF4-4E83-9615-DB14FA25AF8A}" dt="2023-10-12T11:38:20.867" v="298"/>
          <ac:spMkLst>
            <pc:docMk/>
            <pc:sldMk cId="2376958513" sldId="260"/>
            <ac:spMk id="11736" creationId="{44D57D09-37C5-39A0-16DB-93406B5D8B54}"/>
          </ac:spMkLst>
        </pc:spChg>
        <pc:spChg chg="mod">
          <ac:chgData name="White, Alex" userId="eff6cc8c-37d8-483b-9c6c-6b27e9afa9bc" providerId="ADAL" clId="{BF04C754-5BF4-4E83-9615-DB14FA25AF8A}" dt="2023-10-12T11:38:20.867" v="298"/>
          <ac:spMkLst>
            <pc:docMk/>
            <pc:sldMk cId="2376958513" sldId="260"/>
            <ac:spMk id="11737" creationId="{590402FE-B622-B088-20CB-AF70CEDED0AD}"/>
          </ac:spMkLst>
        </pc:spChg>
        <pc:spChg chg="mod">
          <ac:chgData name="White, Alex" userId="eff6cc8c-37d8-483b-9c6c-6b27e9afa9bc" providerId="ADAL" clId="{BF04C754-5BF4-4E83-9615-DB14FA25AF8A}" dt="2023-10-12T11:38:20.867" v="298"/>
          <ac:spMkLst>
            <pc:docMk/>
            <pc:sldMk cId="2376958513" sldId="260"/>
            <ac:spMk id="11738" creationId="{9AE0E088-EA50-EF74-30C9-BBB5CBCBF18D}"/>
          </ac:spMkLst>
        </pc:spChg>
        <pc:spChg chg="mod">
          <ac:chgData name="White, Alex" userId="eff6cc8c-37d8-483b-9c6c-6b27e9afa9bc" providerId="ADAL" clId="{BF04C754-5BF4-4E83-9615-DB14FA25AF8A}" dt="2023-10-12T11:38:20.867" v="298"/>
          <ac:spMkLst>
            <pc:docMk/>
            <pc:sldMk cId="2376958513" sldId="260"/>
            <ac:spMk id="11739" creationId="{AEC37E34-A7CA-C1CD-9894-B0D23CFA0D92}"/>
          </ac:spMkLst>
        </pc:spChg>
        <pc:spChg chg="mod">
          <ac:chgData name="White, Alex" userId="eff6cc8c-37d8-483b-9c6c-6b27e9afa9bc" providerId="ADAL" clId="{BF04C754-5BF4-4E83-9615-DB14FA25AF8A}" dt="2023-10-12T11:38:20.867" v="298"/>
          <ac:spMkLst>
            <pc:docMk/>
            <pc:sldMk cId="2376958513" sldId="260"/>
            <ac:spMk id="11740" creationId="{99D2B203-755F-4273-4709-AFDEA95C6C44}"/>
          </ac:spMkLst>
        </pc:spChg>
        <pc:spChg chg="mod">
          <ac:chgData name="White, Alex" userId="eff6cc8c-37d8-483b-9c6c-6b27e9afa9bc" providerId="ADAL" clId="{BF04C754-5BF4-4E83-9615-DB14FA25AF8A}" dt="2023-10-12T11:38:20.867" v="298"/>
          <ac:spMkLst>
            <pc:docMk/>
            <pc:sldMk cId="2376958513" sldId="260"/>
            <ac:spMk id="11741" creationId="{FE8B4161-1153-E289-16A5-B5C4DAA8B51C}"/>
          </ac:spMkLst>
        </pc:spChg>
        <pc:spChg chg="mod">
          <ac:chgData name="White, Alex" userId="eff6cc8c-37d8-483b-9c6c-6b27e9afa9bc" providerId="ADAL" clId="{BF04C754-5BF4-4E83-9615-DB14FA25AF8A}" dt="2023-10-12T11:38:20.867" v="298"/>
          <ac:spMkLst>
            <pc:docMk/>
            <pc:sldMk cId="2376958513" sldId="260"/>
            <ac:spMk id="11742" creationId="{2B7E1490-AAF5-2520-26CE-DFD5A828043D}"/>
          </ac:spMkLst>
        </pc:spChg>
        <pc:spChg chg="mod">
          <ac:chgData name="White, Alex" userId="eff6cc8c-37d8-483b-9c6c-6b27e9afa9bc" providerId="ADAL" clId="{BF04C754-5BF4-4E83-9615-DB14FA25AF8A}" dt="2023-10-12T11:38:20.867" v="298"/>
          <ac:spMkLst>
            <pc:docMk/>
            <pc:sldMk cId="2376958513" sldId="260"/>
            <ac:spMk id="11743" creationId="{A1F08C46-96C4-A231-5DF8-7CA4CDB5DCEF}"/>
          </ac:spMkLst>
        </pc:spChg>
        <pc:spChg chg="mod">
          <ac:chgData name="White, Alex" userId="eff6cc8c-37d8-483b-9c6c-6b27e9afa9bc" providerId="ADAL" clId="{BF04C754-5BF4-4E83-9615-DB14FA25AF8A}" dt="2023-10-12T11:38:20.867" v="298"/>
          <ac:spMkLst>
            <pc:docMk/>
            <pc:sldMk cId="2376958513" sldId="260"/>
            <ac:spMk id="11744" creationId="{0252E895-5734-54DA-6670-492EF297E72F}"/>
          </ac:spMkLst>
        </pc:spChg>
        <pc:spChg chg="mod">
          <ac:chgData name="White, Alex" userId="eff6cc8c-37d8-483b-9c6c-6b27e9afa9bc" providerId="ADAL" clId="{BF04C754-5BF4-4E83-9615-DB14FA25AF8A}" dt="2023-10-12T11:38:20.867" v="298"/>
          <ac:spMkLst>
            <pc:docMk/>
            <pc:sldMk cId="2376958513" sldId="260"/>
            <ac:spMk id="11745" creationId="{F60874DB-0A17-8A1A-7179-2D94960A1BB5}"/>
          </ac:spMkLst>
        </pc:spChg>
        <pc:spChg chg="mod">
          <ac:chgData name="White, Alex" userId="eff6cc8c-37d8-483b-9c6c-6b27e9afa9bc" providerId="ADAL" clId="{BF04C754-5BF4-4E83-9615-DB14FA25AF8A}" dt="2023-10-12T11:38:20.867" v="298"/>
          <ac:spMkLst>
            <pc:docMk/>
            <pc:sldMk cId="2376958513" sldId="260"/>
            <ac:spMk id="11746" creationId="{7A96C547-2B24-398A-1DE2-9D911F7EDABA}"/>
          </ac:spMkLst>
        </pc:spChg>
        <pc:spChg chg="mod">
          <ac:chgData name="White, Alex" userId="eff6cc8c-37d8-483b-9c6c-6b27e9afa9bc" providerId="ADAL" clId="{BF04C754-5BF4-4E83-9615-DB14FA25AF8A}" dt="2023-10-12T11:38:20.867" v="298"/>
          <ac:spMkLst>
            <pc:docMk/>
            <pc:sldMk cId="2376958513" sldId="260"/>
            <ac:spMk id="11747" creationId="{D74509AE-46C6-9B68-97DC-387257562931}"/>
          </ac:spMkLst>
        </pc:spChg>
        <pc:spChg chg="mod">
          <ac:chgData name="White, Alex" userId="eff6cc8c-37d8-483b-9c6c-6b27e9afa9bc" providerId="ADAL" clId="{BF04C754-5BF4-4E83-9615-DB14FA25AF8A}" dt="2023-10-12T11:38:20.867" v="298"/>
          <ac:spMkLst>
            <pc:docMk/>
            <pc:sldMk cId="2376958513" sldId="260"/>
            <ac:spMk id="11748" creationId="{87EAD3BD-3356-EB8F-FF21-35075C2F2CA3}"/>
          </ac:spMkLst>
        </pc:spChg>
        <pc:spChg chg="mod">
          <ac:chgData name="White, Alex" userId="eff6cc8c-37d8-483b-9c6c-6b27e9afa9bc" providerId="ADAL" clId="{BF04C754-5BF4-4E83-9615-DB14FA25AF8A}" dt="2023-10-12T11:38:20.867" v="298"/>
          <ac:spMkLst>
            <pc:docMk/>
            <pc:sldMk cId="2376958513" sldId="260"/>
            <ac:spMk id="11749" creationId="{564B3E68-EB60-2C30-2921-DB8DF8CAA83F}"/>
          </ac:spMkLst>
        </pc:spChg>
        <pc:spChg chg="mod">
          <ac:chgData name="White, Alex" userId="eff6cc8c-37d8-483b-9c6c-6b27e9afa9bc" providerId="ADAL" clId="{BF04C754-5BF4-4E83-9615-DB14FA25AF8A}" dt="2023-10-12T11:38:20.867" v="298"/>
          <ac:spMkLst>
            <pc:docMk/>
            <pc:sldMk cId="2376958513" sldId="260"/>
            <ac:spMk id="11750" creationId="{351E315D-4DDE-A5F3-3F4A-85F49850ABEE}"/>
          </ac:spMkLst>
        </pc:spChg>
        <pc:spChg chg="mod">
          <ac:chgData name="White, Alex" userId="eff6cc8c-37d8-483b-9c6c-6b27e9afa9bc" providerId="ADAL" clId="{BF04C754-5BF4-4E83-9615-DB14FA25AF8A}" dt="2023-10-12T11:38:20.867" v="298"/>
          <ac:spMkLst>
            <pc:docMk/>
            <pc:sldMk cId="2376958513" sldId="260"/>
            <ac:spMk id="11751" creationId="{79E92D46-D165-F784-E219-1A5FBD2FA5F8}"/>
          </ac:spMkLst>
        </pc:spChg>
        <pc:spChg chg="mod">
          <ac:chgData name="White, Alex" userId="eff6cc8c-37d8-483b-9c6c-6b27e9afa9bc" providerId="ADAL" clId="{BF04C754-5BF4-4E83-9615-DB14FA25AF8A}" dt="2023-10-12T11:38:20.867" v="298"/>
          <ac:spMkLst>
            <pc:docMk/>
            <pc:sldMk cId="2376958513" sldId="260"/>
            <ac:spMk id="11752" creationId="{C2A74304-1863-1082-915B-0D9A711F4D51}"/>
          </ac:spMkLst>
        </pc:spChg>
        <pc:spChg chg="mod">
          <ac:chgData name="White, Alex" userId="eff6cc8c-37d8-483b-9c6c-6b27e9afa9bc" providerId="ADAL" clId="{BF04C754-5BF4-4E83-9615-DB14FA25AF8A}" dt="2023-10-12T11:38:20.867" v="298"/>
          <ac:spMkLst>
            <pc:docMk/>
            <pc:sldMk cId="2376958513" sldId="260"/>
            <ac:spMk id="11753" creationId="{F368F2A1-177A-E41A-A37E-04DF8AFF41C0}"/>
          </ac:spMkLst>
        </pc:spChg>
        <pc:spChg chg="mod">
          <ac:chgData name="White, Alex" userId="eff6cc8c-37d8-483b-9c6c-6b27e9afa9bc" providerId="ADAL" clId="{BF04C754-5BF4-4E83-9615-DB14FA25AF8A}" dt="2023-10-12T11:38:20.867" v="298"/>
          <ac:spMkLst>
            <pc:docMk/>
            <pc:sldMk cId="2376958513" sldId="260"/>
            <ac:spMk id="11754" creationId="{796F1034-0322-E861-7CC8-812F8EA1781E}"/>
          </ac:spMkLst>
        </pc:spChg>
        <pc:spChg chg="mod">
          <ac:chgData name="White, Alex" userId="eff6cc8c-37d8-483b-9c6c-6b27e9afa9bc" providerId="ADAL" clId="{BF04C754-5BF4-4E83-9615-DB14FA25AF8A}" dt="2023-10-12T11:38:20.867" v="298"/>
          <ac:spMkLst>
            <pc:docMk/>
            <pc:sldMk cId="2376958513" sldId="260"/>
            <ac:spMk id="11755" creationId="{0C4B0475-4B84-4B4C-32F0-532D85B43BC6}"/>
          </ac:spMkLst>
        </pc:spChg>
        <pc:spChg chg="mod">
          <ac:chgData name="White, Alex" userId="eff6cc8c-37d8-483b-9c6c-6b27e9afa9bc" providerId="ADAL" clId="{BF04C754-5BF4-4E83-9615-DB14FA25AF8A}" dt="2023-10-12T11:38:20.867" v="298"/>
          <ac:spMkLst>
            <pc:docMk/>
            <pc:sldMk cId="2376958513" sldId="260"/>
            <ac:spMk id="11756" creationId="{1AB5EB5D-6346-882F-5F23-723FE5CEA951}"/>
          </ac:spMkLst>
        </pc:spChg>
        <pc:spChg chg="mod">
          <ac:chgData name="White, Alex" userId="eff6cc8c-37d8-483b-9c6c-6b27e9afa9bc" providerId="ADAL" clId="{BF04C754-5BF4-4E83-9615-DB14FA25AF8A}" dt="2023-10-12T11:38:20.867" v="298"/>
          <ac:spMkLst>
            <pc:docMk/>
            <pc:sldMk cId="2376958513" sldId="260"/>
            <ac:spMk id="11757" creationId="{684BD308-3949-94DE-0D99-4FD0E39EB42E}"/>
          </ac:spMkLst>
        </pc:spChg>
        <pc:spChg chg="mod">
          <ac:chgData name="White, Alex" userId="eff6cc8c-37d8-483b-9c6c-6b27e9afa9bc" providerId="ADAL" clId="{BF04C754-5BF4-4E83-9615-DB14FA25AF8A}" dt="2023-10-12T11:38:20.867" v="298"/>
          <ac:spMkLst>
            <pc:docMk/>
            <pc:sldMk cId="2376958513" sldId="260"/>
            <ac:spMk id="11758" creationId="{D3B7AC16-7D7D-8398-5C3C-D4287DAE8F8F}"/>
          </ac:spMkLst>
        </pc:spChg>
        <pc:spChg chg="mod">
          <ac:chgData name="White, Alex" userId="eff6cc8c-37d8-483b-9c6c-6b27e9afa9bc" providerId="ADAL" clId="{BF04C754-5BF4-4E83-9615-DB14FA25AF8A}" dt="2023-10-12T11:38:20.867" v="298"/>
          <ac:spMkLst>
            <pc:docMk/>
            <pc:sldMk cId="2376958513" sldId="260"/>
            <ac:spMk id="11759" creationId="{C331D137-41EF-4569-E110-EA156A253C7B}"/>
          </ac:spMkLst>
        </pc:spChg>
        <pc:spChg chg="mod">
          <ac:chgData name="White, Alex" userId="eff6cc8c-37d8-483b-9c6c-6b27e9afa9bc" providerId="ADAL" clId="{BF04C754-5BF4-4E83-9615-DB14FA25AF8A}" dt="2023-10-12T11:38:20.867" v="298"/>
          <ac:spMkLst>
            <pc:docMk/>
            <pc:sldMk cId="2376958513" sldId="260"/>
            <ac:spMk id="11760" creationId="{270F8439-D729-6468-1ED2-7BC0B621C028}"/>
          </ac:spMkLst>
        </pc:spChg>
        <pc:spChg chg="mod">
          <ac:chgData name="White, Alex" userId="eff6cc8c-37d8-483b-9c6c-6b27e9afa9bc" providerId="ADAL" clId="{BF04C754-5BF4-4E83-9615-DB14FA25AF8A}" dt="2023-10-12T11:38:20.867" v="298"/>
          <ac:spMkLst>
            <pc:docMk/>
            <pc:sldMk cId="2376958513" sldId="260"/>
            <ac:spMk id="11761" creationId="{2D86A954-B910-C7D3-915A-FF343B451D4C}"/>
          </ac:spMkLst>
        </pc:spChg>
        <pc:spChg chg="mod">
          <ac:chgData name="White, Alex" userId="eff6cc8c-37d8-483b-9c6c-6b27e9afa9bc" providerId="ADAL" clId="{BF04C754-5BF4-4E83-9615-DB14FA25AF8A}" dt="2023-10-12T11:38:20.867" v="298"/>
          <ac:spMkLst>
            <pc:docMk/>
            <pc:sldMk cId="2376958513" sldId="260"/>
            <ac:spMk id="11762" creationId="{E335CA6C-D85E-3DD3-2B3F-5133095BEC5C}"/>
          </ac:spMkLst>
        </pc:spChg>
        <pc:spChg chg="mod">
          <ac:chgData name="White, Alex" userId="eff6cc8c-37d8-483b-9c6c-6b27e9afa9bc" providerId="ADAL" clId="{BF04C754-5BF4-4E83-9615-DB14FA25AF8A}" dt="2023-10-12T11:38:20.867" v="298"/>
          <ac:spMkLst>
            <pc:docMk/>
            <pc:sldMk cId="2376958513" sldId="260"/>
            <ac:spMk id="11763" creationId="{28FC567F-3C18-AEB4-7BF2-B6DD069B6254}"/>
          </ac:spMkLst>
        </pc:spChg>
        <pc:spChg chg="mod">
          <ac:chgData name="White, Alex" userId="eff6cc8c-37d8-483b-9c6c-6b27e9afa9bc" providerId="ADAL" clId="{BF04C754-5BF4-4E83-9615-DB14FA25AF8A}" dt="2023-10-12T11:38:20.867" v="298"/>
          <ac:spMkLst>
            <pc:docMk/>
            <pc:sldMk cId="2376958513" sldId="260"/>
            <ac:spMk id="11764" creationId="{13C43998-F6E9-9675-4443-41691E2E2B73}"/>
          </ac:spMkLst>
        </pc:spChg>
        <pc:spChg chg="mod">
          <ac:chgData name="White, Alex" userId="eff6cc8c-37d8-483b-9c6c-6b27e9afa9bc" providerId="ADAL" clId="{BF04C754-5BF4-4E83-9615-DB14FA25AF8A}" dt="2023-10-12T11:38:20.867" v="298"/>
          <ac:spMkLst>
            <pc:docMk/>
            <pc:sldMk cId="2376958513" sldId="260"/>
            <ac:spMk id="11765" creationId="{AE62ABC5-A51D-D1B5-7086-E964CAF32CB7}"/>
          </ac:spMkLst>
        </pc:spChg>
        <pc:spChg chg="mod">
          <ac:chgData name="White, Alex" userId="eff6cc8c-37d8-483b-9c6c-6b27e9afa9bc" providerId="ADAL" clId="{BF04C754-5BF4-4E83-9615-DB14FA25AF8A}" dt="2023-10-12T11:38:20.867" v="298"/>
          <ac:spMkLst>
            <pc:docMk/>
            <pc:sldMk cId="2376958513" sldId="260"/>
            <ac:spMk id="11766" creationId="{C0154ADC-2230-14ED-660F-82AA8EFC4A99}"/>
          </ac:spMkLst>
        </pc:spChg>
        <pc:spChg chg="mod">
          <ac:chgData name="White, Alex" userId="eff6cc8c-37d8-483b-9c6c-6b27e9afa9bc" providerId="ADAL" clId="{BF04C754-5BF4-4E83-9615-DB14FA25AF8A}" dt="2023-10-12T11:38:20.867" v="298"/>
          <ac:spMkLst>
            <pc:docMk/>
            <pc:sldMk cId="2376958513" sldId="260"/>
            <ac:spMk id="11767" creationId="{FC90971F-D8B0-67E0-C7A7-8C2D08FE091C}"/>
          </ac:spMkLst>
        </pc:spChg>
        <pc:spChg chg="mod">
          <ac:chgData name="White, Alex" userId="eff6cc8c-37d8-483b-9c6c-6b27e9afa9bc" providerId="ADAL" clId="{BF04C754-5BF4-4E83-9615-DB14FA25AF8A}" dt="2023-10-12T11:38:20.867" v="298"/>
          <ac:spMkLst>
            <pc:docMk/>
            <pc:sldMk cId="2376958513" sldId="260"/>
            <ac:spMk id="11768" creationId="{A022CE32-E2D0-364C-1CB1-52F6BE1E8230}"/>
          </ac:spMkLst>
        </pc:spChg>
        <pc:spChg chg="mod">
          <ac:chgData name="White, Alex" userId="eff6cc8c-37d8-483b-9c6c-6b27e9afa9bc" providerId="ADAL" clId="{BF04C754-5BF4-4E83-9615-DB14FA25AF8A}" dt="2023-10-12T11:38:20.867" v="298"/>
          <ac:spMkLst>
            <pc:docMk/>
            <pc:sldMk cId="2376958513" sldId="260"/>
            <ac:spMk id="11769" creationId="{52478BEC-A382-C983-113D-0D9B40F09F2B}"/>
          </ac:spMkLst>
        </pc:spChg>
        <pc:spChg chg="mod">
          <ac:chgData name="White, Alex" userId="eff6cc8c-37d8-483b-9c6c-6b27e9afa9bc" providerId="ADAL" clId="{BF04C754-5BF4-4E83-9615-DB14FA25AF8A}" dt="2023-10-12T11:38:20.867" v="298"/>
          <ac:spMkLst>
            <pc:docMk/>
            <pc:sldMk cId="2376958513" sldId="260"/>
            <ac:spMk id="11770" creationId="{4BB53156-CAA5-BB3B-5AF3-949FC6ED0FAE}"/>
          </ac:spMkLst>
        </pc:spChg>
        <pc:spChg chg="mod">
          <ac:chgData name="White, Alex" userId="eff6cc8c-37d8-483b-9c6c-6b27e9afa9bc" providerId="ADAL" clId="{BF04C754-5BF4-4E83-9615-DB14FA25AF8A}" dt="2023-10-12T11:38:20.867" v="298"/>
          <ac:spMkLst>
            <pc:docMk/>
            <pc:sldMk cId="2376958513" sldId="260"/>
            <ac:spMk id="11771" creationId="{706B8A7E-1090-709E-DFE0-DAB5BE1968FD}"/>
          </ac:spMkLst>
        </pc:spChg>
        <pc:spChg chg="mod">
          <ac:chgData name="White, Alex" userId="eff6cc8c-37d8-483b-9c6c-6b27e9afa9bc" providerId="ADAL" clId="{BF04C754-5BF4-4E83-9615-DB14FA25AF8A}" dt="2023-10-12T11:38:20.867" v="298"/>
          <ac:spMkLst>
            <pc:docMk/>
            <pc:sldMk cId="2376958513" sldId="260"/>
            <ac:spMk id="11772" creationId="{00F3CB83-01A1-9F7E-1406-7AD155B08AB4}"/>
          </ac:spMkLst>
        </pc:spChg>
        <pc:spChg chg="mod">
          <ac:chgData name="White, Alex" userId="eff6cc8c-37d8-483b-9c6c-6b27e9afa9bc" providerId="ADAL" clId="{BF04C754-5BF4-4E83-9615-DB14FA25AF8A}" dt="2023-10-12T11:38:20.867" v="298"/>
          <ac:spMkLst>
            <pc:docMk/>
            <pc:sldMk cId="2376958513" sldId="260"/>
            <ac:spMk id="11773" creationId="{D68BE365-E6F3-7DD0-22B2-3014409D0BDF}"/>
          </ac:spMkLst>
        </pc:spChg>
        <pc:spChg chg="mod">
          <ac:chgData name="White, Alex" userId="eff6cc8c-37d8-483b-9c6c-6b27e9afa9bc" providerId="ADAL" clId="{BF04C754-5BF4-4E83-9615-DB14FA25AF8A}" dt="2023-10-12T11:38:20.867" v="298"/>
          <ac:spMkLst>
            <pc:docMk/>
            <pc:sldMk cId="2376958513" sldId="260"/>
            <ac:spMk id="11774" creationId="{15F19E0D-22B2-62F0-B0FE-12A93ACC2718}"/>
          </ac:spMkLst>
        </pc:spChg>
        <pc:spChg chg="mod">
          <ac:chgData name="White, Alex" userId="eff6cc8c-37d8-483b-9c6c-6b27e9afa9bc" providerId="ADAL" clId="{BF04C754-5BF4-4E83-9615-DB14FA25AF8A}" dt="2023-10-12T11:38:20.867" v="298"/>
          <ac:spMkLst>
            <pc:docMk/>
            <pc:sldMk cId="2376958513" sldId="260"/>
            <ac:spMk id="11775" creationId="{838E743F-101C-7021-CCFE-93060C650E6D}"/>
          </ac:spMkLst>
        </pc:spChg>
        <pc:spChg chg="mod">
          <ac:chgData name="White, Alex" userId="eff6cc8c-37d8-483b-9c6c-6b27e9afa9bc" providerId="ADAL" clId="{BF04C754-5BF4-4E83-9615-DB14FA25AF8A}" dt="2023-10-12T11:38:20.867" v="298"/>
          <ac:spMkLst>
            <pc:docMk/>
            <pc:sldMk cId="2376958513" sldId="260"/>
            <ac:spMk id="11776" creationId="{99D1D582-3C00-704E-5685-4CC6584286F1}"/>
          </ac:spMkLst>
        </pc:spChg>
        <pc:spChg chg="mod">
          <ac:chgData name="White, Alex" userId="eff6cc8c-37d8-483b-9c6c-6b27e9afa9bc" providerId="ADAL" clId="{BF04C754-5BF4-4E83-9615-DB14FA25AF8A}" dt="2023-10-12T11:38:20.867" v="298"/>
          <ac:spMkLst>
            <pc:docMk/>
            <pc:sldMk cId="2376958513" sldId="260"/>
            <ac:spMk id="11777" creationId="{F80F5BFB-E320-2B4B-E5BC-32E44A61B84F}"/>
          </ac:spMkLst>
        </pc:spChg>
        <pc:spChg chg="mod">
          <ac:chgData name="White, Alex" userId="eff6cc8c-37d8-483b-9c6c-6b27e9afa9bc" providerId="ADAL" clId="{BF04C754-5BF4-4E83-9615-DB14FA25AF8A}" dt="2023-10-12T11:38:20.867" v="298"/>
          <ac:spMkLst>
            <pc:docMk/>
            <pc:sldMk cId="2376958513" sldId="260"/>
            <ac:spMk id="11778" creationId="{C5055FF7-54E6-D122-5E8D-44615E26D1FD}"/>
          </ac:spMkLst>
        </pc:spChg>
        <pc:spChg chg="mod">
          <ac:chgData name="White, Alex" userId="eff6cc8c-37d8-483b-9c6c-6b27e9afa9bc" providerId="ADAL" clId="{BF04C754-5BF4-4E83-9615-DB14FA25AF8A}" dt="2023-10-12T11:38:20.867" v="298"/>
          <ac:spMkLst>
            <pc:docMk/>
            <pc:sldMk cId="2376958513" sldId="260"/>
            <ac:spMk id="11779" creationId="{5CA1D156-CB95-88C5-AE41-D92A23C3FCE6}"/>
          </ac:spMkLst>
        </pc:spChg>
        <pc:spChg chg="mod">
          <ac:chgData name="White, Alex" userId="eff6cc8c-37d8-483b-9c6c-6b27e9afa9bc" providerId="ADAL" clId="{BF04C754-5BF4-4E83-9615-DB14FA25AF8A}" dt="2023-10-12T11:38:20.867" v="298"/>
          <ac:spMkLst>
            <pc:docMk/>
            <pc:sldMk cId="2376958513" sldId="260"/>
            <ac:spMk id="11780" creationId="{79B1EBD1-C4F0-7E34-550A-A89E79B6C3ED}"/>
          </ac:spMkLst>
        </pc:spChg>
        <pc:spChg chg="mod">
          <ac:chgData name="White, Alex" userId="eff6cc8c-37d8-483b-9c6c-6b27e9afa9bc" providerId="ADAL" clId="{BF04C754-5BF4-4E83-9615-DB14FA25AF8A}" dt="2023-10-12T11:38:20.867" v="298"/>
          <ac:spMkLst>
            <pc:docMk/>
            <pc:sldMk cId="2376958513" sldId="260"/>
            <ac:spMk id="11781" creationId="{DAAA360C-A85A-2A37-3268-990B88ABEF50}"/>
          </ac:spMkLst>
        </pc:spChg>
        <pc:spChg chg="mod">
          <ac:chgData name="White, Alex" userId="eff6cc8c-37d8-483b-9c6c-6b27e9afa9bc" providerId="ADAL" clId="{BF04C754-5BF4-4E83-9615-DB14FA25AF8A}" dt="2023-10-12T11:38:20.867" v="298"/>
          <ac:spMkLst>
            <pc:docMk/>
            <pc:sldMk cId="2376958513" sldId="260"/>
            <ac:spMk id="11782" creationId="{05DA4198-3D0D-6DBF-5622-2E4C38872B32}"/>
          </ac:spMkLst>
        </pc:spChg>
        <pc:spChg chg="mod">
          <ac:chgData name="White, Alex" userId="eff6cc8c-37d8-483b-9c6c-6b27e9afa9bc" providerId="ADAL" clId="{BF04C754-5BF4-4E83-9615-DB14FA25AF8A}" dt="2023-10-12T11:38:20.867" v="298"/>
          <ac:spMkLst>
            <pc:docMk/>
            <pc:sldMk cId="2376958513" sldId="260"/>
            <ac:spMk id="11783" creationId="{3A5B9472-2694-3996-D4EA-F3D5878DB0E3}"/>
          </ac:spMkLst>
        </pc:spChg>
        <pc:spChg chg="mod">
          <ac:chgData name="White, Alex" userId="eff6cc8c-37d8-483b-9c6c-6b27e9afa9bc" providerId="ADAL" clId="{BF04C754-5BF4-4E83-9615-DB14FA25AF8A}" dt="2023-10-12T11:38:20.867" v="298"/>
          <ac:spMkLst>
            <pc:docMk/>
            <pc:sldMk cId="2376958513" sldId="260"/>
            <ac:spMk id="11784" creationId="{C2110087-CFD0-05F2-E223-2059A18CA40B}"/>
          </ac:spMkLst>
        </pc:spChg>
        <pc:spChg chg="mod">
          <ac:chgData name="White, Alex" userId="eff6cc8c-37d8-483b-9c6c-6b27e9afa9bc" providerId="ADAL" clId="{BF04C754-5BF4-4E83-9615-DB14FA25AF8A}" dt="2023-10-12T11:38:20.867" v="298"/>
          <ac:spMkLst>
            <pc:docMk/>
            <pc:sldMk cId="2376958513" sldId="260"/>
            <ac:spMk id="11785" creationId="{1E9A3EE1-ADFA-2778-E19B-F1997458E694}"/>
          </ac:spMkLst>
        </pc:spChg>
        <pc:spChg chg="mod">
          <ac:chgData name="White, Alex" userId="eff6cc8c-37d8-483b-9c6c-6b27e9afa9bc" providerId="ADAL" clId="{BF04C754-5BF4-4E83-9615-DB14FA25AF8A}" dt="2023-10-12T11:38:20.867" v="298"/>
          <ac:spMkLst>
            <pc:docMk/>
            <pc:sldMk cId="2376958513" sldId="260"/>
            <ac:spMk id="11786" creationId="{D27D415D-E8D2-DC29-1850-A1FD89E894C4}"/>
          </ac:spMkLst>
        </pc:spChg>
        <pc:spChg chg="mod">
          <ac:chgData name="White, Alex" userId="eff6cc8c-37d8-483b-9c6c-6b27e9afa9bc" providerId="ADAL" clId="{BF04C754-5BF4-4E83-9615-DB14FA25AF8A}" dt="2023-10-12T11:38:20.867" v="298"/>
          <ac:spMkLst>
            <pc:docMk/>
            <pc:sldMk cId="2376958513" sldId="260"/>
            <ac:spMk id="11787" creationId="{32374489-2F69-75D7-FB02-CECC4C616523}"/>
          </ac:spMkLst>
        </pc:spChg>
        <pc:spChg chg="mod">
          <ac:chgData name="White, Alex" userId="eff6cc8c-37d8-483b-9c6c-6b27e9afa9bc" providerId="ADAL" clId="{BF04C754-5BF4-4E83-9615-DB14FA25AF8A}" dt="2023-10-12T11:38:20.867" v="298"/>
          <ac:spMkLst>
            <pc:docMk/>
            <pc:sldMk cId="2376958513" sldId="260"/>
            <ac:spMk id="11788" creationId="{DE80F211-3846-6059-1D15-BA423A755E17}"/>
          </ac:spMkLst>
        </pc:spChg>
        <pc:spChg chg="mod">
          <ac:chgData name="White, Alex" userId="eff6cc8c-37d8-483b-9c6c-6b27e9afa9bc" providerId="ADAL" clId="{BF04C754-5BF4-4E83-9615-DB14FA25AF8A}" dt="2023-10-12T11:38:20.867" v="298"/>
          <ac:spMkLst>
            <pc:docMk/>
            <pc:sldMk cId="2376958513" sldId="260"/>
            <ac:spMk id="11789" creationId="{D7D6059B-1D76-72C3-3A6A-6098D3C52BFD}"/>
          </ac:spMkLst>
        </pc:spChg>
        <pc:spChg chg="mod">
          <ac:chgData name="White, Alex" userId="eff6cc8c-37d8-483b-9c6c-6b27e9afa9bc" providerId="ADAL" clId="{BF04C754-5BF4-4E83-9615-DB14FA25AF8A}" dt="2023-10-12T11:38:20.867" v="298"/>
          <ac:spMkLst>
            <pc:docMk/>
            <pc:sldMk cId="2376958513" sldId="260"/>
            <ac:spMk id="11790" creationId="{702375B1-B04D-B768-65A7-18CBE4CB8BCB}"/>
          </ac:spMkLst>
        </pc:spChg>
        <pc:spChg chg="mod">
          <ac:chgData name="White, Alex" userId="eff6cc8c-37d8-483b-9c6c-6b27e9afa9bc" providerId="ADAL" clId="{BF04C754-5BF4-4E83-9615-DB14FA25AF8A}" dt="2023-10-12T11:38:20.867" v="298"/>
          <ac:spMkLst>
            <pc:docMk/>
            <pc:sldMk cId="2376958513" sldId="260"/>
            <ac:spMk id="11791" creationId="{6824FF8F-D072-C63D-81A8-FCEE4B1BA29F}"/>
          </ac:spMkLst>
        </pc:spChg>
        <pc:spChg chg="mod">
          <ac:chgData name="White, Alex" userId="eff6cc8c-37d8-483b-9c6c-6b27e9afa9bc" providerId="ADAL" clId="{BF04C754-5BF4-4E83-9615-DB14FA25AF8A}" dt="2023-10-12T11:38:20.867" v="298"/>
          <ac:spMkLst>
            <pc:docMk/>
            <pc:sldMk cId="2376958513" sldId="260"/>
            <ac:spMk id="11792" creationId="{51DC5066-6B6A-25B7-4A44-31AB32355440}"/>
          </ac:spMkLst>
        </pc:spChg>
        <pc:spChg chg="mod">
          <ac:chgData name="White, Alex" userId="eff6cc8c-37d8-483b-9c6c-6b27e9afa9bc" providerId="ADAL" clId="{BF04C754-5BF4-4E83-9615-DB14FA25AF8A}" dt="2023-10-12T11:38:20.867" v="298"/>
          <ac:spMkLst>
            <pc:docMk/>
            <pc:sldMk cId="2376958513" sldId="260"/>
            <ac:spMk id="11793" creationId="{29A11144-CB38-5B08-66BF-2A8F09393D70}"/>
          </ac:spMkLst>
        </pc:spChg>
        <pc:spChg chg="mod">
          <ac:chgData name="White, Alex" userId="eff6cc8c-37d8-483b-9c6c-6b27e9afa9bc" providerId="ADAL" clId="{BF04C754-5BF4-4E83-9615-DB14FA25AF8A}" dt="2023-10-12T11:38:20.867" v="298"/>
          <ac:spMkLst>
            <pc:docMk/>
            <pc:sldMk cId="2376958513" sldId="260"/>
            <ac:spMk id="11794" creationId="{183187EB-CEAF-06F5-8E01-59F3E454E744}"/>
          </ac:spMkLst>
        </pc:spChg>
        <pc:spChg chg="mod">
          <ac:chgData name="White, Alex" userId="eff6cc8c-37d8-483b-9c6c-6b27e9afa9bc" providerId="ADAL" clId="{BF04C754-5BF4-4E83-9615-DB14FA25AF8A}" dt="2023-10-12T11:38:20.867" v="298"/>
          <ac:spMkLst>
            <pc:docMk/>
            <pc:sldMk cId="2376958513" sldId="260"/>
            <ac:spMk id="11795" creationId="{EDB1A8D3-D8C1-F0FF-5E0F-D26B7FB3B0A8}"/>
          </ac:spMkLst>
        </pc:spChg>
        <pc:spChg chg="mod">
          <ac:chgData name="White, Alex" userId="eff6cc8c-37d8-483b-9c6c-6b27e9afa9bc" providerId="ADAL" clId="{BF04C754-5BF4-4E83-9615-DB14FA25AF8A}" dt="2023-10-12T11:38:20.867" v="298"/>
          <ac:spMkLst>
            <pc:docMk/>
            <pc:sldMk cId="2376958513" sldId="260"/>
            <ac:spMk id="11796" creationId="{34E5F605-3523-196F-1242-0B280483505A}"/>
          </ac:spMkLst>
        </pc:spChg>
        <pc:spChg chg="mod">
          <ac:chgData name="White, Alex" userId="eff6cc8c-37d8-483b-9c6c-6b27e9afa9bc" providerId="ADAL" clId="{BF04C754-5BF4-4E83-9615-DB14FA25AF8A}" dt="2023-10-12T11:38:20.867" v="298"/>
          <ac:spMkLst>
            <pc:docMk/>
            <pc:sldMk cId="2376958513" sldId="260"/>
            <ac:spMk id="11797" creationId="{EDEE2155-02F7-47B5-CF9C-0D3BE4FE667A}"/>
          </ac:spMkLst>
        </pc:spChg>
        <pc:spChg chg="mod">
          <ac:chgData name="White, Alex" userId="eff6cc8c-37d8-483b-9c6c-6b27e9afa9bc" providerId="ADAL" clId="{BF04C754-5BF4-4E83-9615-DB14FA25AF8A}" dt="2023-10-12T11:38:20.867" v="298"/>
          <ac:spMkLst>
            <pc:docMk/>
            <pc:sldMk cId="2376958513" sldId="260"/>
            <ac:spMk id="11798" creationId="{FB42DE88-1B4A-5772-F0A6-DEF2EC71F04E}"/>
          </ac:spMkLst>
        </pc:spChg>
        <pc:spChg chg="mod">
          <ac:chgData name="White, Alex" userId="eff6cc8c-37d8-483b-9c6c-6b27e9afa9bc" providerId="ADAL" clId="{BF04C754-5BF4-4E83-9615-DB14FA25AF8A}" dt="2023-10-12T11:38:20.867" v="298"/>
          <ac:spMkLst>
            <pc:docMk/>
            <pc:sldMk cId="2376958513" sldId="260"/>
            <ac:spMk id="11799" creationId="{E6000242-98BD-72A5-8029-88FC56DC61C7}"/>
          </ac:spMkLst>
        </pc:spChg>
        <pc:spChg chg="mod">
          <ac:chgData name="White, Alex" userId="eff6cc8c-37d8-483b-9c6c-6b27e9afa9bc" providerId="ADAL" clId="{BF04C754-5BF4-4E83-9615-DB14FA25AF8A}" dt="2023-10-12T11:38:20.867" v="298"/>
          <ac:spMkLst>
            <pc:docMk/>
            <pc:sldMk cId="2376958513" sldId="260"/>
            <ac:spMk id="11800" creationId="{EC8F39F0-9983-FCBE-E6AF-5630F336F531}"/>
          </ac:spMkLst>
        </pc:spChg>
        <pc:spChg chg="mod">
          <ac:chgData name="White, Alex" userId="eff6cc8c-37d8-483b-9c6c-6b27e9afa9bc" providerId="ADAL" clId="{BF04C754-5BF4-4E83-9615-DB14FA25AF8A}" dt="2023-10-12T11:38:20.867" v="298"/>
          <ac:spMkLst>
            <pc:docMk/>
            <pc:sldMk cId="2376958513" sldId="260"/>
            <ac:spMk id="11801" creationId="{6850F1FA-83E2-800C-E506-51BCC8972A69}"/>
          </ac:spMkLst>
        </pc:spChg>
        <pc:spChg chg="mod">
          <ac:chgData name="White, Alex" userId="eff6cc8c-37d8-483b-9c6c-6b27e9afa9bc" providerId="ADAL" clId="{BF04C754-5BF4-4E83-9615-DB14FA25AF8A}" dt="2023-10-12T11:38:20.867" v="298"/>
          <ac:spMkLst>
            <pc:docMk/>
            <pc:sldMk cId="2376958513" sldId="260"/>
            <ac:spMk id="11802" creationId="{FA954E31-0751-5D53-F96E-4EC7AB343DB3}"/>
          </ac:spMkLst>
        </pc:spChg>
        <pc:spChg chg="mod">
          <ac:chgData name="White, Alex" userId="eff6cc8c-37d8-483b-9c6c-6b27e9afa9bc" providerId="ADAL" clId="{BF04C754-5BF4-4E83-9615-DB14FA25AF8A}" dt="2023-10-12T11:38:20.867" v="298"/>
          <ac:spMkLst>
            <pc:docMk/>
            <pc:sldMk cId="2376958513" sldId="260"/>
            <ac:spMk id="11803" creationId="{A640700A-8B9E-FB72-9187-F344DEE277E3}"/>
          </ac:spMkLst>
        </pc:spChg>
        <pc:spChg chg="mod">
          <ac:chgData name="White, Alex" userId="eff6cc8c-37d8-483b-9c6c-6b27e9afa9bc" providerId="ADAL" clId="{BF04C754-5BF4-4E83-9615-DB14FA25AF8A}" dt="2023-10-12T11:38:20.867" v="298"/>
          <ac:spMkLst>
            <pc:docMk/>
            <pc:sldMk cId="2376958513" sldId="260"/>
            <ac:spMk id="11804" creationId="{771D33D1-6E21-37CF-4F30-A15AF9E4ADC9}"/>
          </ac:spMkLst>
        </pc:spChg>
        <pc:spChg chg="mod">
          <ac:chgData name="White, Alex" userId="eff6cc8c-37d8-483b-9c6c-6b27e9afa9bc" providerId="ADAL" clId="{BF04C754-5BF4-4E83-9615-DB14FA25AF8A}" dt="2023-10-12T11:38:20.867" v="298"/>
          <ac:spMkLst>
            <pc:docMk/>
            <pc:sldMk cId="2376958513" sldId="260"/>
            <ac:spMk id="11805" creationId="{4F0B5A5D-C70F-A49B-A552-F11C1A33BAAA}"/>
          </ac:spMkLst>
        </pc:spChg>
        <pc:spChg chg="mod">
          <ac:chgData name="White, Alex" userId="eff6cc8c-37d8-483b-9c6c-6b27e9afa9bc" providerId="ADAL" clId="{BF04C754-5BF4-4E83-9615-DB14FA25AF8A}" dt="2023-10-12T11:38:20.867" v="298"/>
          <ac:spMkLst>
            <pc:docMk/>
            <pc:sldMk cId="2376958513" sldId="260"/>
            <ac:spMk id="11806" creationId="{B1DD3255-03A2-A6AB-49E1-2349F94060F8}"/>
          </ac:spMkLst>
        </pc:spChg>
        <pc:spChg chg="mod">
          <ac:chgData name="White, Alex" userId="eff6cc8c-37d8-483b-9c6c-6b27e9afa9bc" providerId="ADAL" clId="{BF04C754-5BF4-4E83-9615-DB14FA25AF8A}" dt="2023-10-12T11:38:20.867" v="298"/>
          <ac:spMkLst>
            <pc:docMk/>
            <pc:sldMk cId="2376958513" sldId="260"/>
            <ac:spMk id="11807" creationId="{9BB39DF5-561A-D1B1-1C7B-F2343E86329D}"/>
          </ac:spMkLst>
        </pc:spChg>
        <pc:spChg chg="mod">
          <ac:chgData name="White, Alex" userId="eff6cc8c-37d8-483b-9c6c-6b27e9afa9bc" providerId="ADAL" clId="{BF04C754-5BF4-4E83-9615-DB14FA25AF8A}" dt="2023-10-12T11:38:20.867" v="298"/>
          <ac:spMkLst>
            <pc:docMk/>
            <pc:sldMk cId="2376958513" sldId="260"/>
            <ac:spMk id="11808" creationId="{729496BF-ED3E-4E74-3627-1FB5E85BE8A5}"/>
          </ac:spMkLst>
        </pc:spChg>
        <pc:spChg chg="mod">
          <ac:chgData name="White, Alex" userId="eff6cc8c-37d8-483b-9c6c-6b27e9afa9bc" providerId="ADAL" clId="{BF04C754-5BF4-4E83-9615-DB14FA25AF8A}" dt="2023-10-12T11:38:20.867" v="298"/>
          <ac:spMkLst>
            <pc:docMk/>
            <pc:sldMk cId="2376958513" sldId="260"/>
            <ac:spMk id="11809" creationId="{F6562B00-6756-07EE-535F-B52476ACD2E5}"/>
          </ac:spMkLst>
        </pc:spChg>
        <pc:spChg chg="mod">
          <ac:chgData name="White, Alex" userId="eff6cc8c-37d8-483b-9c6c-6b27e9afa9bc" providerId="ADAL" clId="{BF04C754-5BF4-4E83-9615-DB14FA25AF8A}" dt="2023-10-12T11:38:20.867" v="298"/>
          <ac:spMkLst>
            <pc:docMk/>
            <pc:sldMk cId="2376958513" sldId="260"/>
            <ac:spMk id="11810" creationId="{E638EB22-F2BC-D1BB-17B4-A5B77AFE5459}"/>
          </ac:spMkLst>
        </pc:spChg>
        <pc:spChg chg="mod">
          <ac:chgData name="White, Alex" userId="eff6cc8c-37d8-483b-9c6c-6b27e9afa9bc" providerId="ADAL" clId="{BF04C754-5BF4-4E83-9615-DB14FA25AF8A}" dt="2023-10-12T11:38:20.867" v="298"/>
          <ac:spMkLst>
            <pc:docMk/>
            <pc:sldMk cId="2376958513" sldId="260"/>
            <ac:spMk id="11811" creationId="{60DD2BC9-F237-AC36-746D-E5A9726D6A4A}"/>
          </ac:spMkLst>
        </pc:spChg>
        <pc:spChg chg="mod">
          <ac:chgData name="White, Alex" userId="eff6cc8c-37d8-483b-9c6c-6b27e9afa9bc" providerId="ADAL" clId="{BF04C754-5BF4-4E83-9615-DB14FA25AF8A}" dt="2023-10-12T11:38:20.867" v="298"/>
          <ac:spMkLst>
            <pc:docMk/>
            <pc:sldMk cId="2376958513" sldId="260"/>
            <ac:spMk id="11812" creationId="{10981E13-D7C0-C1F0-C845-387E467E3B4D}"/>
          </ac:spMkLst>
        </pc:spChg>
        <pc:spChg chg="mod">
          <ac:chgData name="White, Alex" userId="eff6cc8c-37d8-483b-9c6c-6b27e9afa9bc" providerId="ADAL" clId="{BF04C754-5BF4-4E83-9615-DB14FA25AF8A}" dt="2023-10-12T11:38:20.867" v="298"/>
          <ac:spMkLst>
            <pc:docMk/>
            <pc:sldMk cId="2376958513" sldId="260"/>
            <ac:spMk id="11813" creationId="{EF5148AD-CA4D-3639-419F-EE27B52F73FC}"/>
          </ac:spMkLst>
        </pc:spChg>
        <pc:spChg chg="mod">
          <ac:chgData name="White, Alex" userId="eff6cc8c-37d8-483b-9c6c-6b27e9afa9bc" providerId="ADAL" clId="{BF04C754-5BF4-4E83-9615-DB14FA25AF8A}" dt="2023-10-12T11:38:20.867" v="298"/>
          <ac:spMkLst>
            <pc:docMk/>
            <pc:sldMk cId="2376958513" sldId="260"/>
            <ac:spMk id="11814" creationId="{94A18A4C-AB38-A185-E654-D13C23C1C563}"/>
          </ac:spMkLst>
        </pc:spChg>
        <pc:spChg chg="mod">
          <ac:chgData name="White, Alex" userId="eff6cc8c-37d8-483b-9c6c-6b27e9afa9bc" providerId="ADAL" clId="{BF04C754-5BF4-4E83-9615-DB14FA25AF8A}" dt="2023-10-12T11:38:20.867" v="298"/>
          <ac:spMkLst>
            <pc:docMk/>
            <pc:sldMk cId="2376958513" sldId="260"/>
            <ac:spMk id="11815" creationId="{21697278-F7F0-DE9D-365A-2379B7F95A2C}"/>
          </ac:spMkLst>
        </pc:spChg>
        <pc:spChg chg="mod">
          <ac:chgData name="White, Alex" userId="eff6cc8c-37d8-483b-9c6c-6b27e9afa9bc" providerId="ADAL" clId="{BF04C754-5BF4-4E83-9615-DB14FA25AF8A}" dt="2023-10-12T11:38:20.867" v="298"/>
          <ac:spMkLst>
            <pc:docMk/>
            <pc:sldMk cId="2376958513" sldId="260"/>
            <ac:spMk id="11816" creationId="{883D4CE9-35A0-9BE7-2E69-08D74171DC07}"/>
          </ac:spMkLst>
        </pc:spChg>
        <pc:spChg chg="mod">
          <ac:chgData name="White, Alex" userId="eff6cc8c-37d8-483b-9c6c-6b27e9afa9bc" providerId="ADAL" clId="{BF04C754-5BF4-4E83-9615-DB14FA25AF8A}" dt="2023-10-12T11:38:20.867" v="298"/>
          <ac:spMkLst>
            <pc:docMk/>
            <pc:sldMk cId="2376958513" sldId="260"/>
            <ac:spMk id="11817" creationId="{C8691BC4-A958-9A74-368D-7D015FD38881}"/>
          </ac:spMkLst>
        </pc:spChg>
        <pc:spChg chg="mod">
          <ac:chgData name="White, Alex" userId="eff6cc8c-37d8-483b-9c6c-6b27e9afa9bc" providerId="ADAL" clId="{BF04C754-5BF4-4E83-9615-DB14FA25AF8A}" dt="2023-10-12T11:38:20.867" v="298"/>
          <ac:spMkLst>
            <pc:docMk/>
            <pc:sldMk cId="2376958513" sldId="260"/>
            <ac:spMk id="11818" creationId="{6749B31D-47AE-14D9-8C5F-704D0DC1F28E}"/>
          </ac:spMkLst>
        </pc:spChg>
        <pc:spChg chg="mod">
          <ac:chgData name="White, Alex" userId="eff6cc8c-37d8-483b-9c6c-6b27e9afa9bc" providerId="ADAL" clId="{BF04C754-5BF4-4E83-9615-DB14FA25AF8A}" dt="2023-10-12T11:38:20.867" v="298"/>
          <ac:spMkLst>
            <pc:docMk/>
            <pc:sldMk cId="2376958513" sldId="260"/>
            <ac:spMk id="11819" creationId="{15DA8CC0-6721-9C37-5C9F-F8FDA0631017}"/>
          </ac:spMkLst>
        </pc:spChg>
        <pc:spChg chg="mod">
          <ac:chgData name="White, Alex" userId="eff6cc8c-37d8-483b-9c6c-6b27e9afa9bc" providerId="ADAL" clId="{BF04C754-5BF4-4E83-9615-DB14FA25AF8A}" dt="2023-10-12T11:38:20.867" v="298"/>
          <ac:spMkLst>
            <pc:docMk/>
            <pc:sldMk cId="2376958513" sldId="260"/>
            <ac:spMk id="11820" creationId="{4C74DBD8-B39B-CB30-EC46-2A24B58C8A78}"/>
          </ac:spMkLst>
        </pc:spChg>
        <pc:spChg chg="mod">
          <ac:chgData name="White, Alex" userId="eff6cc8c-37d8-483b-9c6c-6b27e9afa9bc" providerId="ADAL" clId="{BF04C754-5BF4-4E83-9615-DB14FA25AF8A}" dt="2023-10-12T11:38:20.867" v="298"/>
          <ac:spMkLst>
            <pc:docMk/>
            <pc:sldMk cId="2376958513" sldId="260"/>
            <ac:spMk id="11821" creationId="{57C9C20A-BE37-93D8-BB89-76444AF4EDCD}"/>
          </ac:spMkLst>
        </pc:spChg>
        <pc:spChg chg="mod">
          <ac:chgData name="White, Alex" userId="eff6cc8c-37d8-483b-9c6c-6b27e9afa9bc" providerId="ADAL" clId="{BF04C754-5BF4-4E83-9615-DB14FA25AF8A}" dt="2023-10-12T11:38:20.867" v="298"/>
          <ac:spMkLst>
            <pc:docMk/>
            <pc:sldMk cId="2376958513" sldId="260"/>
            <ac:spMk id="11822" creationId="{F79B9F40-9C17-1348-2153-D9FEF4FB743A}"/>
          </ac:spMkLst>
        </pc:spChg>
        <pc:spChg chg="mod">
          <ac:chgData name="White, Alex" userId="eff6cc8c-37d8-483b-9c6c-6b27e9afa9bc" providerId="ADAL" clId="{BF04C754-5BF4-4E83-9615-DB14FA25AF8A}" dt="2023-10-12T11:38:20.867" v="298"/>
          <ac:spMkLst>
            <pc:docMk/>
            <pc:sldMk cId="2376958513" sldId="260"/>
            <ac:spMk id="11823" creationId="{E41F5473-9C78-F67C-F5BF-9E52EFB89D39}"/>
          </ac:spMkLst>
        </pc:spChg>
        <pc:spChg chg="mod">
          <ac:chgData name="White, Alex" userId="eff6cc8c-37d8-483b-9c6c-6b27e9afa9bc" providerId="ADAL" clId="{BF04C754-5BF4-4E83-9615-DB14FA25AF8A}" dt="2023-10-12T11:38:20.867" v="298"/>
          <ac:spMkLst>
            <pc:docMk/>
            <pc:sldMk cId="2376958513" sldId="260"/>
            <ac:spMk id="11824" creationId="{E154CAAD-C778-6F39-88AF-86E35861EE09}"/>
          </ac:spMkLst>
        </pc:spChg>
        <pc:spChg chg="mod">
          <ac:chgData name="White, Alex" userId="eff6cc8c-37d8-483b-9c6c-6b27e9afa9bc" providerId="ADAL" clId="{BF04C754-5BF4-4E83-9615-DB14FA25AF8A}" dt="2023-10-12T11:38:20.867" v="298"/>
          <ac:spMkLst>
            <pc:docMk/>
            <pc:sldMk cId="2376958513" sldId="260"/>
            <ac:spMk id="11825" creationId="{C9CC7107-692B-0186-91A1-EABC7D7FAC20}"/>
          </ac:spMkLst>
        </pc:spChg>
        <pc:spChg chg="mod">
          <ac:chgData name="White, Alex" userId="eff6cc8c-37d8-483b-9c6c-6b27e9afa9bc" providerId="ADAL" clId="{BF04C754-5BF4-4E83-9615-DB14FA25AF8A}" dt="2023-10-12T11:38:20.867" v="298"/>
          <ac:spMkLst>
            <pc:docMk/>
            <pc:sldMk cId="2376958513" sldId="260"/>
            <ac:spMk id="11826" creationId="{FAFD70F5-22D7-1124-50E6-97C6341F9F90}"/>
          </ac:spMkLst>
        </pc:spChg>
        <pc:spChg chg="mod">
          <ac:chgData name="White, Alex" userId="eff6cc8c-37d8-483b-9c6c-6b27e9afa9bc" providerId="ADAL" clId="{BF04C754-5BF4-4E83-9615-DB14FA25AF8A}" dt="2023-10-12T11:38:20.867" v="298"/>
          <ac:spMkLst>
            <pc:docMk/>
            <pc:sldMk cId="2376958513" sldId="260"/>
            <ac:spMk id="11827" creationId="{5EFD05B6-7228-7D61-312F-177DED162DD8}"/>
          </ac:spMkLst>
        </pc:spChg>
        <pc:spChg chg="mod">
          <ac:chgData name="White, Alex" userId="eff6cc8c-37d8-483b-9c6c-6b27e9afa9bc" providerId="ADAL" clId="{BF04C754-5BF4-4E83-9615-DB14FA25AF8A}" dt="2023-10-12T11:38:20.867" v="298"/>
          <ac:spMkLst>
            <pc:docMk/>
            <pc:sldMk cId="2376958513" sldId="260"/>
            <ac:spMk id="11828" creationId="{EB4EF995-05E0-BA62-7946-587075F41364}"/>
          </ac:spMkLst>
        </pc:spChg>
        <pc:spChg chg="mod">
          <ac:chgData name="White, Alex" userId="eff6cc8c-37d8-483b-9c6c-6b27e9afa9bc" providerId="ADAL" clId="{BF04C754-5BF4-4E83-9615-DB14FA25AF8A}" dt="2023-10-12T11:38:20.867" v="298"/>
          <ac:spMkLst>
            <pc:docMk/>
            <pc:sldMk cId="2376958513" sldId="260"/>
            <ac:spMk id="11829" creationId="{5D58DA1C-2719-70D9-20D2-FFB16FE61F19}"/>
          </ac:spMkLst>
        </pc:spChg>
        <pc:spChg chg="mod">
          <ac:chgData name="White, Alex" userId="eff6cc8c-37d8-483b-9c6c-6b27e9afa9bc" providerId="ADAL" clId="{BF04C754-5BF4-4E83-9615-DB14FA25AF8A}" dt="2023-10-12T11:38:20.867" v="298"/>
          <ac:spMkLst>
            <pc:docMk/>
            <pc:sldMk cId="2376958513" sldId="260"/>
            <ac:spMk id="11830" creationId="{F57AF58D-264F-7A65-C43A-27D4C0D4939D}"/>
          </ac:spMkLst>
        </pc:spChg>
        <pc:spChg chg="mod">
          <ac:chgData name="White, Alex" userId="eff6cc8c-37d8-483b-9c6c-6b27e9afa9bc" providerId="ADAL" clId="{BF04C754-5BF4-4E83-9615-DB14FA25AF8A}" dt="2023-10-12T11:38:20.867" v="298"/>
          <ac:spMkLst>
            <pc:docMk/>
            <pc:sldMk cId="2376958513" sldId="260"/>
            <ac:spMk id="11831" creationId="{807636E1-B993-BA57-53E3-136741F748A7}"/>
          </ac:spMkLst>
        </pc:spChg>
        <pc:spChg chg="mod">
          <ac:chgData name="White, Alex" userId="eff6cc8c-37d8-483b-9c6c-6b27e9afa9bc" providerId="ADAL" clId="{BF04C754-5BF4-4E83-9615-DB14FA25AF8A}" dt="2023-10-12T11:38:20.867" v="298"/>
          <ac:spMkLst>
            <pc:docMk/>
            <pc:sldMk cId="2376958513" sldId="260"/>
            <ac:spMk id="11832" creationId="{5B7611A6-09DD-07B5-0AC5-DD2DFA29B9A6}"/>
          </ac:spMkLst>
        </pc:spChg>
        <pc:spChg chg="mod">
          <ac:chgData name="White, Alex" userId="eff6cc8c-37d8-483b-9c6c-6b27e9afa9bc" providerId="ADAL" clId="{BF04C754-5BF4-4E83-9615-DB14FA25AF8A}" dt="2023-10-12T11:38:20.867" v="298"/>
          <ac:spMkLst>
            <pc:docMk/>
            <pc:sldMk cId="2376958513" sldId="260"/>
            <ac:spMk id="11833" creationId="{6A97F674-99AA-CB7C-3663-D09232FED6F8}"/>
          </ac:spMkLst>
        </pc:spChg>
        <pc:spChg chg="mod">
          <ac:chgData name="White, Alex" userId="eff6cc8c-37d8-483b-9c6c-6b27e9afa9bc" providerId="ADAL" clId="{BF04C754-5BF4-4E83-9615-DB14FA25AF8A}" dt="2023-10-12T11:38:20.867" v="298"/>
          <ac:spMkLst>
            <pc:docMk/>
            <pc:sldMk cId="2376958513" sldId="260"/>
            <ac:spMk id="11834" creationId="{B001F946-DF9C-766C-B2A9-486BA74D32F3}"/>
          </ac:spMkLst>
        </pc:spChg>
        <pc:spChg chg="mod">
          <ac:chgData name="White, Alex" userId="eff6cc8c-37d8-483b-9c6c-6b27e9afa9bc" providerId="ADAL" clId="{BF04C754-5BF4-4E83-9615-DB14FA25AF8A}" dt="2023-10-12T11:38:20.867" v="298"/>
          <ac:spMkLst>
            <pc:docMk/>
            <pc:sldMk cId="2376958513" sldId="260"/>
            <ac:spMk id="11835" creationId="{3CA6F094-A0FF-3AD0-3BB4-5B41894ECC1E}"/>
          </ac:spMkLst>
        </pc:spChg>
        <pc:spChg chg="mod">
          <ac:chgData name="White, Alex" userId="eff6cc8c-37d8-483b-9c6c-6b27e9afa9bc" providerId="ADAL" clId="{BF04C754-5BF4-4E83-9615-DB14FA25AF8A}" dt="2023-10-12T11:38:20.867" v="298"/>
          <ac:spMkLst>
            <pc:docMk/>
            <pc:sldMk cId="2376958513" sldId="260"/>
            <ac:spMk id="11836" creationId="{55F5D28A-9430-BA1A-7258-9C2262F7C052}"/>
          </ac:spMkLst>
        </pc:spChg>
        <pc:spChg chg="mod">
          <ac:chgData name="White, Alex" userId="eff6cc8c-37d8-483b-9c6c-6b27e9afa9bc" providerId="ADAL" clId="{BF04C754-5BF4-4E83-9615-DB14FA25AF8A}" dt="2023-10-12T11:38:20.867" v="298"/>
          <ac:spMkLst>
            <pc:docMk/>
            <pc:sldMk cId="2376958513" sldId="260"/>
            <ac:spMk id="11837" creationId="{DB3A9E0B-C540-B15A-4AD5-1E3AE51ED84B}"/>
          </ac:spMkLst>
        </pc:spChg>
        <pc:spChg chg="mod">
          <ac:chgData name="White, Alex" userId="eff6cc8c-37d8-483b-9c6c-6b27e9afa9bc" providerId="ADAL" clId="{BF04C754-5BF4-4E83-9615-DB14FA25AF8A}" dt="2023-10-12T11:38:20.867" v="298"/>
          <ac:spMkLst>
            <pc:docMk/>
            <pc:sldMk cId="2376958513" sldId="260"/>
            <ac:spMk id="11838" creationId="{2BF67BBE-90F3-7D97-1E7D-94BB7EB3CCA5}"/>
          </ac:spMkLst>
        </pc:spChg>
        <pc:spChg chg="mod">
          <ac:chgData name="White, Alex" userId="eff6cc8c-37d8-483b-9c6c-6b27e9afa9bc" providerId="ADAL" clId="{BF04C754-5BF4-4E83-9615-DB14FA25AF8A}" dt="2023-10-12T11:38:20.867" v="298"/>
          <ac:spMkLst>
            <pc:docMk/>
            <pc:sldMk cId="2376958513" sldId="260"/>
            <ac:spMk id="11839" creationId="{3DE7277E-3329-B6DD-179B-81BB362FC4F8}"/>
          </ac:spMkLst>
        </pc:spChg>
        <pc:spChg chg="mod">
          <ac:chgData name="White, Alex" userId="eff6cc8c-37d8-483b-9c6c-6b27e9afa9bc" providerId="ADAL" clId="{BF04C754-5BF4-4E83-9615-DB14FA25AF8A}" dt="2023-10-12T11:38:20.867" v="298"/>
          <ac:spMkLst>
            <pc:docMk/>
            <pc:sldMk cId="2376958513" sldId="260"/>
            <ac:spMk id="11840" creationId="{090E9A39-B433-D5A6-8552-DE67AAD49E43}"/>
          </ac:spMkLst>
        </pc:spChg>
        <pc:spChg chg="mod">
          <ac:chgData name="White, Alex" userId="eff6cc8c-37d8-483b-9c6c-6b27e9afa9bc" providerId="ADAL" clId="{BF04C754-5BF4-4E83-9615-DB14FA25AF8A}" dt="2023-10-12T11:38:20.867" v="298"/>
          <ac:spMkLst>
            <pc:docMk/>
            <pc:sldMk cId="2376958513" sldId="260"/>
            <ac:spMk id="11841" creationId="{9F3D0BAE-D898-9724-66AE-CD1C11A18D80}"/>
          </ac:spMkLst>
        </pc:spChg>
        <pc:spChg chg="mod">
          <ac:chgData name="White, Alex" userId="eff6cc8c-37d8-483b-9c6c-6b27e9afa9bc" providerId="ADAL" clId="{BF04C754-5BF4-4E83-9615-DB14FA25AF8A}" dt="2023-10-12T11:38:20.867" v="298"/>
          <ac:spMkLst>
            <pc:docMk/>
            <pc:sldMk cId="2376958513" sldId="260"/>
            <ac:spMk id="11842" creationId="{6FECF38B-18D1-849B-BA7A-9BE6D6350A8F}"/>
          </ac:spMkLst>
        </pc:spChg>
        <pc:spChg chg="mod">
          <ac:chgData name="White, Alex" userId="eff6cc8c-37d8-483b-9c6c-6b27e9afa9bc" providerId="ADAL" clId="{BF04C754-5BF4-4E83-9615-DB14FA25AF8A}" dt="2023-10-12T11:38:20.867" v="298"/>
          <ac:spMkLst>
            <pc:docMk/>
            <pc:sldMk cId="2376958513" sldId="260"/>
            <ac:spMk id="11843" creationId="{4D55EBDD-2320-4B63-927C-20983E0653E7}"/>
          </ac:spMkLst>
        </pc:spChg>
        <pc:spChg chg="mod">
          <ac:chgData name="White, Alex" userId="eff6cc8c-37d8-483b-9c6c-6b27e9afa9bc" providerId="ADAL" clId="{BF04C754-5BF4-4E83-9615-DB14FA25AF8A}" dt="2023-10-12T11:38:20.867" v="298"/>
          <ac:spMkLst>
            <pc:docMk/>
            <pc:sldMk cId="2376958513" sldId="260"/>
            <ac:spMk id="11844" creationId="{B0327743-FACD-B440-74C8-9E05AD1D1BA5}"/>
          </ac:spMkLst>
        </pc:spChg>
        <pc:spChg chg="mod">
          <ac:chgData name="White, Alex" userId="eff6cc8c-37d8-483b-9c6c-6b27e9afa9bc" providerId="ADAL" clId="{BF04C754-5BF4-4E83-9615-DB14FA25AF8A}" dt="2023-10-12T11:38:20.867" v="298"/>
          <ac:spMkLst>
            <pc:docMk/>
            <pc:sldMk cId="2376958513" sldId="260"/>
            <ac:spMk id="11845" creationId="{AA94FB50-8440-5DC2-2FDD-FB12FD52DDDE}"/>
          </ac:spMkLst>
        </pc:spChg>
        <pc:spChg chg="mod">
          <ac:chgData name="White, Alex" userId="eff6cc8c-37d8-483b-9c6c-6b27e9afa9bc" providerId="ADAL" clId="{BF04C754-5BF4-4E83-9615-DB14FA25AF8A}" dt="2023-10-12T11:38:20.867" v="298"/>
          <ac:spMkLst>
            <pc:docMk/>
            <pc:sldMk cId="2376958513" sldId="260"/>
            <ac:spMk id="11846" creationId="{6585F0C7-5F99-D763-E720-D9FC4813FA3B}"/>
          </ac:spMkLst>
        </pc:spChg>
        <pc:spChg chg="mod">
          <ac:chgData name="White, Alex" userId="eff6cc8c-37d8-483b-9c6c-6b27e9afa9bc" providerId="ADAL" clId="{BF04C754-5BF4-4E83-9615-DB14FA25AF8A}" dt="2023-10-12T11:38:20.867" v="298"/>
          <ac:spMkLst>
            <pc:docMk/>
            <pc:sldMk cId="2376958513" sldId="260"/>
            <ac:spMk id="11847" creationId="{064DC756-3220-E4F9-E92E-2002A1047538}"/>
          </ac:spMkLst>
        </pc:spChg>
        <pc:spChg chg="mod">
          <ac:chgData name="White, Alex" userId="eff6cc8c-37d8-483b-9c6c-6b27e9afa9bc" providerId="ADAL" clId="{BF04C754-5BF4-4E83-9615-DB14FA25AF8A}" dt="2023-10-12T11:38:20.867" v="298"/>
          <ac:spMkLst>
            <pc:docMk/>
            <pc:sldMk cId="2376958513" sldId="260"/>
            <ac:spMk id="11848" creationId="{5CE06379-BFF2-72E7-6250-8BD43F489E30}"/>
          </ac:spMkLst>
        </pc:spChg>
        <pc:spChg chg="mod">
          <ac:chgData name="White, Alex" userId="eff6cc8c-37d8-483b-9c6c-6b27e9afa9bc" providerId="ADAL" clId="{BF04C754-5BF4-4E83-9615-DB14FA25AF8A}" dt="2023-10-12T11:38:20.867" v="298"/>
          <ac:spMkLst>
            <pc:docMk/>
            <pc:sldMk cId="2376958513" sldId="260"/>
            <ac:spMk id="11849" creationId="{02218B05-BF95-E88B-AC50-61C8526160F0}"/>
          </ac:spMkLst>
        </pc:spChg>
        <pc:spChg chg="mod">
          <ac:chgData name="White, Alex" userId="eff6cc8c-37d8-483b-9c6c-6b27e9afa9bc" providerId="ADAL" clId="{BF04C754-5BF4-4E83-9615-DB14FA25AF8A}" dt="2023-10-12T11:38:20.867" v="298"/>
          <ac:spMkLst>
            <pc:docMk/>
            <pc:sldMk cId="2376958513" sldId="260"/>
            <ac:spMk id="11850" creationId="{6FE6D161-189A-F49C-0AE4-7669A32AEAAD}"/>
          </ac:spMkLst>
        </pc:spChg>
        <pc:spChg chg="mod">
          <ac:chgData name="White, Alex" userId="eff6cc8c-37d8-483b-9c6c-6b27e9afa9bc" providerId="ADAL" clId="{BF04C754-5BF4-4E83-9615-DB14FA25AF8A}" dt="2023-10-12T11:38:20.867" v="298"/>
          <ac:spMkLst>
            <pc:docMk/>
            <pc:sldMk cId="2376958513" sldId="260"/>
            <ac:spMk id="11851" creationId="{A2728FF4-ACEB-EDA9-3392-4A623F8E59FB}"/>
          </ac:spMkLst>
        </pc:spChg>
        <pc:spChg chg="mod">
          <ac:chgData name="White, Alex" userId="eff6cc8c-37d8-483b-9c6c-6b27e9afa9bc" providerId="ADAL" clId="{BF04C754-5BF4-4E83-9615-DB14FA25AF8A}" dt="2023-10-12T11:38:20.867" v="298"/>
          <ac:spMkLst>
            <pc:docMk/>
            <pc:sldMk cId="2376958513" sldId="260"/>
            <ac:spMk id="11852" creationId="{844E433D-FC57-3507-9EE5-BA437B712C73}"/>
          </ac:spMkLst>
        </pc:spChg>
        <pc:spChg chg="mod">
          <ac:chgData name="White, Alex" userId="eff6cc8c-37d8-483b-9c6c-6b27e9afa9bc" providerId="ADAL" clId="{BF04C754-5BF4-4E83-9615-DB14FA25AF8A}" dt="2023-10-12T11:38:20.867" v="298"/>
          <ac:spMkLst>
            <pc:docMk/>
            <pc:sldMk cId="2376958513" sldId="260"/>
            <ac:spMk id="11853" creationId="{CD87FD2B-B0E1-C3B3-317B-0EFD7DD0C945}"/>
          </ac:spMkLst>
        </pc:spChg>
        <pc:spChg chg="mod">
          <ac:chgData name="White, Alex" userId="eff6cc8c-37d8-483b-9c6c-6b27e9afa9bc" providerId="ADAL" clId="{BF04C754-5BF4-4E83-9615-DB14FA25AF8A}" dt="2023-10-12T11:38:20.867" v="298"/>
          <ac:spMkLst>
            <pc:docMk/>
            <pc:sldMk cId="2376958513" sldId="260"/>
            <ac:spMk id="11854" creationId="{769CA73C-FCFE-2FBA-ED9C-D4CFE9A92A7F}"/>
          </ac:spMkLst>
        </pc:spChg>
        <pc:spChg chg="mod">
          <ac:chgData name="White, Alex" userId="eff6cc8c-37d8-483b-9c6c-6b27e9afa9bc" providerId="ADAL" clId="{BF04C754-5BF4-4E83-9615-DB14FA25AF8A}" dt="2023-10-12T11:38:20.867" v="298"/>
          <ac:spMkLst>
            <pc:docMk/>
            <pc:sldMk cId="2376958513" sldId="260"/>
            <ac:spMk id="11855" creationId="{BACBB38A-AEA6-62E7-D0BF-5286338561E1}"/>
          </ac:spMkLst>
        </pc:spChg>
        <pc:spChg chg="mod">
          <ac:chgData name="White, Alex" userId="eff6cc8c-37d8-483b-9c6c-6b27e9afa9bc" providerId="ADAL" clId="{BF04C754-5BF4-4E83-9615-DB14FA25AF8A}" dt="2023-10-12T11:38:20.867" v="298"/>
          <ac:spMkLst>
            <pc:docMk/>
            <pc:sldMk cId="2376958513" sldId="260"/>
            <ac:spMk id="11856" creationId="{144ACE34-864E-30F0-720B-75B2B0AFAB88}"/>
          </ac:spMkLst>
        </pc:spChg>
        <pc:spChg chg="mod">
          <ac:chgData name="White, Alex" userId="eff6cc8c-37d8-483b-9c6c-6b27e9afa9bc" providerId="ADAL" clId="{BF04C754-5BF4-4E83-9615-DB14FA25AF8A}" dt="2023-10-12T11:38:20.867" v="298"/>
          <ac:spMkLst>
            <pc:docMk/>
            <pc:sldMk cId="2376958513" sldId="260"/>
            <ac:spMk id="11857" creationId="{2040B699-DA65-1B26-2DDC-A95F65AD68E6}"/>
          </ac:spMkLst>
        </pc:spChg>
        <pc:spChg chg="mod">
          <ac:chgData name="White, Alex" userId="eff6cc8c-37d8-483b-9c6c-6b27e9afa9bc" providerId="ADAL" clId="{BF04C754-5BF4-4E83-9615-DB14FA25AF8A}" dt="2023-10-12T11:38:20.867" v="298"/>
          <ac:spMkLst>
            <pc:docMk/>
            <pc:sldMk cId="2376958513" sldId="260"/>
            <ac:spMk id="11858" creationId="{A12E49EA-9B99-EA33-60F3-EC1A00EFBA6B}"/>
          </ac:spMkLst>
        </pc:spChg>
        <pc:spChg chg="mod">
          <ac:chgData name="White, Alex" userId="eff6cc8c-37d8-483b-9c6c-6b27e9afa9bc" providerId="ADAL" clId="{BF04C754-5BF4-4E83-9615-DB14FA25AF8A}" dt="2023-10-12T11:38:20.867" v="298"/>
          <ac:spMkLst>
            <pc:docMk/>
            <pc:sldMk cId="2376958513" sldId="260"/>
            <ac:spMk id="11859" creationId="{80F49ABB-736D-36C6-977C-2D3CB391C8AD}"/>
          </ac:spMkLst>
        </pc:spChg>
        <pc:spChg chg="mod">
          <ac:chgData name="White, Alex" userId="eff6cc8c-37d8-483b-9c6c-6b27e9afa9bc" providerId="ADAL" clId="{BF04C754-5BF4-4E83-9615-DB14FA25AF8A}" dt="2023-10-12T11:38:20.867" v="298"/>
          <ac:spMkLst>
            <pc:docMk/>
            <pc:sldMk cId="2376958513" sldId="260"/>
            <ac:spMk id="11860" creationId="{B8DC4DDB-1DBF-A5BA-6814-5FBE21A78EC4}"/>
          </ac:spMkLst>
        </pc:spChg>
        <pc:spChg chg="mod">
          <ac:chgData name="White, Alex" userId="eff6cc8c-37d8-483b-9c6c-6b27e9afa9bc" providerId="ADAL" clId="{BF04C754-5BF4-4E83-9615-DB14FA25AF8A}" dt="2023-10-12T11:38:20.867" v="298"/>
          <ac:spMkLst>
            <pc:docMk/>
            <pc:sldMk cId="2376958513" sldId="260"/>
            <ac:spMk id="11861" creationId="{B6744EBB-3B16-539A-F15D-F7E14C7AD515}"/>
          </ac:spMkLst>
        </pc:spChg>
        <pc:spChg chg="mod">
          <ac:chgData name="White, Alex" userId="eff6cc8c-37d8-483b-9c6c-6b27e9afa9bc" providerId="ADAL" clId="{BF04C754-5BF4-4E83-9615-DB14FA25AF8A}" dt="2023-10-12T11:38:20.867" v="298"/>
          <ac:spMkLst>
            <pc:docMk/>
            <pc:sldMk cId="2376958513" sldId="260"/>
            <ac:spMk id="11862" creationId="{A8CA1BFB-97FE-78C3-5D68-4916AC812988}"/>
          </ac:spMkLst>
        </pc:spChg>
        <pc:spChg chg="mod">
          <ac:chgData name="White, Alex" userId="eff6cc8c-37d8-483b-9c6c-6b27e9afa9bc" providerId="ADAL" clId="{BF04C754-5BF4-4E83-9615-DB14FA25AF8A}" dt="2023-10-12T11:38:20.867" v="298"/>
          <ac:spMkLst>
            <pc:docMk/>
            <pc:sldMk cId="2376958513" sldId="260"/>
            <ac:spMk id="11863" creationId="{4FDA1917-950A-E9F8-419E-BD707AB19B6B}"/>
          </ac:spMkLst>
        </pc:spChg>
        <pc:spChg chg="mod">
          <ac:chgData name="White, Alex" userId="eff6cc8c-37d8-483b-9c6c-6b27e9afa9bc" providerId="ADAL" clId="{BF04C754-5BF4-4E83-9615-DB14FA25AF8A}" dt="2023-10-12T11:38:20.867" v="298"/>
          <ac:spMkLst>
            <pc:docMk/>
            <pc:sldMk cId="2376958513" sldId="260"/>
            <ac:spMk id="11864" creationId="{08A0BA3C-31E6-C2A2-3A14-3A3BB50405E4}"/>
          </ac:spMkLst>
        </pc:spChg>
        <pc:spChg chg="mod">
          <ac:chgData name="White, Alex" userId="eff6cc8c-37d8-483b-9c6c-6b27e9afa9bc" providerId="ADAL" clId="{BF04C754-5BF4-4E83-9615-DB14FA25AF8A}" dt="2023-10-12T11:38:20.867" v="298"/>
          <ac:spMkLst>
            <pc:docMk/>
            <pc:sldMk cId="2376958513" sldId="260"/>
            <ac:spMk id="11865" creationId="{E03E331F-98B5-78D7-8C26-0155235D7E2B}"/>
          </ac:spMkLst>
        </pc:spChg>
        <pc:spChg chg="mod">
          <ac:chgData name="White, Alex" userId="eff6cc8c-37d8-483b-9c6c-6b27e9afa9bc" providerId="ADAL" clId="{BF04C754-5BF4-4E83-9615-DB14FA25AF8A}" dt="2023-10-12T11:38:20.867" v="298"/>
          <ac:spMkLst>
            <pc:docMk/>
            <pc:sldMk cId="2376958513" sldId="260"/>
            <ac:spMk id="11866" creationId="{C768A9AB-6FDC-EEBC-041D-78C43555EBD3}"/>
          </ac:spMkLst>
        </pc:spChg>
        <pc:spChg chg="mod">
          <ac:chgData name="White, Alex" userId="eff6cc8c-37d8-483b-9c6c-6b27e9afa9bc" providerId="ADAL" clId="{BF04C754-5BF4-4E83-9615-DB14FA25AF8A}" dt="2023-10-12T11:38:20.867" v="298"/>
          <ac:spMkLst>
            <pc:docMk/>
            <pc:sldMk cId="2376958513" sldId="260"/>
            <ac:spMk id="11867" creationId="{32943592-0C8F-11A5-B845-493337E69059}"/>
          </ac:spMkLst>
        </pc:spChg>
        <pc:spChg chg="mod">
          <ac:chgData name="White, Alex" userId="eff6cc8c-37d8-483b-9c6c-6b27e9afa9bc" providerId="ADAL" clId="{BF04C754-5BF4-4E83-9615-DB14FA25AF8A}" dt="2023-10-12T11:38:20.867" v="298"/>
          <ac:spMkLst>
            <pc:docMk/>
            <pc:sldMk cId="2376958513" sldId="260"/>
            <ac:spMk id="11868" creationId="{FFAB925C-FCFB-3476-48A6-8358937A54B0}"/>
          </ac:spMkLst>
        </pc:spChg>
        <pc:spChg chg="mod">
          <ac:chgData name="White, Alex" userId="eff6cc8c-37d8-483b-9c6c-6b27e9afa9bc" providerId="ADAL" clId="{BF04C754-5BF4-4E83-9615-DB14FA25AF8A}" dt="2023-10-12T11:38:20.867" v="298"/>
          <ac:spMkLst>
            <pc:docMk/>
            <pc:sldMk cId="2376958513" sldId="260"/>
            <ac:spMk id="11869" creationId="{30F919A7-E700-782E-3FC0-73A5E7BE9686}"/>
          </ac:spMkLst>
        </pc:spChg>
        <pc:spChg chg="mod">
          <ac:chgData name="White, Alex" userId="eff6cc8c-37d8-483b-9c6c-6b27e9afa9bc" providerId="ADAL" clId="{BF04C754-5BF4-4E83-9615-DB14FA25AF8A}" dt="2023-10-12T11:38:20.867" v="298"/>
          <ac:spMkLst>
            <pc:docMk/>
            <pc:sldMk cId="2376958513" sldId="260"/>
            <ac:spMk id="11870" creationId="{1BA85891-DE50-F37D-0C85-2B02EAFAEBD9}"/>
          </ac:spMkLst>
        </pc:spChg>
        <pc:spChg chg="mod">
          <ac:chgData name="White, Alex" userId="eff6cc8c-37d8-483b-9c6c-6b27e9afa9bc" providerId="ADAL" clId="{BF04C754-5BF4-4E83-9615-DB14FA25AF8A}" dt="2023-10-12T11:38:20.867" v="298"/>
          <ac:spMkLst>
            <pc:docMk/>
            <pc:sldMk cId="2376958513" sldId="260"/>
            <ac:spMk id="11871" creationId="{7D4151ED-EE9E-C5ED-C317-B620B3144F3C}"/>
          </ac:spMkLst>
        </pc:spChg>
        <pc:spChg chg="mod">
          <ac:chgData name="White, Alex" userId="eff6cc8c-37d8-483b-9c6c-6b27e9afa9bc" providerId="ADAL" clId="{BF04C754-5BF4-4E83-9615-DB14FA25AF8A}" dt="2023-10-12T11:38:20.867" v="298"/>
          <ac:spMkLst>
            <pc:docMk/>
            <pc:sldMk cId="2376958513" sldId="260"/>
            <ac:spMk id="11872" creationId="{DC60A875-0BBB-DAF9-9F13-E24E50C38B35}"/>
          </ac:spMkLst>
        </pc:spChg>
        <pc:spChg chg="mod">
          <ac:chgData name="White, Alex" userId="eff6cc8c-37d8-483b-9c6c-6b27e9afa9bc" providerId="ADAL" clId="{BF04C754-5BF4-4E83-9615-DB14FA25AF8A}" dt="2023-10-12T11:38:20.867" v="298"/>
          <ac:spMkLst>
            <pc:docMk/>
            <pc:sldMk cId="2376958513" sldId="260"/>
            <ac:spMk id="11873" creationId="{B9F6214D-2BA1-EA40-9D03-86E37929CA62}"/>
          </ac:spMkLst>
        </pc:spChg>
        <pc:spChg chg="mod">
          <ac:chgData name="White, Alex" userId="eff6cc8c-37d8-483b-9c6c-6b27e9afa9bc" providerId="ADAL" clId="{BF04C754-5BF4-4E83-9615-DB14FA25AF8A}" dt="2023-10-12T11:38:20.867" v="298"/>
          <ac:spMkLst>
            <pc:docMk/>
            <pc:sldMk cId="2376958513" sldId="260"/>
            <ac:spMk id="11874" creationId="{556A71DC-CE6D-F525-44A5-31371E5D4D32}"/>
          </ac:spMkLst>
        </pc:spChg>
        <pc:spChg chg="mod">
          <ac:chgData name="White, Alex" userId="eff6cc8c-37d8-483b-9c6c-6b27e9afa9bc" providerId="ADAL" clId="{BF04C754-5BF4-4E83-9615-DB14FA25AF8A}" dt="2023-10-12T11:38:20.867" v="298"/>
          <ac:spMkLst>
            <pc:docMk/>
            <pc:sldMk cId="2376958513" sldId="260"/>
            <ac:spMk id="11875" creationId="{415377D2-0196-4AAB-C8E3-E67088B98BFA}"/>
          </ac:spMkLst>
        </pc:spChg>
        <pc:spChg chg="mod">
          <ac:chgData name="White, Alex" userId="eff6cc8c-37d8-483b-9c6c-6b27e9afa9bc" providerId="ADAL" clId="{BF04C754-5BF4-4E83-9615-DB14FA25AF8A}" dt="2023-10-12T11:38:20.867" v="298"/>
          <ac:spMkLst>
            <pc:docMk/>
            <pc:sldMk cId="2376958513" sldId="260"/>
            <ac:spMk id="11876" creationId="{8F6820CB-1232-2CF6-42E1-EE1AF956F1D2}"/>
          </ac:spMkLst>
        </pc:spChg>
        <pc:spChg chg="mod">
          <ac:chgData name="White, Alex" userId="eff6cc8c-37d8-483b-9c6c-6b27e9afa9bc" providerId="ADAL" clId="{BF04C754-5BF4-4E83-9615-DB14FA25AF8A}" dt="2023-10-12T11:38:20.867" v="298"/>
          <ac:spMkLst>
            <pc:docMk/>
            <pc:sldMk cId="2376958513" sldId="260"/>
            <ac:spMk id="11877" creationId="{FC127E84-F295-D215-43C4-440AA29FB88D}"/>
          </ac:spMkLst>
        </pc:spChg>
        <pc:spChg chg="mod">
          <ac:chgData name="White, Alex" userId="eff6cc8c-37d8-483b-9c6c-6b27e9afa9bc" providerId="ADAL" clId="{BF04C754-5BF4-4E83-9615-DB14FA25AF8A}" dt="2023-10-12T11:38:20.867" v="298"/>
          <ac:spMkLst>
            <pc:docMk/>
            <pc:sldMk cId="2376958513" sldId="260"/>
            <ac:spMk id="11878" creationId="{535F8DB5-93FB-B5E6-1BA9-279B56839933}"/>
          </ac:spMkLst>
        </pc:spChg>
        <pc:spChg chg="mod">
          <ac:chgData name="White, Alex" userId="eff6cc8c-37d8-483b-9c6c-6b27e9afa9bc" providerId="ADAL" clId="{BF04C754-5BF4-4E83-9615-DB14FA25AF8A}" dt="2023-10-12T11:38:20.867" v="298"/>
          <ac:spMkLst>
            <pc:docMk/>
            <pc:sldMk cId="2376958513" sldId="260"/>
            <ac:spMk id="11879" creationId="{0592CE87-9ED0-E9CE-FAC7-D3AB38DF2662}"/>
          </ac:spMkLst>
        </pc:spChg>
        <pc:spChg chg="mod">
          <ac:chgData name="White, Alex" userId="eff6cc8c-37d8-483b-9c6c-6b27e9afa9bc" providerId="ADAL" clId="{BF04C754-5BF4-4E83-9615-DB14FA25AF8A}" dt="2023-10-12T11:38:20.867" v="298"/>
          <ac:spMkLst>
            <pc:docMk/>
            <pc:sldMk cId="2376958513" sldId="260"/>
            <ac:spMk id="11880" creationId="{A78B2857-B820-2D00-9A8D-2DC3A0884FF5}"/>
          </ac:spMkLst>
        </pc:spChg>
        <pc:spChg chg="mod">
          <ac:chgData name="White, Alex" userId="eff6cc8c-37d8-483b-9c6c-6b27e9afa9bc" providerId="ADAL" clId="{BF04C754-5BF4-4E83-9615-DB14FA25AF8A}" dt="2023-10-12T11:38:20.867" v="298"/>
          <ac:spMkLst>
            <pc:docMk/>
            <pc:sldMk cId="2376958513" sldId="260"/>
            <ac:spMk id="11881" creationId="{7B5DD1D6-C13B-7FDD-DCD1-137355170617}"/>
          </ac:spMkLst>
        </pc:spChg>
        <pc:spChg chg="mod">
          <ac:chgData name="White, Alex" userId="eff6cc8c-37d8-483b-9c6c-6b27e9afa9bc" providerId="ADAL" clId="{BF04C754-5BF4-4E83-9615-DB14FA25AF8A}" dt="2023-10-12T11:38:20.867" v="298"/>
          <ac:spMkLst>
            <pc:docMk/>
            <pc:sldMk cId="2376958513" sldId="260"/>
            <ac:spMk id="11882" creationId="{5E2FB6B4-18A9-1E4A-9E50-F31D3C514E03}"/>
          </ac:spMkLst>
        </pc:spChg>
        <pc:spChg chg="mod">
          <ac:chgData name="White, Alex" userId="eff6cc8c-37d8-483b-9c6c-6b27e9afa9bc" providerId="ADAL" clId="{BF04C754-5BF4-4E83-9615-DB14FA25AF8A}" dt="2023-10-12T11:38:20.867" v="298"/>
          <ac:spMkLst>
            <pc:docMk/>
            <pc:sldMk cId="2376958513" sldId="260"/>
            <ac:spMk id="11883" creationId="{395BCD66-E10E-26D8-B7DC-5024EA68ABA2}"/>
          </ac:spMkLst>
        </pc:spChg>
        <pc:spChg chg="mod">
          <ac:chgData name="White, Alex" userId="eff6cc8c-37d8-483b-9c6c-6b27e9afa9bc" providerId="ADAL" clId="{BF04C754-5BF4-4E83-9615-DB14FA25AF8A}" dt="2023-10-12T11:38:20.867" v="298"/>
          <ac:spMkLst>
            <pc:docMk/>
            <pc:sldMk cId="2376958513" sldId="260"/>
            <ac:spMk id="11884" creationId="{8D5DEA8C-B59A-8FC4-DCA6-4B290A109479}"/>
          </ac:spMkLst>
        </pc:spChg>
        <pc:spChg chg="mod">
          <ac:chgData name="White, Alex" userId="eff6cc8c-37d8-483b-9c6c-6b27e9afa9bc" providerId="ADAL" clId="{BF04C754-5BF4-4E83-9615-DB14FA25AF8A}" dt="2023-10-12T11:38:20.867" v="298"/>
          <ac:spMkLst>
            <pc:docMk/>
            <pc:sldMk cId="2376958513" sldId="260"/>
            <ac:spMk id="11885" creationId="{161C8558-9849-787C-4BB8-C5246AB905DA}"/>
          </ac:spMkLst>
        </pc:spChg>
        <pc:spChg chg="mod">
          <ac:chgData name="White, Alex" userId="eff6cc8c-37d8-483b-9c6c-6b27e9afa9bc" providerId="ADAL" clId="{BF04C754-5BF4-4E83-9615-DB14FA25AF8A}" dt="2023-10-12T11:38:20.867" v="298"/>
          <ac:spMkLst>
            <pc:docMk/>
            <pc:sldMk cId="2376958513" sldId="260"/>
            <ac:spMk id="11886" creationId="{A261B004-3D33-E642-39B0-1C3DC45489BB}"/>
          </ac:spMkLst>
        </pc:spChg>
        <pc:spChg chg="mod">
          <ac:chgData name="White, Alex" userId="eff6cc8c-37d8-483b-9c6c-6b27e9afa9bc" providerId="ADAL" clId="{BF04C754-5BF4-4E83-9615-DB14FA25AF8A}" dt="2023-10-12T11:38:20.867" v="298"/>
          <ac:spMkLst>
            <pc:docMk/>
            <pc:sldMk cId="2376958513" sldId="260"/>
            <ac:spMk id="11887" creationId="{D70B2949-CED9-441E-6DF3-861E8E3AADD5}"/>
          </ac:spMkLst>
        </pc:spChg>
        <pc:spChg chg="mod">
          <ac:chgData name="White, Alex" userId="eff6cc8c-37d8-483b-9c6c-6b27e9afa9bc" providerId="ADAL" clId="{BF04C754-5BF4-4E83-9615-DB14FA25AF8A}" dt="2023-10-12T11:38:20.867" v="298"/>
          <ac:spMkLst>
            <pc:docMk/>
            <pc:sldMk cId="2376958513" sldId="260"/>
            <ac:spMk id="11888" creationId="{1B21ECF0-DA32-95FB-94D3-C48322D0247B}"/>
          </ac:spMkLst>
        </pc:spChg>
        <pc:spChg chg="mod">
          <ac:chgData name="White, Alex" userId="eff6cc8c-37d8-483b-9c6c-6b27e9afa9bc" providerId="ADAL" clId="{BF04C754-5BF4-4E83-9615-DB14FA25AF8A}" dt="2023-10-12T11:38:20.867" v="298"/>
          <ac:spMkLst>
            <pc:docMk/>
            <pc:sldMk cId="2376958513" sldId="260"/>
            <ac:spMk id="11889" creationId="{23182EF4-B9FC-001E-62D3-F90D9918A22F}"/>
          </ac:spMkLst>
        </pc:spChg>
        <pc:spChg chg="mod">
          <ac:chgData name="White, Alex" userId="eff6cc8c-37d8-483b-9c6c-6b27e9afa9bc" providerId="ADAL" clId="{BF04C754-5BF4-4E83-9615-DB14FA25AF8A}" dt="2023-10-12T11:38:20.867" v="298"/>
          <ac:spMkLst>
            <pc:docMk/>
            <pc:sldMk cId="2376958513" sldId="260"/>
            <ac:spMk id="11890" creationId="{1E0A8E1B-2463-F110-9AD9-A6F2FC2A1484}"/>
          </ac:spMkLst>
        </pc:spChg>
        <pc:spChg chg="mod">
          <ac:chgData name="White, Alex" userId="eff6cc8c-37d8-483b-9c6c-6b27e9afa9bc" providerId="ADAL" clId="{BF04C754-5BF4-4E83-9615-DB14FA25AF8A}" dt="2023-10-12T11:38:20.867" v="298"/>
          <ac:spMkLst>
            <pc:docMk/>
            <pc:sldMk cId="2376958513" sldId="260"/>
            <ac:spMk id="11891" creationId="{1074FDBE-6567-C3FB-FA03-3813C6B98E67}"/>
          </ac:spMkLst>
        </pc:spChg>
        <pc:spChg chg="mod">
          <ac:chgData name="White, Alex" userId="eff6cc8c-37d8-483b-9c6c-6b27e9afa9bc" providerId="ADAL" clId="{BF04C754-5BF4-4E83-9615-DB14FA25AF8A}" dt="2023-10-12T11:38:20.867" v="298"/>
          <ac:spMkLst>
            <pc:docMk/>
            <pc:sldMk cId="2376958513" sldId="260"/>
            <ac:spMk id="11892" creationId="{80312325-24FF-62AC-9C29-4295A2AAF64F}"/>
          </ac:spMkLst>
        </pc:spChg>
        <pc:spChg chg="mod">
          <ac:chgData name="White, Alex" userId="eff6cc8c-37d8-483b-9c6c-6b27e9afa9bc" providerId="ADAL" clId="{BF04C754-5BF4-4E83-9615-DB14FA25AF8A}" dt="2023-10-12T11:38:20.867" v="298"/>
          <ac:spMkLst>
            <pc:docMk/>
            <pc:sldMk cId="2376958513" sldId="260"/>
            <ac:spMk id="11893" creationId="{272388B7-F144-4B67-FD04-C27D45CE226C}"/>
          </ac:spMkLst>
        </pc:spChg>
        <pc:spChg chg="mod">
          <ac:chgData name="White, Alex" userId="eff6cc8c-37d8-483b-9c6c-6b27e9afa9bc" providerId="ADAL" clId="{BF04C754-5BF4-4E83-9615-DB14FA25AF8A}" dt="2023-10-12T11:38:20.867" v="298"/>
          <ac:spMkLst>
            <pc:docMk/>
            <pc:sldMk cId="2376958513" sldId="260"/>
            <ac:spMk id="11894" creationId="{1A480F6A-2370-B0E7-0D47-D7F43C030362}"/>
          </ac:spMkLst>
        </pc:spChg>
        <pc:spChg chg="mod">
          <ac:chgData name="White, Alex" userId="eff6cc8c-37d8-483b-9c6c-6b27e9afa9bc" providerId="ADAL" clId="{BF04C754-5BF4-4E83-9615-DB14FA25AF8A}" dt="2023-10-12T11:38:20.867" v="298"/>
          <ac:spMkLst>
            <pc:docMk/>
            <pc:sldMk cId="2376958513" sldId="260"/>
            <ac:spMk id="11895" creationId="{B3916E3D-03B4-3E7B-3EA0-B7EB4EFF2ECF}"/>
          </ac:spMkLst>
        </pc:spChg>
        <pc:spChg chg="mod">
          <ac:chgData name="White, Alex" userId="eff6cc8c-37d8-483b-9c6c-6b27e9afa9bc" providerId="ADAL" clId="{BF04C754-5BF4-4E83-9615-DB14FA25AF8A}" dt="2023-10-12T11:38:20.867" v="298"/>
          <ac:spMkLst>
            <pc:docMk/>
            <pc:sldMk cId="2376958513" sldId="260"/>
            <ac:spMk id="11896" creationId="{3236BC56-51D4-E5A8-6EB7-3DCD126A6791}"/>
          </ac:spMkLst>
        </pc:spChg>
        <pc:spChg chg="mod">
          <ac:chgData name="White, Alex" userId="eff6cc8c-37d8-483b-9c6c-6b27e9afa9bc" providerId="ADAL" clId="{BF04C754-5BF4-4E83-9615-DB14FA25AF8A}" dt="2023-10-12T11:38:20.867" v="298"/>
          <ac:spMkLst>
            <pc:docMk/>
            <pc:sldMk cId="2376958513" sldId="260"/>
            <ac:spMk id="11897" creationId="{B07781C9-D144-4193-089B-89F28E7F88B0}"/>
          </ac:spMkLst>
        </pc:spChg>
        <pc:spChg chg="mod">
          <ac:chgData name="White, Alex" userId="eff6cc8c-37d8-483b-9c6c-6b27e9afa9bc" providerId="ADAL" clId="{BF04C754-5BF4-4E83-9615-DB14FA25AF8A}" dt="2023-10-12T11:38:20.867" v="298"/>
          <ac:spMkLst>
            <pc:docMk/>
            <pc:sldMk cId="2376958513" sldId="260"/>
            <ac:spMk id="11898" creationId="{E1297E47-8E95-B839-7336-CD71D27AB323}"/>
          </ac:spMkLst>
        </pc:spChg>
        <pc:spChg chg="mod">
          <ac:chgData name="White, Alex" userId="eff6cc8c-37d8-483b-9c6c-6b27e9afa9bc" providerId="ADAL" clId="{BF04C754-5BF4-4E83-9615-DB14FA25AF8A}" dt="2023-10-12T11:38:20.867" v="298"/>
          <ac:spMkLst>
            <pc:docMk/>
            <pc:sldMk cId="2376958513" sldId="260"/>
            <ac:spMk id="11899" creationId="{650917FC-470E-CA54-2517-71FD37CBB350}"/>
          </ac:spMkLst>
        </pc:spChg>
        <pc:spChg chg="mod">
          <ac:chgData name="White, Alex" userId="eff6cc8c-37d8-483b-9c6c-6b27e9afa9bc" providerId="ADAL" clId="{BF04C754-5BF4-4E83-9615-DB14FA25AF8A}" dt="2023-10-12T11:38:20.867" v="298"/>
          <ac:spMkLst>
            <pc:docMk/>
            <pc:sldMk cId="2376958513" sldId="260"/>
            <ac:spMk id="11900" creationId="{3809CAFB-3303-CEBB-2EFC-C6CC308502D4}"/>
          </ac:spMkLst>
        </pc:spChg>
        <pc:spChg chg="mod">
          <ac:chgData name="White, Alex" userId="eff6cc8c-37d8-483b-9c6c-6b27e9afa9bc" providerId="ADAL" clId="{BF04C754-5BF4-4E83-9615-DB14FA25AF8A}" dt="2023-10-12T11:38:20.867" v="298"/>
          <ac:spMkLst>
            <pc:docMk/>
            <pc:sldMk cId="2376958513" sldId="260"/>
            <ac:spMk id="11901" creationId="{513905B3-3534-A544-F6EB-D0AACE219A35}"/>
          </ac:spMkLst>
        </pc:spChg>
        <pc:spChg chg="mod">
          <ac:chgData name="White, Alex" userId="eff6cc8c-37d8-483b-9c6c-6b27e9afa9bc" providerId="ADAL" clId="{BF04C754-5BF4-4E83-9615-DB14FA25AF8A}" dt="2023-10-12T11:38:20.867" v="298"/>
          <ac:spMkLst>
            <pc:docMk/>
            <pc:sldMk cId="2376958513" sldId="260"/>
            <ac:spMk id="11902" creationId="{DC52BD85-8023-3964-3BEC-C6DA7D7E5698}"/>
          </ac:spMkLst>
        </pc:spChg>
        <pc:spChg chg="mod">
          <ac:chgData name="White, Alex" userId="eff6cc8c-37d8-483b-9c6c-6b27e9afa9bc" providerId="ADAL" clId="{BF04C754-5BF4-4E83-9615-DB14FA25AF8A}" dt="2023-10-12T11:38:20.867" v="298"/>
          <ac:spMkLst>
            <pc:docMk/>
            <pc:sldMk cId="2376958513" sldId="260"/>
            <ac:spMk id="11903" creationId="{69610349-5C77-2827-E695-C1579A620BBE}"/>
          </ac:spMkLst>
        </pc:spChg>
        <pc:spChg chg="mod">
          <ac:chgData name="White, Alex" userId="eff6cc8c-37d8-483b-9c6c-6b27e9afa9bc" providerId="ADAL" clId="{BF04C754-5BF4-4E83-9615-DB14FA25AF8A}" dt="2023-10-12T11:38:20.867" v="298"/>
          <ac:spMkLst>
            <pc:docMk/>
            <pc:sldMk cId="2376958513" sldId="260"/>
            <ac:spMk id="11904" creationId="{59F19C22-71A9-0B6F-7AA5-39C406A7AB7F}"/>
          </ac:spMkLst>
        </pc:spChg>
        <pc:spChg chg="mod">
          <ac:chgData name="White, Alex" userId="eff6cc8c-37d8-483b-9c6c-6b27e9afa9bc" providerId="ADAL" clId="{BF04C754-5BF4-4E83-9615-DB14FA25AF8A}" dt="2023-10-12T11:38:20.867" v="298"/>
          <ac:spMkLst>
            <pc:docMk/>
            <pc:sldMk cId="2376958513" sldId="260"/>
            <ac:spMk id="11905" creationId="{F70E6C52-6469-F4DC-F478-91D1234A2787}"/>
          </ac:spMkLst>
        </pc:spChg>
        <pc:spChg chg="mod">
          <ac:chgData name="White, Alex" userId="eff6cc8c-37d8-483b-9c6c-6b27e9afa9bc" providerId="ADAL" clId="{BF04C754-5BF4-4E83-9615-DB14FA25AF8A}" dt="2023-10-12T11:38:20.867" v="298"/>
          <ac:spMkLst>
            <pc:docMk/>
            <pc:sldMk cId="2376958513" sldId="260"/>
            <ac:spMk id="11906" creationId="{2E81A143-070A-7C7A-7FCD-A64715AADE2F}"/>
          </ac:spMkLst>
        </pc:spChg>
        <pc:spChg chg="mod">
          <ac:chgData name="White, Alex" userId="eff6cc8c-37d8-483b-9c6c-6b27e9afa9bc" providerId="ADAL" clId="{BF04C754-5BF4-4E83-9615-DB14FA25AF8A}" dt="2023-10-12T11:38:20.867" v="298"/>
          <ac:spMkLst>
            <pc:docMk/>
            <pc:sldMk cId="2376958513" sldId="260"/>
            <ac:spMk id="11907" creationId="{12D14D09-06DF-8902-DA13-64908A00A7FF}"/>
          </ac:spMkLst>
        </pc:spChg>
        <pc:spChg chg="mod">
          <ac:chgData name="White, Alex" userId="eff6cc8c-37d8-483b-9c6c-6b27e9afa9bc" providerId="ADAL" clId="{BF04C754-5BF4-4E83-9615-DB14FA25AF8A}" dt="2023-10-12T11:38:20.867" v="298"/>
          <ac:spMkLst>
            <pc:docMk/>
            <pc:sldMk cId="2376958513" sldId="260"/>
            <ac:spMk id="11908" creationId="{E88D2667-FF54-AA5E-1141-F34ACEB380D3}"/>
          </ac:spMkLst>
        </pc:spChg>
        <pc:spChg chg="mod">
          <ac:chgData name="White, Alex" userId="eff6cc8c-37d8-483b-9c6c-6b27e9afa9bc" providerId="ADAL" clId="{BF04C754-5BF4-4E83-9615-DB14FA25AF8A}" dt="2023-10-12T11:38:20.867" v="298"/>
          <ac:spMkLst>
            <pc:docMk/>
            <pc:sldMk cId="2376958513" sldId="260"/>
            <ac:spMk id="11909" creationId="{31A6FAFF-A39C-5402-7D31-A909E4E21CF8}"/>
          </ac:spMkLst>
        </pc:spChg>
        <pc:spChg chg="mod">
          <ac:chgData name="White, Alex" userId="eff6cc8c-37d8-483b-9c6c-6b27e9afa9bc" providerId="ADAL" clId="{BF04C754-5BF4-4E83-9615-DB14FA25AF8A}" dt="2023-10-12T11:38:20.867" v="298"/>
          <ac:spMkLst>
            <pc:docMk/>
            <pc:sldMk cId="2376958513" sldId="260"/>
            <ac:spMk id="11910" creationId="{E173039C-A213-E306-44DA-E0CCC0362847}"/>
          </ac:spMkLst>
        </pc:spChg>
        <pc:spChg chg="mod">
          <ac:chgData name="White, Alex" userId="eff6cc8c-37d8-483b-9c6c-6b27e9afa9bc" providerId="ADAL" clId="{BF04C754-5BF4-4E83-9615-DB14FA25AF8A}" dt="2023-10-12T11:38:20.867" v="298"/>
          <ac:spMkLst>
            <pc:docMk/>
            <pc:sldMk cId="2376958513" sldId="260"/>
            <ac:spMk id="11911" creationId="{D039CF9A-2357-B73C-780A-A85ECA8F2175}"/>
          </ac:spMkLst>
        </pc:spChg>
        <pc:spChg chg="mod">
          <ac:chgData name="White, Alex" userId="eff6cc8c-37d8-483b-9c6c-6b27e9afa9bc" providerId="ADAL" clId="{BF04C754-5BF4-4E83-9615-DB14FA25AF8A}" dt="2023-10-12T11:38:20.867" v="298"/>
          <ac:spMkLst>
            <pc:docMk/>
            <pc:sldMk cId="2376958513" sldId="260"/>
            <ac:spMk id="11912" creationId="{5FDBC037-2EF3-3226-A12E-17690FE785A3}"/>
          </ac:spMkLst>
        </pc:spChg>
        <pc:spChg chg="mod">
          <ac:chgData name="White, Alex" userId="eff6cc8c-37d8-483b-9c6c-6b27e9afa9bc" providerId="ADAL" clId="{BF04C754-5BF4-4E83-9615-DB14FA25AF8A}" dt="2023-10-12T11:38:20.867" v="298"/>
          <ac:spMkLst>
            <pc:docMk/>
            <pc:sldMk cId="2376958513" sldId="260"/>
            <ac:spMk id="11913" creationId="{0F240F11-2F97-B40C-52DB-3F1768663A48}"/>
          </ac:spMkLst>
        </pc:spChg>
        <pc:spChg chg="mod">
          <ac:chgData name="White, Alex" userId="eff6cc8c-37d8-483b-9c6c-6b27e9afa9bc" providerId="ADAL" clId="{BF04C754-5BF4-4E83-9615-DB14FA25AF8A}" dt="2023-10-12T11:38:20.867" v="298"/>
          <ac:spMkLst>
            <pc:docMk/>
            <pc:sldMk cId="2376958513" sldId="260"/>
            <ac:spMk id="11914" creationId="{92CAE287-5F1D-DE90-13FD-D4CF6E74BB23}"/>
          </ac:spMkLst>
        </pc:spChg>
        <pc:spChg chg="mod">
          <ac:chgData name="White, Alex" userId="eff6cc8c-37d8-483b-9c6c-6b27e9afa9bc" providerId="ADAL" clId="{BF04C754-5BF4-4E83-9615-DB14FA25AF8A}" dt="2023-10-12T11:38:20.867" v="298"/>
          <ac:spMkLst>
            <pc:docMk/>
            <pc:sldMk cId="2376958513" sldId="260"/>
            <ac:spMk id="11915" creationId="{E0D36887-CA74-4B49-578E-7FA76D8A9EE0}"/>
          </ac:spMkLst>
        </pc:spChg>
        <pc:spChg chg="mod">
          <ac:chgData name="White, Alex" userId="eff6cc8c-37d8-483b-9c6c-6b27e9afa9bc" providerId="ADAL" clId="{BF04C754-5BF4-4E83-9615-DB14FA25AF8A}" dt="2023-10-12T11:38:20.867" v="298"/>
          <ac:spMkLst>
            <pc:docMk/>
            <pc:sldMk cId="2376958513" sldId="260"/>
            <ac:spMk id="11916" creationId="{8DB5E676-07D0-BAAF-98DE-EB29E12BBF00}"/>
          </ac:spMkLst>
        </pc:spChg>
        <pc:spChg chg="mod">
          <ac:chgData name="White, Alex" userId="eff6cc8c-37d8-483b-9c6c-6b27e9afa9bc" providerId="ADAL" clId="{BF04C754-5BF4-4E83-9615-DB14FA25AF8A}" dt="2023-10-12T11:38:20.867" v="298"/>
          <ac:spMkLst>
            <pc:docMk/>
            <pc:sldMk cId="2376958513" sldId="260"/>
            <ac:spMk id="11917" creationId="{4DD8B4B1-84E1-5D34-46BB-12540C9C24D8}"/>
          </ac:spMkLst>
        </pc:spChg>
        <pc:spChg chg="mod">
          <ac:chgData name="White, Alex" userId="eff6cc8c-37d8-483b-9c6c-6b27e9afa9bc" providerId="ADAL" clId="{BF04C754-5BF4-4E83-9615-DB14FA25AF8A}" dt="2023-10-12T11:38:20.867" v="298"/>
          <ac:spMkLst>
            <pc:docMk/>
            <pc:sldMk cId="2376958513" sldId="260"/>
            <ac:spMk id="11918" creationId="{43850B28-835D-0793-F779-FF37F26C494B}"/>
          </ac:spMkLst>
        </pc:spChg>
        <pc:spChg chg="mod">
          <ac:chgData name="White, Alex" userId="eff6cc8c-37d8-483b-9c6c-6b27e9afa9bc" providerId="ADAL" clId="{BF04C754-5BF4-4E83-9615-DB14FA25AF8A}" dt="2023-10-12T11:38:20.867" v="298"/>
          <ac:spMkLst>
            <pc:docMk/>
            <pc:sldMk cId="2376958513" sldId="260"/>
            <ac:spMk id="11919" creationId="{6C9CA46F-3A60-E1DD-B7DF-BBC499553430}"/>
          </ac:spMkLst>
        </pc:spChg>
        <pc:spChg chg="mod">
          <ac:chgData name="White, Alex" userId="eff6cc8c-37d8-483b-9c6c-6b27e9afa9bc" providerId="ADAL" clId="{BF04C754-5BF4-4E83-9615-DB14FA25AF8A}" dt="2023-10-12T11:38:20.867" v="298"/>
          <ac:spMkLst>
            <pc:docMk/>
            <pc:sldMk cId="2376958513" sldId="260"/>
            <ac:spMk id="11920" creationId="{83CEC9F1-5FC9-57A9-3235-32DAC48D3D71}"/>
          </ac:spMkLst>
        </pc:spChg>
        <pc:spChg chg="mod">
          <ac:chgData name="White, Alex" userId="eff6cc8c-37d8-483b-9c6c-6b27e9afa9bc" providerId="ADAL" clId="{BF04C754-5BF4-4E83-9615-DB14FA25AF8A}" dt="2023-10-12T11:38:20.867" v="298"/>
          <ac:spMkLst>
            <pc:docMk/>
            <pc:sldMk cId="2376958513" sldId="260"/>
            <ac:spMk id="11921" creationId="{CA65224A-37D0-073A-35B8-B49542B3B5C1}"/>
          </ac:spMkLst>
        </pc:spChg>
        <pc:spChg chg="mod">
          <ac:chgData name="White, Alex" userId="eff6cc8c-37d8-483b-9c6c-6b27e9afa9bc" providerId="ADAL" clId="{BF04C754-5BF4-4E83-9615-DB14FA25AF8A}" dt="2023-10-12T11:38:20.867" v="298"/>
          <ac:spMkLst>
            <pc:docMk/>
            <pc:sldMk cId="2376958513" sldId="260"/>
            <ac:spMk id="11922" creationId="{50EBBC9A-0C55-52CC-45B6-B2F907B2A440}"/>
          </ac:spMkLst>
        </pc:spChg>
        <pc:spChg chg="mod">
          <ac:chgData name="White, Alex" userId="eff6cc8c-37d8-483b-9c6c-6b27e9afa9bc" providerId="ADAL" clId="{BF04C754-5BF4-4E83-9615-DB14FA25AF8A}" dt="2023-10-12T11:38:20.867" v="298"/>
          <ac:spMkLst>
            <pc:docMk/>
            <pc:sldMk cId="2376958513" sldId="260"/>
            <ac:spMk id="11923" creationId="{9BB64EEB-35C5-72E0-5EF4-B2FEBC790279}"/>
          </ac:spMkLst>
        </pc:spChg>
        <pc:spChg chg="mod">
          <ac:chgData name="White, Alex" userId="eff6cc8c-37d8-483b-9c6c-6b27e9afa9bc" providerId="ADAL" clId="{BF04C754-5BF4-4E83-9615-DB14FA25AF8A}" dt="2023-10-12T11:38:20.867" v="298"/>
          <ac:spMkLst>
            <pc:docMk/>
            <pc:sldMk cId="2376958513" sldId="260"/>
            <ac:spMk id="11924" creationId="{C7D3F221-6AF1-AD11-693B-15DAC59EC52D}"/>
          </ac:spMkLst>
        </pc:spChg>
        <pc:spChg chg="mod">
          <ac:chgData name="White, Alex" userId="eff6cc8c-37d8-483b-9c6c-6b27e9afa9bc" providerId="ADAL" clId="{BF04C754-5BF4-4E83-9615-DB14FA25AF8A}" dt="2023-10-12T11:38:20.867" v="298"/>
          <ac:spMkLst>
            <pc:docMk/>
            <pc:sldMk cId="2376958513" sldId="260"/>
            <ac:spMk id="11925" creationId="{24F793A2-E6DB-696D-2640-72CA20858338}"/>
          </ac:spMkLst>
        </pc:spChg>
        <pc:spChg chg="mod">
          <ac:chgData name="White, Alex" userId="eff6cc8c-37d8-483b-9c6c-6b27e9afa9bc" providerId="ADAL" clId="{BF04C754-5BF4-4E83-9615-DB14FA25AF8A}" dt="2023-10-12T11:38:20.867" v="298"/>
          <ac:spMkLst>
            <pc:docMk/>
            <pc:sldMk cId="2376958513" sldId="260"/>
            <ac:spMk id="11926" creationId="{3B49A112-9375-3EB9-8228-69A1AFF44A0D}"/>
          </ac:spMkLst>
        </pc:spChg>
        <pc:spChg chg="mod">
          <ac:chgData name="White, Alex" userId="eff6cc8c-37d8-483b-9c6c-6b27e9afa9bc" providerId="ADAL" clId="{BF04C754-5BF4-4E83-9615-DB14FA25AF8A}" dt="2023-10-12T11:38:20.867" v="298"/>
          <ac:spMkLst>
            <pc:docMk/>
            <pc:sldMk cId="2376958513" sldId="260"/>
            <ac:spMk id="11927" creationId="{5EB48BB8-5580-1155-1879-DB04E979D724}"/>
          </ac:spMkLst>
        </pc:spChg>
        <pc:spChg chg="mod">
          <ac:chgData name="White, Alex" userId="eff6cc8c-37d8-483b-9c6c-6b27e9afa9bc" providerId="ADAL" clId="{BF04C754-5BF4-4E83-9615-DB14FA25AF8A}" dt="2023-10-12T11:38:20.867" v="298"/>
          <ac:spMkLst>
            <pc:docMk/>
            <pc:sldMk cId="2376958513" sldId="260"/>
            <ac:spMk id="11928" creationId="{1E99BCF4-14AD-E1FA-B994-225A17EF0AEC}"/>
          </ac:spMkLst>
        </pc:spChg>
        <pc:spChg chg="mod">
          <ac:chgData name="White, Alex" userId="eff6cc8c-37d8-483b-9c6c-6b27e9afa9bc" providerId="ADAL" clId="{BF04C754-5BF4-4E83-9615-DB14FA25AF8A}" dt="2023-10-12T11:38:20.867" v="298"/>
          <ac:spMkLst>
            <pc:docMk/>
            <pc:sldMk cId="2376958513" sldId="260"/>
            <ac:spMk id="11929" creationId="{563222C5-FCF9-4F76-8062-EF372D6D7E54}"/>
          </ac:spMkLst>
        </pc:spChg>
        <pc:spChg chg="mod">
          <ac:chgData name="White, Alex" userId="eff6cc8c-37d8-483b-9c6c-6b27e9afa9bc" providerId="ADAL" clId="{BF04C754-5BF4-4E83-9615-DB14FA25AF8A}" dt="2023-10-12T11:38:20.867" v="298"/>
          <ac:spMkLst>
            <pc:docMk/>
            <pc:sldMk cId="2376958513" sldId="260"/>
            <ac:spMk id="11930" creationId="{D60F272D-70AB-D46A-9C41-D968CD95D27C}"/>
          </ac:spMkLst>
        </pc:spChg>
        <pc:spChg chg="mod">
          <ac:chgData name="White, Alex" userId="eff6cc8c-37d8-483b-9c6c-6b27e9afa9bc" providerId="ADAL" clId="{BF04C754-5BF4-4E83-9615-DB14FA25AF8A}" dt="2023-10-12T11:38:20.867" v="298"/>
          <ac:spMkLst>
            <pc:docMk/>
            <pc:sldMk cId="2376958513" sldId="260"/>
            <ac:spMk id="11931" creationId="{DFAB00FF-2FC6-A96C-F99F-638A2E6D2F6D}"/>
          </ac:spMkLst>
        </pc:spChg>
        <pc:spChg chg="mod">
          <ac:chgData name="White, Alex" userId="eff6cc8c-37d8-483b-9c6c-6b27e9afa9bc" providerId="ADAL" clId="{BF04C754-5BF4-4E83-9615-DB14FA25AF8A}" dt="2023-10-12T11:38:20.867" v="298"/>
          <ac:spMkLst>
            <pc:docMk/>
            <pc:sldMk cId="2376958513" sldId="260"/>
            <ac:spMk id="11932" creationId="{EB5549B5-5107-A46A-755C-A2DD1091C988}"/>
          </ac:spMkLst>
        </pc:spChg>
        <pc:spChg chg="mod">
          <ac:chgData name="White, Alex" userId="eff6cc8c-37d8-483b-9c6c-6b27e9afa9bc" providerId="ADAL" clId="{BF04C754-5BF4-4E83-9615-DB14FA25AF8A}" dt="2023-10-12T11:38:20.867" v="298"/>
          <ac:spMkLst>
            <pc:docMk/>
            <pc:sldMk cId="2376958513" sldId="260"/>
            <ac:spMk id="11933" creationId="{995617D3-190A-0384-830B-C65AEFB46C71}"/>
          </ac:spMkLst>
        </pc:spChg>
        <pc:spChg chg="mod">
          <ac:chgData name="White, Alex" userId="eff6cc8c-37d8-483b-9c6c-6b27e9afa9bc" providerId="ADAL" clId="{BF04C754-5BF4-4E83-9615-DB14FA25AF8A}" dt="2023-10-12T11:38:20.867" v="298"/>
          <ac:spMkLst>
            <pc:docMk/>
            <pc:sldMk cId="2376958513" sldId="260"/>
            <ac:spMk id="11934" creationId="{255330CD-F41C-6C38-5D6A-A07BD6B77B2C}"/>
          </ac:spMkLst>
        </pc:spChg>
        <pc:spChg chg="mod">
          <ac:chgData name="White, Alex" userId="eff6cc8c-37d8-483b-9c6c-6b27e9afa9bc" providerId="ADAL" clId="{BF04C754-5BF4-4E83-9615-DB14FA25AF8A}" dt="2023-10-12T11:38:20.867" v="298"/>
          <ac:spMkLst>
            <pc:docMk/>
            <pc:sldMk cId="2376958513" sldId="260"/>
            <ac:spMk id="11935" creationId="{9077CC04-7CE4-491C-A548-713DA9EEE4A1}"/>
          </ac:spMkLst>
        </pc:spChg>
        <pc:spChg chg="mod">
          <ac:chgData name="White, Alex" userId="eff6cc8c-37d8-483b-9c6c-6b27e9afa9bc" providerId="ADAL" clId="{BF04C754-5BF4-4E83-9615-DB14FA25AF8A}" dt="2023-10-12T11:38:20.867" v="298"/>
          <ac:spMkLst>
            <pc:docMk/>
            <pc:sldMk cId="2376958513" sldId="260"/>
            <ac:spMk id="11936" creationId="{AD50065D-BB4D-C3B5-0FFD-0BFD460B94D0}"/>
          </ac:spMkLst>
        </pc:spChg>
        <pc:spChg chg="mod">
          <ac:chgData name="White, Alex" userId="eff6cc8c-37d8-483b-9c6c-6b27e9afa9bc" providerId="ADAL" clId="{BF04C754-5BF4-4E83-9615-DB14FA25AF8A}" dt="2023-10-12T11:38:20.867" v="298"/>
          <ac:spMkLst>
            <pc:docMk/>
            <pc:sldMk cId="2376958513" sldId="260"/>
            <ac:spMk id="11937" creationId="{0DE232C1-E447-8420-A6F8-5D3F7D2AEA6F}"/>
          </ac:spMkLst>
        </pc:spChg>
        <pc:spChg chg="mod">
          <ac:chgData name="White, Alex" userId="eff6cc8c-37d8-483b-9c6c-6b27e9afa9bc" providerId="ADAL" clId="{BF04C754-5BF4-4E83-9615-DB14FA25AF8A}" dt="2023-10-12T11:38:20.867" v="298"/>
          <ac:spMkLst>
            <pc:docMk/>
            <pc:sldMk cId="2376958513" sldId="260"/>
            <ac:spMk id="11938" creationId="{D0607EF2-C3A9-DF2D-D11E-1B03FFD01E16}"/>
          </ac:spMkLst>
        </pc:spChg>
        <pc:spChg chg="mod">
          <ac:chgData name="White, Alex" userId="eff6cc8c-37d8-483b-9c6c-6b27e9afa9bc" providerId="ADAL" clId="{BF04C754-5BF4-4E83-9615-DB14FA25AF8A}" dt="2023-10-12T11:38:20.867" v="298"/>
          <ac:spMkLst>
            <pc:docMk/>
            <pc:sldMk cId="2376958513" sldId="260"/>
            <ac:spMk id="11939" creationId="{734DF67A-36D3-093F-5072-CECDFCB509B4}"/>
          </ac:spMkLst>
        </pc:spChg>
        <pc:spChg chg="mod">
          <ac:chgData name="White, Alex" userId="eff6cc8c-37d8-483b-9c6c-6b27e9afa9bc" providerId="ADAL" clId="{BF04C754-5BF4-4E83-9615-DB14FA25AF8A}" dt="2023-10-12T11:38:20.867" v="298"/>
          <ac:spMkLst>
            <pc:docMk/>
            <pc:sldMk cId="2376958513" sldId="260"/>
            <ac:spMk id="11940" creationId="{724BD638-064E-CC1F-0C9E-EF85A009F8AA}"/>
          </ac:spMkLst>
        </pc:spChg>
        <pc:spChg chg="mod">
          <ac:chgData name="White, Alex" userId="eff6cc8c-37d8-483b-9c6c-6b27e9afa9bc" providerId="ADAL" clId="{BF04C754-5BF4-4E83-9615-DB14FA25AF8A}" dt="2023-10-12T11:38:20.867" v="298"/>
          <ac:spMkLst>
            <pc:docMk/>
            <pc:sldMk cId="2376958513" sldId="260"/>
            <ac:spMk id="11941" creationId="{EA2C8AFE-D7D7-14DD-2362-EC7F72D73A6C}"/>
          </ac:spMkLst>
        </pc:spChg>
        <pc:spChg chg="mod">
          <ac:chgData name="White, Alex" userId="eff6cc8c-37d8-483b-9c6c-6b27e9afa9bc" providerId="ADAL" clId="{BF04C754-5BF4-4E83-9615-DB14FA25AF8A}" dt="2023-10-12T11:38:20.867" v="298"/>
          <ac:spMkLst>
            <pc:docMk/>
            <pc:sldMk cId="2376958513" sldId="260"/>
            <ac:spMk id="11942" creationId="{2700CEDF-F82D-D46D-594E-146AAC24DFA2}"/>
          </ac:spMkLst>
        </pc:spChg>
        <pc:spChg chg="mod">
          <ac:chgData name="White, Alex" userId="eff6cc8c-37d8-483b-9c6c-6b27e9afa9bc" providerId="ADAL" clId="{BF04C754-5BF4-4E83-9615-DB14FA25AF8A}" dt="2023-10-12T11:38:20.867" v="298"/>
          <ac:spMkLst>
            <pc:docMk/>
            <pc:sldMk cId="2376958513" sldId="260"/>
            <ac:spMk id="11943" creationId="{A7FECF42-35A1-FABA-3590-3F0F7B4D3F8F}"/>
          </ac:spMkLst>
        </pc:spChg>
        <pc:spChg chg="mod">
          <ac:chgData name="White, Alex" userId="eff6cc8c-37d8-483b-9c6c-6b27e9afa9bc" providerId="ADAL" clId="{BF04C754-5BF4-4E83-9615-DB14FA25AF8A}" dt="2023-10-12T11:38:20.867" v="298"/>
          <ac:spMkLst>
            <pc:docMk/>
            <pc:sldMk cId="2376958513" sldId="260"/>
            <ac:spMk id="11944" creationId="{AF0879ED-3B8D-11F5-033B-DFEC0DCFE546}"/>
          </ac:spMkLst>
        </pc:spChg>
        <pc:spChg chg="mod">
          <ac:chgData name="White, Alex" userId="eff6cc8c-37d8-483b-9c6c-6b27e9afa9bc" providerId="ADAL" clId="{BF04C754-5BF4-4E83-9615-DB14FA25AF8A}" dt="2023-10-12T11:38:20.867" v="298"/>
          <ac:spMkLst>
            <pc:docMk/>
            <pc:sldMk cId="2376958513" sldId="260"/>
            <ac:spMk id="11945" creationId="{0699F93D-CF2B-C16E-F523-DB58508D6354}"/>
          </ac:spMkLst>
        </pc:spChg>
        <pc:spChg chg="mod">
          <ac:chgData name="White, Alex" userId="eff6cc8c-37d8-483b-9c6c-6b27e9afa9bc" providerId="ADAL" clId="{BF04C754-5BF4-4E83-9615-DB14FA25AF8A}" dt="2023-10-12T11:38:20.867" v="298"/>
          <ac:spMkLst>
            <pc:docMk/>
            <pc:sldMk cId="2376958513" sldId="260"/>
            <ac:spMk id="11946" creationId="{7CE1B91A-1F04-3613-6F52-F42D9B21D2E2}"/>
          </ac:spMkLst>
        </pc:spChg>
        <pc:spChg chg="mod">
          <ac:chgData name="White, Alex" userId="eff6cc8c-37d8-483b-9c6c-6b27e9afa9bc" providerId="ADAL" clId="{BF04C754-5BF4-4E83-9615-DB14FA25AF8A}" dt="2023-10-12T11:38:20.867" v="298"/>
          <ac:spMkLst>
            <pc:docMk/>
            <pc:sldMk cId="2376958513" sldId="260"/>
            <ac:spMk id="11947" creationId="{E9A61DE4-C3E5-1FC5-7B2B-5D8A62994613}"/>
          </ac:spMkLst>
        </pc:spChg>
        <pc:spChg chg="mod">
          <ac:chgData name="White, Alex" userId="eff6cc8c-37d8-483b-9c6c-6b27e9afa9bc" providerId="ADAL" clId="{BF04C754-5BF4-4E83-9615-DB14FA25AF8A}" dt="2023-10-12T11:38:20.867" v="298"/>
          <ac:spMkLst>
            <pc:docMk/>
            <pc:sldMk cId="2376958513" sldId="260"/>
            <ac:spMk id="11948" creationId="{4A1AE2F6-672B-103F-947C-7035DE53073B}"/>
          </ac:spMkLst>
        </pc:spChg>
        <pc:spChg chg="mod">
          <ac:chgData name="White, Alex" userId="eff6cc8c-37d8-483b-9c6c-6b27e9afa9bc" providerId="ADAL" clId="{BF04C754-5BF4-4E83-9615-DB14FA25AF8A}" dt="2023-10-12T11:38:20.867" v="298"/>
          <ac:spMkLst>
            <pc:docMk/>
            <pc:sldMk cId="2376958513" sldId="260"/>
            <ac:spMk id="11949" creationId="{EE046463-7221-7D43-9B71-B61A80718387}"/>
          </ac:spMkLst>
        </pc:spChg>
        <pc:spChg chg="mod">
          <ac:chgData name="White, Alex" userId="eff6cc8c-37d8-483b-9c6c-6b27e9afa9bc" providerId="ADAL" clId="{BF04C754-5BF4-4E83-9615-DB14FA25AF8A}" dt="2023-10-12T11:38:20.867" v="298"/>
          <ac:spMkLst>
            <pc:docMk/>
            <pc:sldMk cId="2376958513" sldId="260"/>
            <ac:spMk id="11950" creationId="{60B71A5A-A173-936D-7D99-CE71644EDA2C}"/>
          </ac:spMkLst>
        </pc:spChg>
        <pc:spChg chg="mod">
          <ac:chgData name="White, Alex" userId="eff6cc8c-37d8-483b-9c6c-6b27e9afa9bc" providerId="ADAL" clId="{BF04C754-5BF4-4E83-9615-DB14FA25AF8A}" dt="2023-10-12T11:38:20.867" v="298"/>
          <ac:spMkLst>
            <pc:docMk/>
            <pc:sldMk cId="2376958513" sldId="260"/>
            <ac:spMk id="11951" creationId="{CD1A8002-8D49-8D62-F432-2974EDC949D1}"/>
          </ac:spMkLst>
        </pc:spChg>
        <pc:spChg chg="mod">
          <ac:chgData name="White, Alex" userId="eff6cc8c-37d8-483b-9c6c-6b27e9afa9bc" providerId="ADAL" clId="{BF04C754-5BF4-4E83-9615-DB14FA25AF8A}" dt="2023-10-12T11:38:20.867" v="298"/>
          <ac:spMkLst>
            <pc:docMk/>
            <pc:sldMk cId="2376958513" sldId="260"/>
            <ac:spMk id="11952" creationId="{CC9396CC-2FBF-3B90-39A8-AD1E5334F3A4}"/>
          </ac:spMkLst>
        </pc:spChg>
        <pc:spChg chg="mod">
          <ac:chgData name="White, Alex" userId="eff6cc8c-37d8-483b-9c6c-6b27e9afa9bc" providerId="ADAL" clId="{BF04C754-5BF4-4E83-9615-DB14FA25AF8A}" dt="2023-10-12T11:38:20.867" v="298"/>
          <ac:spMkLst>
            <pc:docMk/>
            <pc:sldMk cId="2376958513" sldId="260"/>
            <ac:spMk id="11953" creationId="{07EF4705-F190-7E0D-9DDB-062EF1C5516A}"/>
          </ac:spMkLst>
        </pc:spChg>
        <pc:spChg chg="mod">
          <ac:chgData name="White, Alex" userId="eff6cc8c-37d8-483b-9c6c-6b27e9afa9bc" providerId="ADAL" clId="{BF04C754-5BF4-4E83-9615-DB14FA25AF8A}" dt="2023-10-12T11:38:20.867" v="298"/>
          <ac:spMkLst>
            <pc:docMk/>
            <pc:sldMk cId="2376958513" sldId="260"/>
            <ac:spMk id="11954" creationId="{35A89CB2-45B4-FA52-C781-56CB467F1A37}"/>
          </ac:spMkLst>
        </pc:spChg>
        <pc:spChg chg="mod">
          <ac:chgData name="White, Alex" userId="eff6cc8c-37d8-483b-9c6c-6b27e9afa9bc" providerId="ADAL" clId="{BF04C754-5BF4-4E83-9615-DB14FA25AF8A}" dt="2023-10-12T11:38:20.867" v="298"/>
          <ac:spMkLst>
            <pc:docMk/>
            <pc:sldMk cId="2376958513" sldId="260"/>
            <ac:spMk id="11955" creationId="{AAC40A7C-E4B7-778A-A28B-BD57535C5EBD}"/>
          </ac:spMkLst>
        </pc:spChg>
        <pc:spChg chg="mod">
          <ac:chgData name="White, Alex" userId="eff6cc8c-37d8-483b-9c6c-6b27e9afa9bc" providerId="ADAL" clId="{BF04C754-5BF4-4E83-9615-DB14FA25AF8A}" dt="2023-10-12T11:38:20.867" v="298"/>
          <ac:spMkLst>
            <pc:docMk/>
            <pc:sldMk cId="2376958513" sldId="260"/>
            <ac:spMk id="11956" creationId="{3D142F5B-FFC4-8997-EEEF-3B62065C59D3}"/>
          </ac:spMkLst>
        </pc:spChg>
        <pc:spChg chg="mod">
          <ac:chgData name="White, Alex" userId="eff6cc8c-37d8-483b-9c6c-6b27e9afa9bc" providerId="ADAL" clId="{BF04C754-5BF4-4E83-9615-DB14FA25AF8A}" dt="2023-10-12T11:38:20.867" v="298"/>
          <ac:spMkLst>
            <pc:docMk/>
            <pc:sldMk cId="2376958513" sldId="260"/>
            <ac:spMk id="11957" creationId="{A91AFCE0-34C0-F37A-1223-04A31BA066BD}"/>
          </ac:spMkLst>
        </pc:spChg>
        <pc:spChg chg="mod">
          <ac:chgData name="White, Alex" userId="eff6cc8c-37d8-483b-9c6c-6b27e9afa9bc" providerId="ADAL" clId="{BF04C754-5BF4-4E83-9615-DB14FA25AF8A}" dt="2023-10-12T11:38:20.867" v="298"/>
          <ac:spMkLst>
            <pc:docMk/>
            <pc:sldMk cId="2376958513" sldId="260"/>
            <ac:spMk id="11958" creationId="{E88508C3-80AF-D8B2-9949-68586BCFD649}"/>
          </ac:spMkLst>
        </pc:spChg>
        <pc:spChg chg="mod">
          <ac:chgData name="White, Alex" userId="eff6cc8c-37d8-483b-9c6c-6b27e9afa9bc" providerId="ADAL" clId="{BF04C754-5BF4-4E83-9615-DB14FA25AF8A}" dt="2023-10-12T11:38:20.867" v="298"/>
          <ac:spMkLst>
            <pc:docMk/>
            <pc:sldMk cId="2376958513" sldId="260"/>
            <ac:spMk id="11959" creationId="{44E224C3-B308-2355-A698-6F735CCF4643}"/>
          </ac:spMkLst>
        </pc:spChg>
        <pc:spChg chg="mod">
          <ac:chgData name="White, Alex" userId="eff6cc8c-37d8-483b-9c6c-6b27e9afa9bc" providerId="ADAL" clId="{BF04C754-5BF4-4E83-9615-DB14FA25AF8A}" dt="2023-10-12T11:38:20.867" v="298"/>
          <ac:spMkLst>
            <pc:docMk/>
            <pc:sldMk cId="2376958513" sldId="260"/>
            <ac:spMk id="11960" creationId="{E440395A-3F80-D730-E9C1-46D7DB536B6D}"/>
          </ac:spMkLst>
        </pc:spChg>
        <pc:spChg chg="mod">
          <ac:chgData name="White, Alex" userId="eff6cc8c-37d8-483b-9c6c-6b27e9afa9bc" providerId="ADAL" clId="{BF04C754-5BF4-4E83-9615-DB14FA25AF8A}" dt="2023-10-12T11:38:20.867" v="298"/>
          <ac:spMkLst>
            <pc:docMk/>
            <pc:sldMk cId="2376958513" sldId="260"/>
            <ac:spMk id="11961" creationId="{D91F8F25-CE05-5A82-AC31-EA9A6730D0F0}"/>
          </ac:spMkLst>
        </pc:spChg>
        <pc:spChg chg="mod">
          <ac:chgData name="White, Alex" userId="eff6cc8c-37d8-483b-9c6c-6b27e9afa9bc" providerId="ADAL" clId="{BF04C754-5BF4-4E83-9615-DB14FA25AF8A}" dt="2023-10-12T11:38:20.867" v="298"/>
          <ac:spMkLst>
            <pc:docMk/>
            <pc:sldMk cId="2376958513" sldId="260"/>
            <ac:spMk id="11962" creationId="{632C4729-273E-587C-747B-956808E44F7A}"/>
          </ac:spMkLst>
        </pc:spChg>
        <pc:spChg chg="mod">
          <ac:chgData name="White, Alex" userId="eff6cc8c-37d8-483b-9c6c-6b27e9afa9bc" providerId="ADAL" clId="{BF04C754-5BF4-4E83-9615-DB14FA25AF8A}" dt="2023-10-12T11:38:20.867" v="298"/>
          <ac:spMkLst>
            <pc:docMk/>
            <pc:sldMk cId="2376958513" sldId="260"/>
            <ac:spMk id="11963" creationId="{A46A7D2E-AB2F-8AB2-17F8-C8F59B74FAD3}"/>
          </ac:spMkLst>
        </pc:spChg>
        <pc:spChg chg="mod">
          <ac:chgData name="White, Alex" userId="eff6cc8c-37d8-483b-9c6c-6b27e9afa9bc" providerId="ADAL" clId="{BF04C754-5BF4-4E83-9615-DB14FA25AF8A}" dt="2023-10-12T11:38:20.867" v="298"/>
          <ac:spMkLst>
            <pc:docMk/>
            <pc:sldMk cId="2376958513" sldId="260"/>
            <ac:spMk id="11964" creationId="{B5AF6904-A938-10F5-DB52-254276B3AC30}"/>
          </ac:spMkLst>
        </pc:spChg>
        <pc:spChg chg="mod">
          <ac:chgData name="White, Alex" userId="eff6cc8c-37d8-483b-9c6c-6b27e9afa9bc" providerId="ADAL" clId="{BF04C754-5BF4-4E83-9615-DB14FA25AF8A}" dt="2023-10-12T11:38:20.867" v="298"/>
          <ac:spMkLst>
            <pc:docMk/>
            <pc:sldMk cId="2376958513" sldId="260"/>
            <ac:spMk id="11965" creationId="{FB51D7AC-C0A6-9330-C65D-668EE0D19B91}"/>
          </ac:spMkLst>
        </pc:spChg>
        <pc:spChg chg="mod">
          <ac:chgData name="White, Alex" userId="eff6cc8c-37d8-483b-9c6c-6b27e9afa9bc" providerId="ADAL" clId="{BF04C754-5BF4-4E83-9615-DB14FA25AF8A}" dt="2023-10-12T11:38:20.867" v="298"/>
          <ac:spMkLst>
            <pc:docMk/>
            <pc:sldMk cId="2376958513" sldId="260"/>
            <ac:spMk id="11966" creationId="{B97CA6F7-4D15-D1F8-5205-B0FF4DE244A2}"/>
          </ac:spMkLst>
        </pc:spChg>
        <pc:spChg chg="mod">
          <ac:chgData name="White, Alex" userId="eff6cc8c-37d8-483b-9c6c-6b27e9afa9bc" providerId="ADAL" clId="{BF04C754-5BF4-4E83-9615-DB14FA25AF8A}" dt="2023-10-12T11:38:20.867" v="298"/>
          <ac:spMkLst>
            <pc:docMk/>
            <pc:sldMk cId="2376958513" sldId="260"/>
            <ac:spMk id="11967" creationId="{4F1F348E-EDD3-F575-36E3-B97AC40B6C50}"/>
          </ac:spMkLst>
        </pc:spChg>
        <pc:spChg chg="mod">
          <ac:chgData name="White, Alex" userId="eff6cc8c-37d8-483b-9c6c-6b27e9afa9bc" providerId="ADAL" clId="{BF04C754-5BF4-4E83-9615-DB14FA25AF8A}" dt="2023-10-12T11:38:20.867" v="298"/>
          <ac:spMkLst>
            <pc:docMk/>
            <pc:sldMk cId="2376958513" sldId="260"/>
            <ac:spMk id="11968" creationId="{69C11C79-32B8-98C6-6972-AAA72F37AACE}"/>
          </ac:spMkLst>
        </pc:spChg>
        <pc:spChg chg="mod">
          <ac:chgData name="White, Alex" userId="eff6cc8c-37d8-483b-9c6c-6b27e9afa9bc" providerId="ADAL" clId="{BF04C754-5BF4-4E83-9615-DB14FA25AF8A}" dt="2023-10-12T11:38:20.867" v="298"/>
          <ac:spMkLst>
            <pc:docMk/>
            <pc:sldMk cId="2376958513" sldId="260"/>
            <ac:spMk id="11969" creationId="{C24D7873-AD15-EB5A-D870-24F16E8CD46E}"/>
          </ac:spMkLst>
        </pc:spChg>
        <pc:spChg chg="mod">
          <ac:chgData name="White, Alex" userId="eff6cc8c-37d8-483b-9c6c-6b27e9afa9bc" providerId="ADAL" clId="{BF04C754-5BF4-4E83-9615-DB14FA25AF8A}" dt="2023-10-12T11:38:20.867" v="298"/>
          <ac:spMkLst>
            <pc:docMk/>
            <pc:sldMk cId="2376958513" sldId="260"/>
            <ac:spMk id="11970" creationId="{42C89BEE-0215-2029-6395-D235D410370C}"/>
          </ac:spMkLst>
        </pc:spChg>
        <pc:spChg chg="mod">
          <ac:chgData name="White, Alex" userId="eff6cc8c-37d8-483b-9c6c-6b27e9afa9bc" providerId="ADAL" clId="{BF04C754-5BF4-4E83-9615-DB14FA25AF8A}" dt="2023-10-12T11:38:20.867" v="298"/>
          <ac:spMkLst>
            <pc:docMk/>
            <pc:sldMk cId="2376958513" sldId="260"/>
            <ac:spMk id="11971" creationId="{10F6A343-7475-CF4E-4B9C-27AC069FE9B7}"/>
          </ac:spMkLst>
        </pc:spChg>
        <pc:spChg chg="mod">
          <ac:chgData name="White, Alex" userId="eff6cc8c-37d8-483b-9c6c-6b27e9afa9bc" providerId="ADAL" clId="{BF04C754-5BF4-4E83-9615-DB14FA25AF8A}" dt="2023-10-12T11:38:20.867" v="298"/>
          <ac:spMkLst>
            <pc:docMk/>
            <pc:sldMk cId="2376958513" sldId="260"/>
            <ac:spMk id="11972" creationId="{410595A1-E9B4-1F1D-E546-AC164E8D9AD7}"/>
          </ac:spMkLst>
        </pc:spChg>
        <pc:spChg chg="mod">
          <ac:chgData name="White, Alex" userId="eff6cc8c-37d8-483b-9c6c-6b27e9afa9bc" providerId="ADAL" clId="{BF04C754-5BF4-4E83-9615-DB14FA25AF8A}" dt="2023-10-12T11:38:20.867" v="298"/>
          <ac:spMkLst>
            <pc:docMk/>
            <pc:sldMk cId="2376958513" sldId="260"/>
            <ac:spMk id="11973" creationId="{30DDDC41-E320-F62F-D014-3177BC527B57}"/>
          </ac:spMkLst>
        </pc:spChg>
        <pc:spChg chg="mod">
          <ac:chgData name="White, Alex" userId="eff6cc8c-37d8-483b-9c6c-6b27e9afa9bc" providerId="ADAL" clId="{BF04C754-5BF4-4E83-9615-DB14FA25AF8A}" dt="2023-10-12T11:38:20.867" v="298"/>
          <ac:spMkLst>
            <pc:docMk/>
            <pc:sldMk cId="2376958513" sldId="260"/>
            <ac:spMk id="11974" creationId="{80E505D0-9C75-9650-D9E1-1507D2BB2433}"/>
          </ac:spMkLst>
        </pc:spChg>
        <pc:spChg chg="mod">
          <ac:chgData name="White, Alex" userId="eff6cc8c-37d8-483b-9c6c-6b27e9afa9bc" providerId="ADAL" clId="{BF04C754-5BF4-4E83-9615-DB14FA25AF8A}" dt="2023-10-12T11:38:20.867" v="298"/>
          <ac:spMkLst>
            <pc:docMk/>
            <pc:sldMk cId="2376958513" sldId="260"/>
            <ac:spMk id="11975" creationId="{090E8B60-3BC2-8501-21DD-327C661D8558}"/>
          </ac:spMkLst>
        </pc:spChg>
        <pc:spChg chg="mod">
          <ac:chgData name="White, Alex" userId="eff6cc8c-37d8-483b-9c6c-6b27e9afa9bc" providerId="ADAL" clId="{BF04C754-5BF4-4E83-9615-DB14FA25AF8A}" dt="2023-10-12T11:38:20.867" v="298"/>
          <ac:spMkLst>
            <pc:docMk/>
            <pc:sldMk cId="2376958513" sldId="260"/>
            <ac:spMk id="11976" creationId="{A1778A89-44D5-B580-FA52-61B855840920}"/>
          </ac:spMkLst>
        </pc:spChg>
        <pc:spChg chg="mod">
          <ac:chgData name="White, Alex" userId="eff6cc8c-37d8-483b-9c6c-6b27e9afa9bc" providerId="ADAL" clId="{BF04C754-5BF4-4E83-9615-DB14FA25AF8A}" dt="2023-10-12T11:38:20.867" v="298"/>
          <ac:spMkLst>
            <pc:docMk/>
            <pc:sldMk cId="2376958513" sldId="260"/>
            <ac:spMk id="11977" creationId="{3FF13BE5-898E-EF80-9642-BCD15C6E59D5}"/>
          </ac:spMkLst>
        </pc:spChg>
        <pc:spChg chg="mod">
          <ac:chgData name="White, Alex" userId="eff6cc8c-37d8-483b-9c6c-6b27e9afa9bc" providerId="ADAL" clId="{BF04C754-5BF4-4E83-9615-DB14FA25AF8A}" dt="2023-10-12T11:38:20.867" v="298"/>
          <ac:spMkLst>
            <pc:docMk/>
            <pc:sldMk cId="2376958513" sldId="260"/>
            <ac:spMk id="11978" creationId="{2EDC81B5-B60B-9A25-01A4-54FB061572C6}"/>
          </ac:spMkLst>
        </pc:spChg>
        <pc:spChg chg="mod">
          <ac:chgData name="White, Alex" userId="eff6cc8c-37d8-483b-9c6c-6b27e9afa9bc" providerId="ADAL" clId="{BF04C754-5BF4-4E83-9615-DB14FA25AF8A}" dt="2023-10-12T11:38:20.867" v="298"/>
          <ac:spMkLst>
            <pc:docMk/>
            <pc:sldMk cId="2376958513" sldId="260"/>
            <ac:spMk id="11979" creationId="{B1899497-0E2A-41CA-8744-2166BB3FB75A}"/>
          </ac:spMkLst>
        </pc:spChg>
        <pc:spChg chg="mod">
          <ac:chgData name="White, Alex" userId="eff6cc8c-37d8-483b-9c6c-6b27e9afa9bc" providerId="ADAL" clId="{BF04C754-5BF4-4E83-9615-DB14FA25AF8A}" dt="2023-10-12T11:38:20.867" v="298"/>
          <ac:spMkLst>
            <pc:docMk/>
            <pc:sldMk cId="2376958513" sldId="260"/>
            <ac:spMk id="11980" creationId="{828A615B-1AAA-88E4-9331-E3595BF5A674}"/>
          </ac:spMkLst>
        </pc:spChg>
        <pc:spChg chg="mod">
          <ac:chgData name="White, Alex" userId="eff6cc8c-37d8-483b-9c6c-6b27e9afa9bc" providerId="ADAL" clId="{BF04C754-5BF4-4E83-9615-DB14FA25AF8A}" dt="2023-10-12T11:38:20.867" v="298"/>
          <ac:spMkLst>
            <pc:docMk/>
            <pc:sldMk cId="2376958513" sldId="260"/>
            <ac:spMk id="11981" creationId="{6194187F-7B56-DC05-D740-44B8A33842B3}"/>
          </ac:spMkLst>
        </pc:spChg>
        <pc:spChg chg="mod">
          <ac:chgData name="White, Alex" userId="eff6cc8c-37d8-483b-9c6c-6b27e9afa9bc" providerId="ADAL" clId="{BF04C754-5BF4-4E83-9615-DB14FA25AF8A}" dt="2023-10-12T11:38:20.867" v="298"/>
          <ac:spMkLst>
            <pc:docMk/>
            <pc:sldMk cId="2376958513" sldId="260"/>
            <ac:spMk id="11982" creationId="{837E5EFD-D4E3-CB93-502F-BCBFCDE3754D}"/>
          </ac:spMkLst>
        </pc:spChg>
        <pc:spChg chg="mod">
          <ac:chgData name="White, Alex" userId="eff6cc8c-37d8-483b-9c6c-6b27e9afa9bc" providerId="ADAL" clId="{BF04C754-5BF4-4E83-9615-DB14FA25AF8A}" dt="2023-10-12T11:38:20.867" v="298"/>
          <ac:spMkLst>
            <pc:docMk/>
            <pc:sldMk cId="2376958513" sldId="260"/>
            <ac:spMk id="11983" creationId="{45D0BA47-7FEF-2039-DE1F-39E1F199E770}"/>
          </ac:spMkLst>
        </pc:spChg>
        <pc:spChg chg="mod">
          <ac:chgData name="White, Alex" userId="eff6cc8c-37d8-483b-9c6c-6b27e9afa9bc" providerId="ADAL" clId="{BF04C754-5BF4-4E83-9615-DB14FA25AF8A}" dt="2023-10-12T11:38:20.867" v="298"/>
          <ac:spMkLst>
            <pc:docMk/>
            <pc:sldMk cId="2376958513" sldId="260"/>
            <ac:spMk id="11984" creationId="{AE4BDE59-0477-5F10-D7AA-C7E4166A18FF}"/>
          </ac:spMkLst>
        </pc:spChg>
        <pc:spChg chg="mod">
          <ac:chgData name="White, Alex" userId="eff6cc8c-37d8-483b-9c6c-6b27e9afa9bc" providerId="ADAL" clId="{BF04C754-5BF4-4E83-9615-DB14FA25AF8A}" dt="2023-10-12T11:38:20.867" v="298"/>
          <ac:spMkLst>
            <pc:docMk/>
            <pc:sldMk cId="2376958513" sldId="260"/>
            <ac:spMk id="11985" creationId="{3A1F793A-B04D-1242-BE1F-B3778766A6E9}"/>
          </ac:spMkLst>
        </pc:spChg>
        <pc:spChg chg="mod">
          <ac:chgData name="White, Alex" userId="eff6cc8c-37d8-483b-9c6c-6b27e9afa9bc" providerId="ADAL" clId="{BF04C754-5BF4-4E83-9615-DB14FA25AF8A}" dt="2023-10-12T11:38:20.867" v="298"/>
          <ac:spMkLst>
            <pc:docMk/>
            <pc:sldMk cId="2376958513" sldId="260"/>
            <ac:spMk id="11986" creationId="{3A3F2EA6-E9C8-D1BA-5AB9-F992FD49DA06}"/>
          </ac:spMkLst>
        </pc:spChg>
        <pc:spChg chg="mod">
          <ac:chgData name="White, Alex" userId="eff6cc8c-37d8-483b-9c6c-6b27e9afa9bc" providerId="ADAL" clId="{BF04C754-5BF4-4E83-9615-DB14FA25AF8A}" dt="2023-10-12T11:38:20.867" v="298"/>
          <ac:spMkLst>
            <pc:docMk/>
            <pc:sldMk cId="2376958513" sldId="260"/>
            <ac:spMk id="11987" creationId="{D99B6B47-114E-8FF4-4884-1C4981A966D4}"/>
          </ac:spMkLst>
        </pc:spChg>
        <pc:spChg chg="mod">
          <ac:chgData name="White, Alex" userId="eff6cc8c-37d8-483b-9c6c-6b27e9afa9bc" providerId="ADAL" clId="{BF04C754-5BF4-4E83-9615-DB14FA25AF8A}" dt="2023-10-12T11:38:20.867" v="298"/>
          <ac:spMkLst>
            <pc:docMk/>
            <pc:sldMk cId="2376958513" sldId="260"/>
            <ac:spMk id="11988" creationId="{6C73EBD2-EF36-185C-4F7F-5AA654470DC6}"/>
          </ac:spMkLst>
        </pc:spChg>
        <pc:spChg chg="mod">
          <ac:chgData name="White, Alex" userId="eff6cc8c-37d8-483b-9c6c-6b27e9afa9bc" providerId="ADAL" clId="{BF04C754-5BF4-4E83-9615-DB14FA25AF8A}" dt="2023-10-12T11:38:20.867" v="298"/>
          <ac:spMkLst>
            <pc:docMk/>
            <pc:sldMk cId="2376958513" sldId="260"/>
            <ac:spMk id="11989" creationId="{724ECB27-5418-DDEF-378D-25732ACF6620}"/>
          </ac:spMkLst>
        </pc:spChg>
        <pc:spChg chg="mod">
          <ac:chgData name="White, Alex" userId="eff6cc8c-37d8-483b-9c6c-6b27e9afa9bc" providerId="ADAL" clId="{BF04C754-5BF4-4E83-9615-DB14FA25AF8A}" dt="2023-10-12T11:38:20.867" v="298"/>
          <ac:spMkLst>
            <pc:docMk/>
            <pc:sldMk cId="2376958513" sldId="260"/>
            <ac:spMk id="11990" creationId="{C07E5D09-DADA-FF7B-A317-5F44B598AC41}"/>
          </ac:spMkLst>
        </pc:spChg>
        <pc:spChg chg="mod">
          <ac:chgData name="White, Alex" userId="eff6cc8c-37d8-483b-9c6c-6b27e9afa9bc" providerId="ADAL" clId="{BF04C754-5BF4-4E83-9615-DB14FA25AF8A}" dt="2023-10-12T11:38:20.867" v="298"/>
          <ac:spMkLst>
            <pc:docMk/>
            <pc:sldMk cId="2376958513" sldId="260"/>
            <ac:spMk id="11991" creationId="{3411A6D7-D248-F50F-6BB5-54572B059B38}"/>
          </ac:spMkLst>
        </pc:spChg>
        <pc:spChg chg="mod">
          <ac:chgData name="White, Alex" userId="eff6cc8c-37d8-483b-9c6c-6b27e9afa9bc" providerId="ADAL" clId="{BF04C754-5BF4-4E83-9615-DB14FA25AF8A}" dt="2023-10-12T11:38:20.867" v="298"/>
          <ac:spMkLst>
            <pc:docMk/>
            <pc:sldMk cId="2376958513" sldId="260"/>
            <ac:spMk id="11992" creationId="{50992A2D-69E4-1AB7-690A-0CE2A0696420}"/>
          </ac:spMkLst>
        </pc:spChg>
        <pc:spChg chg="mod">
          <ac:chgData name="White, Alex" userId="eff6cc8c-37d8-483b-9c6c-6b27e9afa9bc" providerId="ADAL" clId="{BF04C754-5BF4-4E83-9615-DB14FA25AF8A}" dt="2023-10-12T11:38:20.867" v="298"/>
          <ac:spMkLst>
            <pc:docMk/>
            <pc:sldMk cId="2376958513" sldId="260"/>
            <ac:spMk id="11993" creationId="{D1715B0D-7BBD-17CF-C8A0-FE658454A5BE}"/>
          </ac:spMkLst>
        </pc:spChg>
        <pc:spChg chg="mod">
          <ac:chgData name="White, Alex" userId="eff6cc8c-37d8-483b-9c6c-6b27e9afa9bc" providerId="ADAL" clId="{BF04C754-5BF4-4E83-9615-DB14FA25AF8A}" dt="2023-10-12T11:38:20.867" v="298"/>
          <ac:spMkLst>
            <pc:docMk/>
            <pc:sldMk cId="2376958513" sldId="260"/>
            <ac:spMk id="11994" creationId="{17DBEE89-8CD0-2956-121F-00D6A87BED85}"/>
          </ac:spMkLst>
        </pc:spChg>
        <pc:spChg chg="mod">
          <ac:chgData name="White, Alex" userId="eff6cc8c-37d8-483b-9c6c-6b27e9afa9bc" providerId="ADAL" clId="{BF04C754-5BF4-4E83-9615-DB14FA25AF8A}" dt="2023-10-12T11:38:20.867" v="298"/>
          <ac:spMkLst>
            <pc:docMk/>
            <pc:sldMk cId="2376958513" sldId="260"/>
            <ac:spMk id="11995" creationId="{C3D375CB-4266-0CBB-C16C-57F2B9159A43}"/>
          </ac:spMkLst>
        </pc:spChg>
        <pc:spChg chg="mod">
          <ac:chgData name="White, Alex" userId="eff6cc8c-37d8-483b-9c6c-6b27e9afa9bc" providerId="ADAL" clId="{BF04C754-5BF4-4E83-9615-DB14FA25AF8A}" dt="2023-10-12T11:38:20.867" v="298"/>
          <ac:spMkLst>
            <pc:docMk/>
            <pc:sldMk cId="2376958513" sldId="260"/>
            <ac:spMk id="11996" creationId="{C4F6D68E-A8D6-BA82-1C60-28575BAFE76E}"/>
          </ac:spMkLst>
        </pc:spChg>
        <pc:spChg chg="mod">
          <ac:chgData name="White, Alex" userId="eff6cc8c-37d8-483b-9c6c-6b27e9afa9bc" providerId="ADAL" clId="{BF04C754-5BF4-4E83-9615-DB14FA25AF8A}" dt="2023-10-12T11:38:20.867" v="298"/>
          <ac:spMkLst>
            <pc:docMk/>
            <pc:sldMk cId="2376958513" sldId="260"/>
            <ac:spMk id="11997" creationId="{0012480B-83F7-DE37-2FB5-1677ED6B8ECC}"/>
          </ac:spMkLst>
        </pc:spChg>
        <pc:spChg chg="mod">
          <ac:chgData name="White, Alex" userId="eff6cc8c-37d8-483b-9c6c-6b27e9afa9bc" providerId="ADAL" clId="{BF04C754-5BF4-4E83-9615-DB14FA25AF8A}" dt="2023-10-12T11:38:20.867" v="298"/>
          <ac:spMkLst>
            <pc:docMk/>
            <pc:sldMk cId="2376958513" sldId="260"/>
            <ac:spMk id="11998" creationId="{1D94BBB8-412D-2898-9B04-B8BA5ABB1CC6}"/>
          </ac:spMkLst>
        </pc:spChg>
        <pc:spChg chg="mod">
          <ac:chgData name="White, Alex" userId="eff6cc8c-37d8-483b-9c6c-6b27e9afa9bc" providerId="ADAL" clId="{BF04C754-5BF4-4E83-9615-DB14FA25AF8A}" dt="2023-10-12T11:38:20.867" v="298"/>
          <ac:spMkLst>
            <pc:docMk/>
            <pc:sldMk cId="2376958513" sldId="260"/>
            <ac:spMk id="11999" creationId="{5F74ADE5-A51C-0C5D-EEDA-A13ED983E83A}"/>
          </ac:spMkLst>
        </pc:spChg>
        <pc:spChg chg="mod">
          <ac:chgData name="White, Alex" userId="eff6cc8c-37d8-483b-9c6c-6b27e9afa9bc" providerId="ADAL" clId="{BF04C754-5BF4-4E83-9615-DB14FA25AF8A}" dt="2023-10-12T11:38:20.867" v="298"/>
          <ac:spMkLst>
            <pc:docMk/>
            <pc:sldMk cId="2376958513" sldId="260"/>
            <ac:spMk id="12000" creationId="{EF76939B-6205-7EBE-A744-DAC3B2026496}"/>
          </ac:spMkLst>
        </pc:spChg>
        <pc:spChg chg="mod">
          <ac:chgData name="White, Alex" userId="eff6cc8c-37d8-483b-9c6c-6b27e9afa9bc" providerId="ADAL" clId="{BF04C754-5BF4-4E83-9615-DB14FA25AF8A}" dt="2023-10-12T11:38:20.867" v="298"/>
          <ac:spMkLst>
            <pc:docMk/>
            <pc:sldMk cId="2376958513" sldId="260"/>
            <ac:spMk id="12001" creationId="{F408B7CE-69B2-56E5-1A52-F614785D81FC}"/>
          </ac:spMkLst>
        </pc:spChg>
        <pc:spChg chg="mod">
          <ac:chgData name="White, Alex" userId="eff6cc8c-37d8-483b-9c6c-6b27e9afa9bc" providerId="ADAL" clId="{BF04C754-5BF4-4E83-9615-DB14FA25AF8A}" dt="2023-10-12T11:38:20.867" v="298"/>
          <ac:spMkLst>
            <pc:docMk/>
            <pc:sldMk cId="2376958513" sldId="260"/>
            <ac:spMk id="12002" creationId="{D8AF5EDD-6743-87A2-D983-4C570DDF2414}"/>
          </ac:spMkLst>
        </pc:spChg>
        <pc:spChg chg="mod">
          <ac:chgData name="White, Alex" userId="eff6cc8c-37d8-483b-9c6c-6b27e9afa9bc" providerId="ADAL" clId="{BF04C754-5BF4-4E83-9615-DB14FA25AF8A}" dt="2023-10-12T11:38:20.867" v="298"/>
          <ac:spMkLst>
            <pc:docMk/>
            <pc:sldMk cId="2376958513" sldId="260"/>
            <ac:spMk id="12003" creationId="{D8DAFEE6-CA39-CDE7-6B28-5646FBCC2BFB}"/>
          </ac:spMkLst>
        </pc:spChg>
        <pc:spChg chg="mod">
          <ac:chgData name="White, Alex" userId="eff6cc8c-37d8-483b-9c6c-6b27e9afa9bc" providerId="ADAL" clId="{BF04C754-5BF4-4E83-9615-DB14FA25AF8A}" dt="2023-10-12T11:38:20.867" v="298"/>
          <ac:spMkLst>
            <pc:docMk/>
            <pc:sldMk cId="2376958513" sldId="260"/>
            <ac:spMk id="12004" creationId="{A9BB7D18-07AF-473A-8930-B6F3942B73B4}"/>
          </ac:spMkLst>
        </pc:spChg>
        <pc:spChg chg="mod">
          <ac:chgData name="White, Alex" userId="eff6cc8c-37d8-483b-9c6c-6b27e9afa9bc" providerId="ADAL" clId="{BF04C754-5BF4-4E83-9615-DB14FA25AF8A}" dt="2023-10-12T11:38:20.867" v="298"/>
          <ac:spMkLst>
            <pc:docMk/>
            <pc:sldMk cId="2376958513" sldId="260"/>
            <ac:spMk id="12005" creationId="{FE826572-5A69-353F-7322-D8D7E78D7702}"/>
          </ac:spMkLst>
        </pc:spChg>
        <pc:spChg chg="mod">
          <ac:chgData name="White, Alex" userId="eff6cc8c-37d8-483b-9c6c-6b27e9afa9bc" providerId="ADAL" clId="{BF04C754-5BF4-4E83-9615-DB14FA25AF8A}" dt="2023-10-12T11:38:20.867" v="298"/>
          <ac:spMkLst>
            <pc:docMk/>
            <pc:sldMk cId="2376958513" sldId="260"/>
            <ac:spMk id="12006" creationId="{4DE169FF-126A-3DC1-238A-7F7716E8BF27}"/>
          </ac:spMkLst>
        </pc:spChg>
        <pc:spChg chg="mod">
          <ac:chgData name="White, Alex" userId="eff6cc8c-37d8-483b-9c6c-6b27e9afa9bc" providerId="ADAL" clId="{BF04C754-5BF4-4E83-9615-DB14FA25AF8A}" dt="2023-10-12T11:38:20.867" v="298"/>
          <ac:spMkLst>
            <pc:docMk/>
            <pc:sldMk cId="2376958513" sldId="260"/>
            <ac:spMk id="12007" creationId="{7BB9214B-23B7-D61D-25B8-4CA537075210}"/>
          </ac:spMkLst>
        </pc:spChg>
        <pc:spChg chg="mod">
          <ac:chgData name="White, Alex" userId="eff6cc8c-37d8-483b-9c6c-6b27e9afa9bc" providerId="ADAL" clId="{BF04C754-5BF4-4E83-9615-DB14FA25AF8A}" dt="2023-10-12T11:38:20.867" v="298"/>
          <ac:spMkLst>
            <pc:docMk/>
            <pc:sldMk cId="2376958513" sldId="260"/>
            <ac:spMk id="12008" creationId="{12C128FF-9FDF-1E69-0912-6D6AEB5182F8}"/>
          </ac:spMkLst>
        </pc:spChg>
        <pc:spChg chg="mod">
          <ac:chgData name="White, Alex" userId="eff6cc8c-37d8-483b-9c6c-6b27e9afa9bc" providerId="ADAL" clId="{BF04C754-5BF4-4E83-9615-DB14FA25AF8A}" dt="2023-10-12T11:38:20.867" v="298"/>
          <ac:spMkLst>
            <pc:docMk/>
            <pc:sldMk cId="2376958513" sldId="260"/>
            <ac:spMk id="12009" creationId="{AB7E70F1-B7F7-F383-8131-39BB6B92DA94}"/>
          </ac:spMkLst>
        </pc:spChg>
        <pc:spChg chg="mod">
          <ac:chgData name="White, Alex" userId="eff6cc8c-37d8-483b-9c6c-6b27e9afa9bc" providerId="ADAL" clId="{BF04C754-5BF4-4E83-9615-DB14FA25AF8A}" dt="2023-10-12T11:38:20.867" v="298"/>
          <ac:spMkLst>
            <pc:docMk/>
            <pc:sldMk cId="2376958513" sldId="260"/>
            <ac:spMk id="12010" creationId="{B5A8A2B0-BD7B-2446-77EA-A96F5AA97CE9}"/>
          </ac:spMkLst>
        </pc:spChg>
        <pc:spChg chg="mod">
          <ac:chgData name="White, Alex" userId="eff6cc8c-37d8-483b-9c6c-6b27e9afa9bc" providerId="ADAL" clId="{BF04C754-5BF4-4E83-9615-DB14FA25AF8A}" dt="2023-10-12T11:38:20.867" v="298"/>
          <ac:spMkLst>
            <pc:docMk/>
            <pc:sldMk cId="2376958513" sldId="260"/>
            <ac:spMk id="12011" creationId="{968A9640-48B7-6C13-23C5-1DF00622AFF7}"/>
          </ac:spMkLst>
        </pc:spChg>
        <pc:spChg chg="mod">
          <ac:chgData name="White, Alex" userId="eff6cc8c-37d8-483b-9c6c-6b27e9afa9bc" providerId="ADAL" clId="{BF04C754-5BF4-4E83-9615-DB14FA25AF8A}" dt="2023-10-12T11:38:20.867" v="298"/>
          <ac:spMkLst>
            <pc:docMk/>
            <pc:sldMk cId="2376958513" sldId="260"/>
            <ac:spMk id="12012" creationId="{2BE0D1F8-32A2-24B1-1106-15F527394B7A}"/>
          </ac:spMkLst>
        </pc:spChg>
        <pc:spChg chg="mod">
          <ac:chgData name="White, Alex" userId="eff6cc8c-37d8-483b-9c6c-6b27e9afa9bc" providerId="ADAL" clId="{BF04C754-5BF4-4E83-9615-DB14FA25AF8A}" dt="2023-10-12T11:38:20.867" v="298"/>
          <ac:spMkLst>
            <pc:docMk/>
            <pc:sldMk cId="2376958513" sldId="260"/>
            <ac:spMk id="12013" creationId="{D1D6FF2C-B739-B236-C061-2996195276E9}"/>
          </ac:spMkLst>
        </pc:spChg>
        <pc:spChg chg="mod">
          <ac:chgData name="White, Alex" userId="eff6cc8c-37d8-483b-9c6c-6b27e9afa9bc" providerId="ADAL" clId="{BF04C754-5BF4-4E83-9615-DB14FA25AF8A}" dt="2023-10-12T11:38:20.867" v="298"/>
          <ac:spMkLst>
            <pc:docMk/>
            <pc:sldMk cId="2376958513" sldId="260"/>
            <ac:spMk id="12014" creationId="{2993C540-5003-EF7C-15F3-589BF683A483}"/>
          </ac:spMkLst>
        </pc:spChg>
        <pc:spChg chg="mod">
          <ac:chgData name="White, Alex" userId="eff6cc8c-37d8-483b-9c6c-6b27e9afa9bc" providerId="ADAL" clId="{BF04C754-5BF4-4E83-9615-DB14FA25AF8A}" dt="2023-10-12T11:38:20.867" v="298"/>
          <ac:spMkLst>
            <pc:docMk/>
            <pc:sldMk cId="2376958513" sldId="260"/>
            <ac:spMk id="12015" creationId="{1F21B5EF-583C-2130-AA51-9E1B4F9FC399}"/>
          </ac:spMkLst>
        </pc:spChg>
        <pc:spChg chg="mod">
          <ac:chgData name="White, Alex" userId="eff6cc8c-37d8-483b-9c6c-6b27e9afa9bc" providerId="ADAL" clId="{BF04C754-5BF4-4E83-9615-DB14FA25AF8A}" dt="2023-10-12T11:38:20.867" v="298"/>
          <ac:spMkLst>
            <pc:docMk/>
            <pc:sldMk cId="2376958513" sldId="260"/>
            <ac:spMk id="12016" creationId="{675FAC10-D658-3860-B2D1-0707D2CDDE5B}"/>
          </ac:spMkLst>
        </pc:spChg>
        <pc:spChg chg="mod">
          <ac:chgData name="White, Alex" userId="eff6cc8c-37d8-483b-9c6c-6b27e9afa9bc" providerId="ADAL" clId="{BF04C754-5BF4-4E83-9615-DB14FA25AF8A}" dt="2023-10-12T11:38:20.867" v="298"/>
          <ac:spMkLst>
            <pc:docMk/>
            <pc:sldMk cId="2376958513" sldId="260"/>
            <ac:spMk id="12017" creationId="{450A6792-1B07-D22B-0C13-D80ADA9BF280}"/>
          </ac:spMkLst>
        </pc:spChg>
        <pc:spChg chg="mod">
          <ac:chgData name="White, Alex" userId="eff6cc8c-37d8-483b-9c6c-6b27e9afa9bc" providerId="ADAL" clId="{BF04C754-5BF4-4E83-9615-DB14FA25AF8A}" dt="2023-10-12T11:38:20.867" v="298"/>
          <ac:spMkLst>
            <pc:docMk/>
            <pc:sldMk cId="2376958513" sldId="260"/>
            <ac:spMk id="12018" creationId="{A4011B34-7D15-C220-F6E7-C563F195D80B}"/>
          </ac:spMkLst>
        </pc:spChg>
        <pc:spChg chg="mod">
          <ac:chgData name="White, Alex" userId="eff6cc8c-37d8-483b-9c6c-6b27e9afa9bc" providerId="ADAL" clId="{BF04C754-5BF4-4E83-9615-DB14FA25AF8A}" dt="2023-10-12T11:38:20.867" v="298"/>
          <ac:spMkLst>
            <pc:docMk/>
            <pc:sldMk cId="2376958513" sldId="260"/>
            <ac:spMk id="12019" creationId="{E92956E6-C743-BD8A-C5A1-BE1F2660B090}"/>
          </ac:spMkLst>
        </pc:spChg>
        <pc:spChg chg="mod">
          <ac:chgData name="White, Alex" userId="eff6cc8c-37d8-483b-9c6c-6b27e9afa9bc" providerId="ADAL" clId="{BF04C754-5BF4-4E83-9615-DB14FA25AF8A}" dt="2023-10-12T11:38:20.867" v="298"/>
          <ac:spMkLst>
            <pc:docMk/>
            <pc:sldMk cId="2376958513" sldId="260"/>
            <ac:spMk id="12020" creationId="{904453A1-FF5B-7FC1-4052-12413BD2C7D8}"/>
          </ac:spMkLst>
        </pc:spChg>
        <pc:spChg chg="mod">
          <ac:chgData name="White, Alex" userId="eff6cc8c-37d8-483b-9c6c-6b27e9afa9bc" providerId="ADAL" clId="{BF04C754-5BF4-4E83-9615-DB14FA25AF8A}" dt="2023-10-12T11:38:20.867" v="298"/>
          <ac:spMkLst>
            <pc:docMk/>
            <pc:sldMk cId="2376958513" sldId="260"/>
            <ac:spMk id="12021" creationId="{F490E644-0BE5-1285-A1A9-20E08ABE1D85}"/>
          </ac:spMkLst>
        </pc:spChg>
        <pc:spChg chg="mod">
          <ac:chgData name="White, Alex" userId="eff6cc8c-37d8-483b-9c6c-6b27e9afa9bc" providerId="ADAL" clId="{BF04C754-5BF4-4E83-9615-DB14FA25AF8A}" dt="2023-10-12T11:38:20.867" v="298"/>
          <ac:spMkLst>
            <pc:docMk/>
            <pc:sldMk cId="2376958513" sldId="260"/>
            <ac:spMk id="12022" creationId="{AC217771-F96C-51E2-3B24-A5CD34026FE9}"/>
          </ac:spMkLst>
        </pc:spChg>
        <pc:spChg chg="mod">
          <ac:chgData name="White, Alex" userId="eff6cc8c-37d8-483b-9c6c-6b27e9afa9bc" providerId="ADAL" clId="{BF04C754-5BF4-4E83-9615-DB14FA25AF8A}" dt="2023-10-12T11:38:20.867" v="298"/>
          <ac:spMkLst>
            <pc:docMk/>
            <pc:sldMk cId="2376958513" sldId="260"/>
            <ac:spMk id="12023" creationId="{688B9ED4-0E53-1F79-6865-89FACA63396C}"/>
          </ac:spMkLst>
        </pc:spChg>
        <pc:spChg chg="mod">
          <ac:chgData name="White, Alex" userId="eff6cc8c-37d8-483b-9c6c-6b27e9afa9bc" providerId="ADAL" clId="{BF04C754-5BF4-4E83-9615-DB14FA25AF8A}" dt="2023-10-12T11:38:20.867" v="298"/>
          <ac:spMkLst>
            <pc:docMk/>
            <pc:sldMk cId="2376958513" sldId="260"/>
            <ac:spMk id="12024" creationId="{BFB515E2-9BFF-3C2C-0D7E-D32502C25461}"/>
          </ac:spMkLst>
        </pc:spChg>
        <pc:spChg chg="mod">
          <ac:chgData name="White, Alex" userId="eff6cc8c-37d8-483b-9c6c-6b27e9afa9bc" providerId="ADAL" clId="{BF04C754-5BF4-4E83-9615-DB14FA25AF8A}" dt="2023-10-12T11:38:20.867" v="298"/>
          <ac:spMkLst>
            <pc:docMk/>
            <pc:sldMk cId="2376958513" sldId="260"/>
            <ac:spMk id="12025" creationId="{6016E120-3FCA-7150-A85C-2749AEB7D635}"/>
          </ac:spMkLst>
        </pc:spChg>
        <pc:spChg chg="mod">
          <ac:chgData name="White, Alex" userId="eff6cc8c-37d8-483b-9c6c-6b27e9afa9bc" providerId="ADAL" clId="{BF04C754-5BF4-4E83-9615-DB14FA25AF8A}" dt="2023-10-12T11:38:20.867" v="298"/>
          <ac:spMkLst>
            <pc:docMk/>
            <pc:sldMk cId="2376958513" sldId="260"/>
            <ac:spMk id="12026" creationId="{EFD33665-06CC-2801-ED4F-16CD2D58391A}"/>
          </ac:spMkLst>
        </pc:spChg>
        <pc:spChg chg="mod">
          <ac:chgData name="White, Alex" userId="eff6cc8c-37d8-483b-9c6c-6b27e9afa9bc" providerId="ADAL" clId="{BF04C754-5BF4-4E83-9615-DB14FA25AF8A}" dt="2023-10-12T11:38:20.867" v="298"/>
          <ac:spMkLst>
            <pc:docMk/>
            <pc:sldMk cId="2376958513" sldId="260"/>
            <ac:spMk id="12027" creationId="{4A22DB86-27EB-9843-1BB0-D8D8404BC0B0}"/>
          </ac:spMkLst>
        </pc:spChg>
        <pc:spChg chg="mod">
          <ac:chgData name="White, Alex" userId="eff6cc8c-37d8-483b-9c6c-6b27e9afa9bc" providerId="ADAL" clId="{BF04C754-5BF4-4E83-9615-DB14FA25AF8A}" dt="2023-10-12T11:38:20.867" v="298"/>
          <ac:spMkLst>
            <pc:docMk/>
            <pc:sldMk cId="2376958513" sldId="260"/>
            <ac:spMk id="12028" creationId="{904541B4-A7FB-BFC0-0FF4-EA18B2AFEC78}"/>
          </ac:spMkLst>
        </pc:spChg>
        <pc:spChg chg="mod">
          <ac:chgData name="White, Alex" userId="eff6cc8c-37d8-483b-9c6c-6b27e9afa9bc" providerId="ADAL" clId="{BF04C754-5BF4-4E83-9615-DB14FA25AF8A}" dt="2023-10-12T11:38:20.867" v="298"/>
          <ac:spMkLst>
            <pc:docMk/>
            <pc:sldMk cId="2376958513" sldId="260"/>
            <ac:spMk id="12029" creationId="{5DEC6130-A760-F3E7-F509-BE72324AFDFE}"/>
          </ac:spMkLst>
        </pc:spChg>
        <pc:spChg chg="mod">
          <ac:chgData name="White, Alex" userId="eff6cc8c-37d8-483b-9c6c-6b27e9afa9bc" providerId="ADAL" clId="{BF04C754-5BF4-4E83-9615-DB14FA25AF8A}" dt="2023-10-12T11:38:20.867" v="298"/>
          <ac:spMkLst>
            <pc:docMk/>
            <pc:sldMk cId="2376958513" sldId="260"/>
            <ac:spMk id="12030" creationId="{094413CC-507A-648C-9CDE-7D00EDB2E907}"/>
          </ac:spMkLst>
        </pc:spChg>
        <pc:spChg chg="mod">
          <ac:chgData name="White, Alex" userId="eff6cc8c-37d8-483b-9c6c-6b27e9afa9bc" providerId="ADAL" clId="{BF04C754-5BF4-4E83-9615-DB14FA25AF8A}" dt="2023-10-12T11:38:20.867" v="298"/>
          <ac:spMkLst>
            <pc:docMk/>
            <pc:sldMk cId="2376958513" sldId="260"/>
            <ac:spMk id="12031" creationId="{E816E45E-100B-E05A-EA9D-8B76C26C2D4A}"/>
          </ac:spMkLst>
        </pc:spChg>
        <pc:spChg chg="mod">
          <ac:chgData name="White, Alex" userId="eff6cc8c-37d8-483b-9c6c-6b27e9afa9bc" providerId="ADAL" clId="{BF04C754-5BF4-4E83-9615-DB14FA25AF8A}" dt="2023-10-12T11:38:20.867" v="298"/>
          <ac:spMkLst>
            <pc:docMk/>
            <pc:sldMk cId="2376958513" sldId="260"/>
            <ac:spMk id="12032" creationId="{2F076865-0AB0-B24B-DCD3-88F00BA10E0D}"/>
          </ac:spMkLst>
        </pc:spChg>
        <pc:spChg chg="mod">
          <ac:chgData name="White, Alex" userId="eff6cc8c-37d8-483b-9c6c-6b27e9afa9bc" providerId="ADAL" clId="{BF04C754-5BF4-4E83-9615-DB14FA25AF8A}" dt="2023-10-12T11:38:20.867" v="298"/>
          <ac:spMkLst>
            <pc:docMk/>
            <pc:sldMk cId="2376958513" sldId="260"/>
            <ac:spMk id="12033" creationId="{779AD1A0-AA94-B61C-C542-EBA721CE693B}"/>
          </ac:spMkLst>
        </pc:spChg>
        <pc:spChg chg="mod">
          <ac:chgData name="White, Alex" userId="eff6cc8c-37d8-483b-9c6c-6b27e9afa9bc" providerId="ADAL" clId="{BF04C754-5BF4-4E83-9615-DB14FA25AF8A}" dt="2023-10-12T11:38:20.867" v="298"/>
          <ac:spMkLst>
            <pc:docMk/>
            <pc:sldMk cId="2376958513" sldId="260"/>
            <ac:spMk id="12034" creationId="{76BC57E2-A7ED-9C24-3723-485B24982824}"/>
          </ac:spMkLst>
        </pc:spChg>
        <pc:spChg chg="mod">
          <ac:chgData name="White, Alex" userId="eff6cc8c-37d8-483b-9c6c-6b27e9afa9bc" providerId="ADAL" clId="{BF04C754-5BF4-4E83-9615-DB14FA25AF8A}" dt="2023-10-12T11:38:20.867" v="298"/>
          <ac:spMkLst>
            <pc:docMk/>
            <pc:sldMk cId="2376958513" sldId="260"/>
            <ac:spMk id="12035" creationId="{8D342E7D-3C2C-0BDA-DC4E-86E3E294A05F}"/>
          </ac:spMkLst>
        </pc:spChg>
        <pc:spChg chg="mod">
          <ac:chgData name="White, Alex" userId="eff6cc8c-37d8-483b-9c6c-6b27e9afa9bc" providerId="ADAL" clId="{BF04C754-5BF4-4E83-9615-DB14FA25AF8A}" dt="2023-10-12T11:38:20.867" v="298"/>
          <ac:spMkLst>
            <pc:docMk/>
            <pc:sldMk cId="2376958513" sldId="260"/>
            <ac:spMk id="12036" creationId="{71080D0F-699F-EB0D-635B-D3AB9281EA81}"/>
          </ac:spMkLst>
        </pc:spChg>
        <pc:spChg chg="mod">
          <ac:chgData name="White, Alex" userId="eff6cc8c-37d8-483b-9c6c-6b27e9afa9bc" providerId="ADAL" clId="{BF04C754-5BF4-4E83-9615-DB14FA25AF8A}" dt="2023-10-12T11:38:20.867" v="298"/>
          <ac:spMkLst>
            <pc:docMk/>
            <pc:sldMk cId="2376958513" sldId="260"/>
            <ac:spMk id="12037" creationId="{EE11CC0C-7F33-94F4-E508-DF5B167C71D4}"/>
          </ac:spMkLst>
        </pc:spChg>
        <pc:spChg chg="mod">
          <ac:chgData name="White, Alex" userId="eff6cc8c-37d8-483b-9c6c-6b27e9afa9bc" providerId="ADAL" clId="{BF04C754-5BF4-4E83-9615-DB14FA25AF8A}" dt="2023-10-12T11:38:20.867" v="298"/>
          <ac:spMkLst>
            <pc:docMk/>
            <pc:sldMk cId="2376958513" sldId="260"/>
            <ac:spMk id="12038" creationId="{2648324B-6F5C-1BBF-35B2-67F7ACBF4871}"/>
          </ac:spMkLst>
        </pc:spChg>
        <pc:spChg chg="mod">
          <ac:chgData name="White, Alex" userId="eff6cc8c-37d8-483b-9c6c-6b27e9afa9bc" providerId="ADAL" clId="{BF04C754-5BF4-4E83-9615-DB14FA25AF8A}" dt="2023-10-12T11:38:20.867" v="298"/>
          <ac:spMkLst>
            <pc:docMk/>
            <pc:sldMk cId="2376958513" sldId="260"/>
            <ac:spMk id="12039" creationId="{96D7E605-A302-B0D2-1EBA-6EA7059FD18B}"/>
          </ac:spMkLst>
        </pc:spChg>
        <pc:spChg chg="mod">
          <ac:chgData name="White, Alex" userId="eff6cc8c-37d8-483b-9c6c-6b27e9afa9bc" providerId="ADAL" clId="{BF04C754-5BF4-4E83-9615-DB14FA25AF8A}" dt="2023-10-12T11:38:20.867" v="298"/>
          <ac:spMkLst>
            <pc:docMk/>
            <pc:sldMk cId="2376958513" sldId="260"/>
            <ac:spMk id="12040" creationId="{5AD64791-7875-8F34-8A57-C5B2A6973951}"/>
          </ac:spMkLst>
        </pc:spChg>
        <pc:spChg chg="mod">
          <ac:chgData name="White, Alex" userId="eff6cc8c-37d8-483b-9c6c-6b27e9afa9bc" providerId="ADAL" clId="{BF04C754-5BF4-4E83-9615-DB14FA25AF8A}" dt="2023-10-12T11:38:20.867" v="298"/>
          <ac:spMkLst>
            <pc:docMk/>
            <pc:sldMk cId="2376958513" sldId="260"/>
            <ac:spMk id="12041" creationId="{20A6D371-3208-EBAF-22FD-CC510D174000}"/>
          </ac:spMkLst>
        </pc:spChg>
        <pc:spChg chg="mod">
          <ac:chgData name="White, Alex" userId="eff6cc8c-37d8-483b-9c6c-6b27e9afa9bc" providerId="ADAL" clId="{BF04C754-5BF4-4E83-9615-DB14FA25AF8A}" dt="2023-10-12T11:38:20.867" v="298"/>
          <ac:spMkLst>
            <pc:docMk/>
            <pc:sldMk cId="2376958513" sldId="260"/>
            <ac:spMk id="12042" creationId="{C2187777-F61A-7576-B4CC-DBB649AAC6D0}"/>
          </ac:spMkLst>
        </pc:spChg>
        <pc:spChg chg="mod">
          <ac:chgData name="White, Alex" userId="eff6cc8c-37d8-483b-9c6c-6b27e9afa9bc" providerId="ADAL" clId="{BF04C754-5BF4-4E83-9615-DB14FA25AF8A}" dt="2023-10-12T11:38:20.867" v="298"/>
          <ac:spMkLst>
            <pc:docMk/>
            <pc:sldMk cId="2376958513" sldId="260"/>
            <ac:spMk id="12043" creationId="{114D62C3-F189-4215-80C4-D93DAF283983}"/>
          </ac:spMkLst>
        </pc:spChg>
        <pc:spChg chg="mod">
          <ac:chgData name="White, Alex" userId="eff6cc8c-37d8-483b-9c6c-6b27e9afa9bc" providerId="ADAL" clId="{BF04C754-5BF4-4E83-9615-DB14FA25AF8A}" dt="2023-10-12T11:38:20.867" v="298"/>
          <ac:spMkLst>
            <pc:docMk/>
            <pc:sldMk cId="2376958513" sldId="260"/>
            <ac:spMk id="12044" creationId="{8D6FDADD-7A88-E633-9703-CFFB64C9BF7E}"/>
          </ac:spMkLst>
        </pc:spChg>
        <pc:spChg chg="mod">
          <ac:chgData name="White, Alex" userId="eff6cc8c-37d8-483b-9c6c-6b27e9afa9bc" providerId="ADAL" clId="{BF04C754-5BF4-4E83-9615-DB14FA25AF8A}" dt="2023-10-12T11:38:20.867" v="298"/>
          <ac:spMkLst>
            <pc:docMk/>
            <pc:sldMk cId="2376958513" sldId="260"/>
            <ac:spMk id="12045" creationId="{D9526237-7846-A34E-7BC2-E13EACF6742A}"/>
          </ac:spMkLst>
        </pc:spChg>
        <pc:spChg chg="mod">
          <ac:chgData name="White, Alex" userId="eff6cc8c-37d8-483b-9c6c-6b27e9afa9bc" providerId="ADAL" clId="{BF04C754-5BF4-4E83-9615-DB14FA25AF8A}" dt="2023-10-12T11:38:20.867" v="298"/>
          <ac:spMkLst>
            <pc:docMk/>
            <pc:sldMk cId="2376958513" sldId="260"/>
            <ac:spMk id="12046" creationId="{4DC50C68-9063-567B-F099-21516D422BCD}"/>
          </ac:spMkLst>
        </pc:spChg>
        <pc:spChg chg="mod">
          <ac:chgData name="White, Alex" userId="eff6cc8c-37d8-483b-9c6c-6b27e9afa9bc" providerId="ADAL" clId="{BF04C754-5BF4-4E83-9615-DB14FA25AF8A}" dt="2023-10-12T11:38:20.867" v="298"/>
          <ac:spMkLst>
            <pc:docMk/>
            <pc:sldMk cId="2376958513" sldId="260"/>
            <ac:spMk id="12047" creationId="{F29699C7-613E-E862-5772-45DF70C07D7F}"/>
          </ac:spMkLst>
        </pc:spChg>
        <pc:spChg chg="mod">
          <ac:chgData name="White, Alex" userId="eff6cc8c-37d8-483b-9c6c-6b27e9afa9bc" providerId="ADAL" clId="{BF04C754-5BF4-4E83-9615-DB14FA25AF8A}" dt="2023-10-12T11:38:20.867" v="298"/>
          <ac:spMkLst>
            <pc:docMk/>
            <pc:sldMk cId="2376958513" sldId="260"/>
            <ac:spMk id="12048" creationId="{EE0E12BC-AC69-51FB-2E8B-D0F2FE68D494}"/>
          </ac:spMkLst>
        </pc:spChg>
        <pc:spChg chg="mod">
          <ac:chgData name="White, Alex" userId="eff6cc8c-37d8-483b-9c6c-6b27e9afa9bc" providerId="ADAL" clId="{BF04C754-5BF4-4E83-9615-DB14FA25AF8A}" dt="2023-10-12T11:38:20.867" v="298"/>
          <ac:spMkLst>
            <pc:docMk/>
            <pc:sldMk cId="2376958513" sldId="260"/>
            <ac:spMk id="12049" creationId="{D925DBA7-64F9-3D03-32CD-862E638FE4BA}"/>
          </ac:spMkLst>
        </pc:spChg>
        <pc:spChg chg="mod">
          <ac:chgData name="White, Alex" userId="eff6cc8c-37d8-483b-9c6c-6b27e9afa9bc" providerId="ADAL" clId="{BF04C754-5BF4-4E83-9615-DB14FA25AF8A}" dt="2023-10-12T11:38:20.867" v="298"/>
          <ac:spMkLst>
            <pc:docMk/>
            <pc:sldMk cId="2376958513" sldId="260"/>
            <ac:spMk id="12050" creationId="{F108C33B-AEAE-E557-65AE-E242BF3DC22A}"/>
          </ac:spMkLst>
        </pc:spChg>
        <pc:spChg chg="mod">
          <ac:chgData name="White, Alex" userId="eff6cc8c-37d8-483b-9c6c-6b27e9afa9bc" providerId="ADAL" clId="{BF04C754-5BF4-4E83-9615-DB14FA25AF8A}" dt="2023-10-12T11:38:20.867" v="298"/>
          <ac:spMkLst>
            <pc:docMk/>
            <pc:sldMk cId="2376958513" sldId="260"/>
            <ac:spMk id="12051" creationId="{68659B3F-C490-0161-7B71-060533CF8744}"/>
          </ac:spMkLst>
        </pc:spChg>
        <pc:spChg chg="mod">
          <ac:chgData name="White, Alex" userId="eff6cc8c-37d8-483b-9c6c-6b27e9afa9bc" providerId="ADAL" clId="{BF04C754-5BF4-4E83-9615-DB14FA25AF8A}" dt="2023-10-12T11:38:20.867" v="298"/>
          <ac:spMkLst>
            <pc:docMk/>
            <pc:sldMk cId="2376958513" sldId="260"/>
            <ac:spMk id="12052" creationId="{13CB04FE-72EA-4A89-E7CF-F218BE800B53}"/>
          </ac:spMkLst>
        </pc:spChg>
        <pc:spChg chg="mod">
          <ac:chgData name="White, Alex" userId="eff6cc8c-37d8-483b-9c6c-6b27e9afa9bc" providerId="ADAL" clId="{BF04C754-5BF4-4E83-9615-DB14FA25AF8A}" dt="2023-10-12T11:38:20.867" v="298"/>
          <ac:spMkLst>
            <pc:docMk/>
            <pc:sldMk cId="2376958513" sldId="260"/>
            <ac:spMk id="12053" creationId="{CA56BD1B-81B6-BA84-5BAF-5ADBC53C2452}"/>
          </ac:spMkLst>
        </pc:spChg>
        <pc:spChg chg="mod">
          <ac:chgData name="White, Alex" userId="eff6cc8c-37d8-483b-9c6c-6b27e9afa9bc" providerId="ADAL" clId="{BF04C754-5BF4-4E83-9615-DB14FA25AF8A}" dt="2023-10-12T11:38:20.867" v="298"/>
          <ac:spMkLst>
            <pc:docMk/>
            <pc:sldMk cId="2376958513" sldId="260"/>
            <ac:spMk id="12054" creationId="{F65606E2-FF30-6572-55A1-42B84156C6AF}"/>
          </ac:spMkLst>
        </pc:spChg>
        <pc:spChg chg="mod">
          <ac:chgData name="White, Alex" userId="eff6cc8c-37d8-483b-9c6c-6b27e9afa9bc" providerId="ADAL" clId="{BF04C754-5BF4-4E83-9615-DB14FA25AF8A}" dt="2023-10-12T11:38:20.867" v="298"/>
          <ac:spMkLst>
            <pc:docMk/>
            <pc:sldMk cId="2376958513" sldId="260"/>
            <ac:spMk id="12055" creationId="{ED0A7350-EADE-7B10-EC36-8C4F8F763D89}"/>
          </ac:spMkLst>
        </pc:spChg>
        <pc:spChg chg="mod">
          <ac:chgData name="White, Alex" userId="eff6cc8c-37d8-483b-9c6c-6b27e9afa9bc" providerId="ADAL" clId="{BF04C754-5BF4-4E83-9615-DB14FA25AF8A}" dt="2023-10-12T11:38:20.867" v="298"/>
          <ac:spMkLst>
            <pc:docMk/>
            <pc:sldMk cId="2376958513" sldId="260"/>
            <ac:spMk id="12056" creationId="{EB8298D7-8E92-5D2B-2E27-9A174FC16D53}"/>
          </ac:spMkLst>
        </pc:spChg>
        <pc:spChg chg="mod">
          <ac:chgData name="White, Alex" userId="eff6cc8c-37d8-483b-9c6c-6b27e9afa9bc" providerId="ADAL" clId="{BF04C754-5BF4-4E83-9615-DB14FA25AF8A}" dt="2023-10-12T11:38:20.867" v="298"/>
          <ac:spMkLst>
            <pc:docMk/>
            <pc:sldMk cId="2376958513" sldId="260"/>
            <ac:spMk id="12057" creationId="{1AA452A9-EDA4-8E49-1086-47A90E175006}"/>
          </ac:spMkLst>
        </pc:spChg>
        <pc:spChg chg="mod">
          <ac:chgData name="White, Alex" userId="eff6cc8c-37d8-483b-9c6c-6b27e9afa9bc" providerId="ADAL" clId="{BF04C754-5BF4-4E83-9615-DB14FA25AF8A}" dt="2023-10-12T11:38:20.867" v="298"/>
          <ac:spMkLst>
            <pc:docMk/>
            <pc:sldMk cId="2376958513" sldId="260"/>
            <ac:spMk id="12058" creationId="{5CD30E6B-8C8C-3F56-FBAE-ABB8873432D0}"/>
          </ac:spMkLst>
        </pc:spChg>
        <pc:spChg chg="mod">
          <ac:chgData name="White, Alex" userId="eff6cc8c-37d8-483b-9c6c-6b27e9afa9bc" providerId="ADAL" clId="{BF04C754-5BF4-4E83-9615-DB14FA25AF8A}" dt="2023-10-12T11:38:20.867" v="298"/>
          <ac:spMkLst>
            <pc:docMk/>
            <pc:sldMk cId="2376958513" sldId="260"/>
            <ac:spMk id="12059" creationId="{662A6101-4919-C404-0908-6D44AEC725EC}"/>
          </ac:spMkLst>
        </pc:spChg>
        <pc:spChg chg="mod">
          <ac:chgData name="White, Alex" userId="eff6cc8c-37d8-483b-9c6c-6b27e9afa9bc" providerId="ADAL" clId="{BF04C754-5BF4-4E83-9615-DB14FA25AF8A}" dt="2023-10-12T11:38:20.867" v="298"/>
          <ac:spMkLst>
            <pc:docMk/>
            <pc:sldMk cId="2376958513" sldId="260"/>
            <ac:spMk id="12060" creationId="{62E4CD7A-C0E7-9491-9859-CF446E78BC77}"/>
          </ac:spMkLst>
        </pc:spChg>
        <pc:spChg chg="mod">
          <ac:chgData name="White, Alex" userId="eff6cc8c-37d8-483b-9c6c-6b27e9afa9bc" providerId="ADAL" clId="{BF04C754-5BF4-4E83-9615-DB14FA25AF8A}" dt="2023-10-12T11:38:20.867" v="298"/>
          <ac:spMkLst>
            <pc:docMk/>
            <pc:sldMk cId="2376958513" sldId="260"/>
            <ac:spMk id="12061" creationId="{CB8CC9A2-A5BF-C3DA-F3BE-CF260038B07E}"/>
          </ac:spMkLst>
        </pc:spChg>
        <pc:spChg chg="mod">
          <ac:chgData name="White, Alex" userId="eff6cc8c-37d8-483b-9c6c-6b27e9afa9bc" providerId="ADAL" clId="{BF04C754-5BF4-4E83-9615-DB14FA25AF8A}" dt="2023-10-12T11:38:20.867" v="298"/>
          <ac:spMkLst>
            <pc:docMk/>
            <pc:sldMk cId="2376958513" sldId="260"/>
            <ac:spMk id="12062" creationId="{DA218CDC-BACD-4F62-F403-9C580477DA8A}"/>
          </ac:spMkLst>
        </pc:spChg>
        <pc:spChg chg="mod">
          <ac:chgData name="White, Alex" userId="eff6cc8c-37d8-483b-9c6c-6b27e9afa9bc" providerId="ADAL" clId="{BF04C754-5BF4-4E83-9615-DB14FA25AF8A}" dt="2023-10-12T11:38:20.867" v="298"/>
          <ac:spMkLst>
            <pc:docMk/>
            <pc:sldMk cId="2376958513" sldId="260"/>
            <ac:spMk id="12063" creationId="{D3971BE7-B2F8-CD10-7531-9ACC12C395E8}"/>
          </ac:spMkLst>
        </pc:spChg>
        <pc:spChg chg="mod">
          <ac:chgData name="White, Alex" userId="eff6cc8c-37d8-483b-9c6c-6b27e9afa9bc" providerId="ADAL" clId="{BF04C754-5BF4-4E83-9615-DB14FA25AF8A}" dt="2023-10-12T11:38:20.867" v="298"/>
          <ac:spMkLst>
            <pc:docMk/>
            <pc:sldMk cId="2376958513" sldId="260"/>
            <ac:spMk id="12064" creationId="{A4C54CC3-0FDE-6626-E5D4-8F5523756CA3}"/>
          </ac:spMkLst>
        </pc:spChg>
        <pc:spChg chg="mod">
          <ac:chgData name="White, Alex" userId="eff6cc8c-37d8-483b-9c6c-6b27e9afa9bc" providerId="ADAL" clId="{BF04C754-5BF4-4E83-9615-DB14FA25AF8A}" dt="2023-10-12T11:38:20.867" v="298"/>
          <ac:spMkLst>
            <pc:docMk/>
            <pc:sldMk cId="2376958513" sldId="260"/>
            <ac:spMk id="12065" creationId="{A74B9A28-84F2-A0BE-B505-B0AFB62340A9}"/>
          </ac:spMkLst>
        </pc:spChg>
        <pc:spChg chg="mod">
          <ac:chgData name="White, Alex" userId="eff6cc8c-37d8-483b-9c6c-6b27e9afa9bc" providerId="ADAL" clId="{BF04C754-5BF4-4E83-9615-DB14FA25AF8A}" dt="2023-10-12T11:38:20.867" v="298"/>
          <ac:spMkLst>
            <pc:docMk/>
            <pc:sldMk cId="2376958513" sldId="260"/>
            <ac:spMk id="12066" creationId="{CC3B7979-181B-BAAE-D913-EC20362A703B}"/>
          </ac:spMkLst>
        </pc:spChg>
        <pc:spChg chg="mod">
          <ac:chgData name="White, Alex" userId="eff6cc8c-37d8-483b-9c6c-6b27e9afa9bc" providerId="ADAL" clId="{BF04C754-5BF4-4E83-9615-DB14FA25AF8A}" dt="2023-10-12T11:38:20.867" v="298"/>
          <ac:spMkLst>
            <pc:docMk/>
            <pc:sldMk cId="2376958513" sldId="260"/>
            <ac:spMk id="12067" creationId="{CE26AF47-F60F-9C11-86DE-9689804D958E}"/>
          </ac:spMkLst>
        </pc:spChg>
        <pc:spChg chg="mod">
          <ac:chgData name="White, Alex" userId="eff6cc8c-37d8-483b-9c6c-6b27e9afa9bc" providerId="ADAL" clId="{BF04C754-5BF4-4E83-9615-DB14FA25AF8A}" dt="2023-10-12T11:38:20.867" v="298"/>
          <ac:spMkLst>
            <pc:docMk/>
            <pc:sldMk cId="2376958513" sldId="260"/>
            <ac:spMk id="12068" creationId="{9D173D8F-D408-DD58-1FF0-66449C877AC0}"/>
          </ac:spMkLst>
        </pc:spChg>
        <pc:spChg chg="mod">
          <ac:chgData name="White, Alex" userId="eff6cc8c-37d8-483b-9c6c-6b27e9afa9bc" providerId="ADAL" clId="{BF04C754-5BF4-4E83-9615-DB14FA25AF8A}" dt="2023-10-12T11:38:20.867" v="298"/>
          <ac:spMkLst>
            <pc:docMk/>
            <pc:sldMk cId="2376958513" sldId="260"/>
            <ac:spMk id="12069" creationId="{BBF606A7-1C1E-CE22-056F-76703FC48206}"/>
          </ac:spMkLst>
        </pc:spChg>
        <pc:spChg chg="mod">
          <ac:chgData name="White, Alex" userId="eff6cc8c-37d8-483b-9c6c-6b27e9afa9bc" providerId="ADAL" clId="{BF04C754-5BF4-4E83-9615-DB14FA25AF8A}" dt="2023-10-12T11:38:20.867" v="298"/>
          <ac:spMkLst>
            <pc:docMk/>
            <pc:sldMk cId="2376958513" sldId="260"/>
            <ac:spMk id="12070" creationId="{A7F57E71-2D35-FBCF-82FE-1815684A224A}"/>
          </ac:spMkLst>
        </pc:spChg>
        <pc:spChg chg="mod">
          <ac:chgData name="White, Alex" userId="eff6cc8c-37d8-483b-9c6c-6b27e9afa9bc" providerId="ADAL" clId="{BF04C754-5BF4-4E83-9615-DB14FA25AF8A}" dt="2023-10-12T11:38:20.867" v="298"/>
          <ac:spMkLst>
            <pc:docMk/>
            <pc:sldMk cId="2376958513" sldId="260"/>
            <ac:spMk id="12071" creationId="{01232C96-0CDD-AE18-172E-86E78DC5A42F}"/>
          </ac:spMkLst>
        </pc:spChg>
        <pc:spChg chg="mod">
          <ac:chgData name="White, Alex" userId="eff6cc8c-37d8-483b-9c6c-6b27e9afa9bc" providerId="ADAL" clId="{BF04C754-5BF4-4E83-9615-DB14FA25AF8A}" dt="2023-10-12T11:38:20.867" v="298"/>
          <ac:spMkLst>
            <pc:docMk/>
            <pc:sldMk cId="2376958513" sldId="260"/>
            <ac:spMk id="12072" creationId="{1AA2E50F-BA02-E02E-3197-3F396C0E1F77}"/>
          </ac:spMkLst>
        </pc:spChg>
        <pc:spChg chg="mod">
          <ac:chgData name="White, Alex" userId="eff6cc8c-37d8-483b-9c6c-6b27e9afa9bc" providerId="ADAL" clId="{BF04C754-5BF4-4E83-9615-DB14FA25AF8A}" dt="2023-10-12T11:38:20.867" v="298"/>
          <ac:spMkLst>
            <pc:docMk/>
            <pc:sldMk cId="2376958513" sldId="260"/>
            <ac:spMk id="12073" creationId="{C8690F32-4E1D-BA47-7D33-44B9844C6D30}"/>
          </ac:spMkLst>
        </pc:spChg>
        <pc:spChg chg="mod">
          <ac:chgData name="White, Alex" userId="eff6cc8c-37d8-483b-9c6c-6b27e9afa9bc" providerId="ADAL" clId="{BF04C754-5BF4-4E83-9615-DB14FA25AF8A}" dt="2023-10-12T11:38:20.867" v="298"/>
          <ac:spMkLst>
            <pc:docMk/>
            <pc:sldMk cId="2376958513" sldId="260"/>
            <ac:spMk id="12074" creationId="{C343390B-E307-2F14-6D6F-9F330AF69AE9}"/>
          </ac:spMkLst>
        </pc:spChg>
        <pc:spChg chg="mod">
          <ac:chgData name="White, Alex" userId="eff6cc8c-37d8-483b-9c6c-6b27e9afa9bc" providerId="ADAL" clId="{BF04C754-5BF4-4E83-9615-DB14FA25AF8A}" dt="2023-10-12T11:38:20.867" v="298"/>
          <ac:spMkLst>
            <pc:docMk/>
            <pc:sldMk cId="2376958513" sldId="260"/>
            <ac:spMk id="12075" creationId="{626F9B44-D01B-EDAA-CE85-0D6F9D581937}"/>
          </ac:spMkLst>
        </pc:spChg>
        <pc:spChg chg="mod">
          <ac:chgData name="White, Alex" userId="eff6cc8c-37d8-483b-9c6c-6b27e9afa9bc" providerId="ADAL" clId="{BF04C754-5BF4-4E83-9615-DB14FA25AF8A}" dt="2023-10-12T11:38:20.867" v="298"/>
          <ac:spMkLst>
            <pc:docMk/>
            <pc:sldMk cId="2376958513" sldId="260"/>
            <ac:spMk id="12076" creationId="{33A11C86-4E96-EE14-145A-56586751C48B}"/>
          </ac:spMkLst>
        </pc:spChg>
        <pc:spChg chg="mod">
          <ac:chgData name="White, Alex" userId="eff6cc8c-37d8-483b-9c6c-6b27e9afa9bc" providerId="ADAL" clId="{BF04C754-5BF4-4E83-9615-DB14FA25AF8A}" dt="2023-10-12T11:38:20.867" v="298"/>
          <ac:spMkLst>
            <pc:docMk/>
            <pc:sldMk cId="2376958513" sldId="260"/>
            <ac:spMk id="12077" creationId="{5DB5621E-3F0C-1481-2B7E-00DA680B8F2F}"/>
          </ac:spMkLst>
        </pc:spChg>
        <pc:spChg chg="mod">
          <ac:chgData name="White, Alex" userId="eff6cc8c-37d8-483b-9c6c-6b27e9afa9bc" providerId="ADAL" clId="{BF04C754-5BF4-4E83-9615-DB14FA25AF8A}" dt="2023-10-12T11:38:20.867" v="298"/>
          <ac:spMkLst>
            <pc:docMk/>
            <pc:sldMk cId="2376958513" sldId="260"/>
            <ac:spMk id="12078" creationId="{D36B54DC-5E19-1A85-86F3-D81A91CCDBED}"/>
          </ac:spMkLst>
        </pc:spChg>
        <pc:spChg chg="mod">
          <ac:chgData name="White, Alex" userId="eff6cc8c-37d8-483b-9c6c-6b27e9afa9bc" providerId="ADAL" clId="{BF04C754-5BF4-4E83-9615-DB14FA25AF8A}" dt="2023-10-12T11:38:20.867" v="298"/>
          <ac:spMkLst>
            <pc:docMk/>
            <pc:sldMk cId="2376958513" sldId="260"/>
            <ac:spMk id="12079" creationId="{65EA4233-81A6-C278-9DDD-DB88A50FB027}"/>
          </ac:spMkLst>
        </pc:spChg>
        <pc:spChg chg="mod">
          <ac:chgData name="White, Alex" userId="eff6cc8c-37d8-483b-9c6c-6b27e9afa9bc" providerId="ADAL" clId="{BF04C754-5BF4-4E83-9615-DB14FA25AF8A}" dt="2023-10-12T11:38:20.867" v="298"/>
          <ac:spMkLst>
            <pc:docMk/>
            <pc:sldMk cId="2376958513" sldId="260"/>
            <ac:spMk id="12080" creationId="{A9AB361A-48D0-9F24-87BD-9E98393D04FB}"/>
          </ac:spMkLst>
        </pc:spChg>
        <pc:spChg chg="mod">
          <ac:chgData name="White, Alex" userId="eff6cc8c-37d8-483b-9c6c-6b27e9afa9bc" providerId="ADAL" clId="{BF04C754-5BF4-4E83-9615-DB14FA25AF8A}" dt="2023-10-12T11:38:20.867" v="298"/>
          <ac:spMkLst>
            <pc:docMk/>
            <pc:sldMk cId="2376958513" sldId="260"/>
            <ac:spMk id="12081" creationId="{061C795F-E567-BD70-F46D-DCC2061B098B}"/>
          </ac:spMkLst>
        </pc:spChg>
        <pc:spChg chg="mod">
          <ac:chgData name="White, Alex" userId="eff6cc8c-37d8-483b-9c6c-6b27e9afa9bc" providerId="ADAL" clId="{BF04C754-5BF4-4E83-9615-DB14FA25AF8A}" dt="2023-10-12T11:38:20.867" v="298"/>
          <ac:spMkLst>
            <pc:docMk/>
            <pc:sldMk cId="2376958513" sldId="260"/>
            <ac:spMk id="12082" creationId="{7C2AA405-17EF-3EBA-7508-D9BCC5274486}"/>
          </ac:spMkLst>
        </pc:spChg>
        <pc:spChg chg="mod">
          <ac:chgData name="White, Alex" userId="eff6cc8c-37d8-483b-9c6c-6b27e9afa9bc" providerId="ADAL" clId="{BF04C754-5BF4-4E83-9615-DB14FA25AF8A}" dt="2023-10-12T11:38:20.867" v="298"/>
          <ac:spMkLst>
            <pc:docMk/>
            <pc:sldMk cId="2376958513" sldId="260"/>
            <ac:spMk id="12083" creationId="{CAAFCF42-630B-2A4A-96D3-DB25071BF245}"/>
          </ac:spMkLst>
        </pc:spChg>
        <pc:spChg chg="mod">
          <ac:chgData name="White, Alex" userId="eff6cc8c-37d8-483b-9c6c-6b27e9afa9bc" providerId="ADAL" clId="{BF04C754-5BF4-4E83-9615-DB14FA25AF8A}" dt="2023-10-12T11:38:20.867" v="298"/>
          <ac:spMkLst>
            <pc:docMk/>
            <pc:sldMk cId="2376958513" sldId="260"/>
            <ac:spMk id="12084" creationId="{A7E132F4-E720-9F03-AD04-DBD8918DAA73}"/>
          </ac:spMkLst>
        </pc:spChg>
        <pc:spChg chg="mod">
          <ac:chgData name="White, Alex" userId="eff6cc8c-37d8-483b-9c6c-6b27e9afa9bc" providerId="ADAL" clId="{BF04C754-5BF4-4E83-9615-DB14FA25AF8A}" dt="2023-10-12T11:38:20.867" v="298"/>
          <ac:spMkLst>
            <pc:docMk/>
            <pc:sldMk cId="2376958513" sldId="260"/>
            <ac:spMk id="12085" creationId="{CBB40FC0-A12B-FCA0-07BC-88F32D322901}"/>
          </ac:spMkLst>
        </pc:spChg>
        <pc:spChg chg="mod">
          <ac:chgData name="White, Alex" userId="eff6cc8c-37d8-483b-9c6c-6b27e9afa9bc" providerId="ADAL" clId="{BF04C754-5BF4-4E83-9615-DB14FA25AF8A}" dt="2023-10-12T11:38:20.867" v="298"/>
          <ac:spMkLst>
            <pc:docMk/>
            <pc:sldMk cId="2376958513" sldId="260"/>
            <ac:spMk id="12086" creationId="{54DECF1B-8F1A-D741-CC04-C2E585B7D825}"/>
          </ac:spMkLst>
        </pc:spChg>
        <pc:spChg chg="mod">
          <ac:chgData name="White, Alex" userId="eff6cc8c-37d8-483b-9c6c-6b27e9afa9bc" providerId="ADAL" clId="{BF04C754-5BF4-4E83-9615-DB14FA25AF8A}" dt="2023-10-12T11:38:20.867" v="298"/>
          <ac:spMkLst>
            <pc:docMk/>
            <pc:sldMk cId="2376958513" sldId="260"/>
            <ac:spMk id="12087" creationId="{B4E09EA8-26D2-141B-3C57-09EDAB8F3D46}"/>
          </ac:spMkLst>
        </pc:spChg>
        <pc:spChg chg="mod">
          <ac:chgData name="White, Alex" userId="eff6cc8c-37d8-483b-9c6c-6b27e9afa9bc" providerId="ADAL" clId="{BF04C754-5BF4-4E83-9615-DB14FA25AF8A}" dt="2023-10-12T11:38:20.867" v="298"/>
          <ac:spMkLst>
            <pc:docMk/>
            <pc:sldMk cId="2376958513" sldId="260"/>
            <ac:spMk id="12088" creationId="{4871D52E-D7BA-107C-C709-BFB7AF4B4386}"/>
          </ac:spMkLst>
        </pc:spChg>
        <pc:spChg chg="mod">
          <ac:chgData name="White, Alex" userId="eff6cc8c-37d8-483b-9c6c-6b27e9afa9bc" providerId="ADAL" clId="{BF04C754-5BF4-4E83-9615-DB14FA25AF8A}" dt="2023-10-12T11:38:20.867" v="298"/>
          <ac:spMkLst>
            <pc:docMk/>
            <pc:sldMk cId="2376958513" sldId="260"/>
            <ac:spMk id="12089" creationId="{9A134AEF-278A-CDBB-5470-CB470D93EA9B}"/>
          </ac:spMkLst>
        </pc:spChg>
        <pc:spChg chg="mod">
          <ac:chgData name="White, Alex" userId="eff6cc8c-37d8-483b-9c6c-6b27e9afa9bc" providerId="ADAL" clId="{BF04C754-5BF4-4E83-9615-DB14FA25AF8A}" dt="2023-10-12T11:38:20.867" v="298"/>
          <ac:spMkLst>
            <pc:docMk/>
            <pc:sldMk cId="2376958513" sldId="260"/>
            <ac:spMk id="12090" creationId="{AED7B3CA-3250-B034-FBCD-F52050A92AF6}"/>
          </ac:spMkLst>
        </pc:spChg>
        <pc:spChg chg="mod">
          <ac:chgData name="White, Alex" userId="eff6cc8c-37d8-483b-9c6c-6b27e9afa9bc" providerId="ADAL" clId="{BF04C754-5BF4-4E83-9615-DB14FA25AF8A}" dt="2023-10-12T11:38:20.867" v="298"/>
          <ac:spMkLst>
            <pc:docMk/>
            <pc:sldMk cId="2376958513" sldId="260"/>
            <ac:spMk id="12091" creationId="{977499ED-11A1-25C7-C176-539108395A40}"/>
          </ac:spMkLst>
        </pc:spChg>
        <pc:spChg chg="mod">
          <ac:chgData name="White, Alex" userId="eff6cc8c-37d8-483b-9c6c-6b27e9afa9bc" providerId="ADAL" clId="{BF04C754-5BF4-4E83-9615-DB14FA25AF8A}" dt="2023-10-12T11:38:20.867" v="298"/>
          <ac:spMkLst>
            <pc:docMk/>
            <pc:sldMk cId="2376958513" sldId="260"/>
            <ac:spMk id="12092" creationId="{94E3CBA3-86B8-B031-92DE-0BD77264B796}"/>
          </ac:spMkLst>
        </pc:spChg>
        <pc:spChg chg="mod">
          <ac:chgData name="White, Alex" userId="eff6cc8c-37d8-483b-9c6c-6b27e9afa9bc" providerId="ADAL" clId="{BF04C754-5BF4-4E83-9615-DB14FA25AF8A}" dt="2023-10-12T11:38:20.867" v="298"/>
          <ac:spMkLst>
            <pc:docMk/>
            <pc:sldMk cId="2376958513" sldId="260"/>
            <ac:spMk id="12093" creationId="{F170A94A-FF47-DA85-8C97-FF244204884D}"/>
          </ac:spMkLst>
        </pc:spChg>
        <pc:spChg chg="mod">
          <ac:chgData name="White, Alex" userId="eff6cc8c-37d8-483b-9c6c-6b27e9afa9bc" providerId="ADAL" clId="{BF04C754-5BF4-4E83-9615-DB14FA25AF8A}" dt="2023-10-12T11:38:20.867" v="298"/>
          <ac:spMkLst>
            <pc:docMk/>
            <pc:sldMk cId="2376958513" sldId="260"/>
            <ac:spMk id="12094" creationId="{C2DF054B-BE3C-7652-A3FA-C27A47FD1CF2}"/>
          </ac:spMkLst>
        </pc:spChg>
        <pc:spChg chg="mod">
          <ac:chgData name="White, Alex" userId="eff6cc8c-37d8-483b-9c6c-6b27e9afa9bc" providerId="ADAL" clId="{BF04C754-5BF4-4E83-9615-DB14FA25AF8A}" dt="2023-10-12T11:38:20.867" v="298"/>
          <ac:spMkLst>
            <pc:docMk/>
            <pc:sldMk cId="2376958513" sldId="260"/>
            <ac:spMk id="12095" creationId="{697AECAB-EF8D-5FF1-BE6F-1AFC69440EE1}"/>
          </ac:spMkLst>
        </pc:spChg>
        <pc:spChg chg="mod">
          <ac:chgData name="White, Alex" userId="eff6cc8c-37d8-483b-9c6c-6b27e9afa9bc" providerId="ADAL" clId="{BF04C754-5BF4-4E83-9615-DB14FA25AF8A}" dt="2023-10-12T11:38:20.867" v="298"/>
          <ac:spMkLst>
            <pc:docMk/>
            <pc:sldMk cId="2376958513" sldId="260"/>
            <ac:spMk id="12096" creationId="{31C0F8CD-01A1-0F3E-D392-F63F556570C0}"/>
          </ac:spMkLst>
        </pc:spChg>
        <pc:spChg chg="mod">
          <ac:chgData name="White, Alex" userId="eff6cc8c-37d8-483b-9c6c-6b27e9afa9bc" providerId="ADAL" clId="{BF04C754-5BF4-4E83-9615-DB14FA25AF8A}" dt="2023-10-12T11:38:20.867" v="298"/>
          <ac:spMkLst>
            <pc:docMk/>
            <pc:sldMk cId="2376958513" sldId="260"/>
            <ac:spMk id="12097" creationId="{B69C8894-3E80-564A-D616-305D62D28531}"/>
          </ac:spMkLst>
        </pc:spChg>
        <pc:spChg chg="mod">
          <ac:chgData name="White, Alex" userId="eff6cc8c-37d8-483b-9c6c-6b27e9afa9bc" providerId="ADAL" clId="{BF04C754-5BF4-4E83-9615-DB14FA25AF8A}" dt="2023-10-12T11:38:20.867" v="298"/>
          <ac:spMkLst>
            <pc:docMk/>
            <pc:sldMk cId="2376958513" sldId="260"/>
            <ac:spMk id="12098" creationId="{ED615C0D-B9B1-C40B-1125-D3607AD9DDF3}"/>
          </ac:spMkLst>
        </pc:spChg>
        <pc:spChg chg="mod">
          <ac:chgData name="White, Alex" userId="eff6cc8c-37d8-483b-9c6c-6b27e9afa9bc" providerId="ADAL" clId="{BF04C754-5BF4-4E83-9615-DB14FA25AF8A}" dt="2023-10-12T11:38:20.867" v="298"/>
          <ac:spMkLst>
            <pc:docMk/>
            <pc:sldMk cId="2376958513" sldId="260"/>
            <ac:spMk id="12099" creationId="{416B6FA7-80AA-B07F-834C-8EE4873651D9}"/>
          </ac:spMkLst>
        </pc:spChg>
        <pc:spChg chg="mod">
          <ac:chgData name="White, Alex" userId="eff6cc8c-37d8-483b-9c6c-6b27e9afa9bc" providerId="ADAL" clId="{BF04C754-5BF4-4E83-9615-DB14FA25AF8A}" dt="2023-10-12T11:38:20.867" v="298"/>
          <ac:spMkLst>
            <pc:docMk/>
            <pc:sldMk cId="2376958513" sldId="260"/>
            <ac:spMk id="12100" creationId="{81E00C92-6392-2F9D-DEFC-BFEACDA8282B}"/>
          </ac:spMkLst>
        </pc:spChg>
        <pc:spChg chg="mod">
          <ac:chgData name="White, Alex" userId="eff6cc8c-37d8-483b-9c6c-6b27e9afa9bc" providerId="ADAL" clId="{BF04C754-5BF4-4E83-9615-DB14FA25AF8A}" dt="2023-10-12T11:38:20.867" v="298"/>
          <ac:spMkLst>
            <pc:docMk/>
            <pc:sldMk cId="2376958513" sldId="260"/>
            <ac:spMk id="12101" creationId="{1064DCBB-BCEA-90C7-DC46-A269B6A4A613}"/>
          </ac:spMkLst>
        </pc:spChg>
        <pc:spChg chg="mod">
          <ac:chgData name="White, Alex" userId="eff6cc8c-37d8-483b-9c6c-6b27e9afa9bc" providerId="ADAL" clId="{BF04C754-5BF4-4E83-9615-DB14FA25AF8A}" dt="2023-10-12T11:38:20.867" v="298"/>
          <ac:spMkLst>
            <pc:docMk/>
            <pc:sldMk cId="2376958513" sldId="260"/>
            <ac:spMk id="12102" creationId="{8B98F770-57EE-8A95-27A7-398C87A6D9A9}"/>
          </ac:spMkLst>
        </pc:spChg>
        <pc:spChg chg="mod">
          <ac:chgData name="White, Alex" userId="eff6cc8c-37d8-483b-9c6c-6b27e9afa9bc" providerId="ADAL" clId="{BF04C754-5BF4-4E83-9615-DB14FA25AF8A}" dt="2023-10-12T11:38:20.867" v="298"/>
          <ac:spMkLst>
            <pc:docMk/>
            <pc:sldMk cId="2376958513" sldId="260"/>
            <ac:spMk id="12103" creationId="{56D03027-7B94-848B-6B6B-F33432A73AB3}"/>
          </ac:spMkLst>
        </pc:spChg>
        <pc:spChg chg="mod">
          <ac:chgData name="White, Alex" userId="eff6cc8c-37d8-483b-9c6c-6b27e9afa9bc" providerId="ADAL" clId="{BF04C754-5BF4-4E83-9615-DB14FA25AF8A}" dt="2023-10-12T11:38:20.867" v="298"/>
          <ac:spMkLst>
            <pc:docMk/>
            <pc:sldMk cId="2376958513" sldId="260"/>
            <ac:spMk id="12104" creationId="{2326C5B2-DC2E-0556-EA3E-F13383802978}"/>
          </ac:spMkLst>
        </pc:spChg>
        <pc:spChg chg="mod">
          <ac:chgData name="White, Alex" userId="eff6cc8c-37d8-483b-9c6c-6b27e9afa9bc" providerId="ADAL" clId="{BF04C754-5BF4-4E83-9615-DB14FA25AF8A}" dt="2023-10-12T11:38:20.867" v="298"/>
          <ac:spMkLst>
            <pc:docMk/>
            <pc:sldMk cId="2376958513" sldId="260"/>
            <ac:spMk id="12105" creationId="{BCF6CD36-E5F9-B72F-847F-63617F61B71C}"/>
          </ac:spMkLst>
        </pc:spChg>
        <pc:spChg chg="mod">
          <ac:chgData name="White, Alex" userId="eff6cc8c-37d8-483b-9c6c-6b27e9afa9bc" providerId="ADAL" clId="{BF04C754-5BF4-4E83-9615-DB14FA25AF8A}" dt="2023-10-12T11:38:20.867" v="298"/>
          <ac:spMkLst>
            <pc:docMk/>
            <pc:sldMk cId="2376958513" sldId="260"/>
            <ac:spMk id="12106" creationId="{EE4D8A9C-5877-DF42-DEC2-1770494BDD16}"/>
          </ac:spMkLst>
        </pc:spChg>
        <pc:spChg chg="mod">
          <ac:chgData name="White, Alex" userId="eff6cc8c-37d8-483b-9c6c-6b27e9afa9bc" providerId="ADAL" clId="{BF04C754-5BF4-4E83-9615-DB14FA25AF8A}" dt="2023-10-12T11:38:20.867" v="298"/>
          <ac:spMkLst>
            <pc:docMk/>
            <pc:sldMk cId="2376958513" sldId="260"/>
            <ac:spMk id="12107" creationId="{355F7762-BB0F-C2C4-F466-2B356EC01BB7}"/>
          </ac:spMkLst>
        </pc:spChg>
        <pc:spChg chg="mod">
          <ac:chgData name="White, Alex" userId="eff6cc8c-37d8-483b-9c6c-6b27e9afa9bc" providerId="ADAL" clId="{BF04C754-5BF4-4E83-9615-DB14FA25AF8A}" dt="2023-10-12T11:38:20.867" v="298"/>
          <ac:spMkLst>
            <pc:docMk/>
            <pc:sldMk cId="2376958513" sldId="260"/>
            <ac:spMk id="12108" creationId="{061C84AF-E15E-6342-3D22-6706557466CA}"/>
          </ac:spMkLst>
        </pc:spChg>
        <pc:spChg chg="mod">
          <ac:chgData name="White, Alex" userId="eff6cc8c-37d8-483b-9c6c-6b27e9afa9bc" providerId="ADAL" clId="{BF04C754-5BF4-4E83-9615-DB14FA25AF8A}" dt="2023-10-12T11:38:20.867" v="298"/>
          <ac:spMkLst>
            <pc:docMk/>
            <pc:sldMk cId="2376958513" sldId="260"/>
            <ac:spMk id="12109" creationId="{AC39777E-7725-5D22-2549-41A552EF369E}"/>
          </ac:spMkLst>
        </pc:spChg>
        <pc:spChg chg="mod">
          <ac:chgData name="White, Alex" userId="eff6cc8c-37d8-483b-9c6c-6b27e9afa9bc" providerId="ADAL" clId="{BF04C754-5BF4-4E83-9615-DB14FA25AF8A}" dt="2023-10-12T11:38:20.867" v="298"/>
          <ac:spMkLst>
            <pc:docMk/>
            <pc:sldMk cId="2376958513" sldId="260"/>
            <ac:spMk id="12110" creationId="{DD494459-857E-AD90-BEA8-C46592B1226D}"/>
          </ac:spMkLst>
        </pc:spChg>
        <pc:spChg chg="mod">
          <ac:chgData name="White, Alex" userId="eff6cc8c-37d8-483b-9c6c-6b27e9afa9bc" providerId="ADAL" clId="{BF04C754-5BF4-4E83-9615-DB14FA25AF8A}" dt="2023-10-12T11:38:20.867" v="298"/>
          <ac:spMkLst>
            <pc:docMk/>
            <pc:sldMk cId="2376958513" sldId="260"/>
            <ac:spMk id="12111" creationId="{77733A93-30E9-512D-55FD-59A5386DA444}"/>
          </ac:spMkLst>
        </pc:spChg>
        <pc:spChg chg="mod">
          <ac:chgData name="White, Alex" userId="eff6cc8c-37d8-483b-9c6c-6b27e9afa9bc" providerId="ADAL" clId="{BF04C754-5BF4-4E83-9615-DB14FA25AF8A}" dt="2023-10-12T11:38:20.867" v="298"/>
          <ac:spMkLst>
            <pc:docMk/>
            <pc:sldMk cId="2376958513" sldId="260"/>
            <ac:spMk id="12112" creationId="{FDE7E722-A477-8286-40C0-0D2D6FCD7837}"/>
          </ac:spMkLst>
        </pc:spChg>
        <pc:spChg chg="mod">
          <ac:chgData name="White, Alex" userId="eff6cc8c-37d8-483b-9c6c-6b27e9afa9bc" providerId="ADAL" clId="{BF04C754-5BF4-4E83-9615-DB14FA25AF8A}" dt="2023-10-12T11:38:20.867" v="298"/>
          <ac:spMkLst>
            <pc:docMk/>
            <pc:sldMk cId="2376958513" sldId="260"/>
            <ac:spMk id="12113" creationId="{C5AE0384-5EE0-9244-2C80-370FF22621BE}"/>
          </ac:spMkLst>
        </pc:spChg>
        <pc:spChg chg="mod">
          <ac:chgData name="White, Alex" userId="eff6cc8c-37d8-483b-9c6c-6b27e9afa9bc" providerId="ADAL" clId="{BF04C754-5BF4-4E83-9615-DB14FA25AF8A}" dt="2023-10-12T11:38:20.867" v="298"/>
          <ac:spMkLst>
            <pc:docMk/>
            <pc:sldMk cId="2376958513" sldId="260"/>
            <ac:spMk id="12114" creationId="{467BD46C-582F-CF53-4081-837827CDC709}"/>
          </ac:spMkLst>
        </pc:spChg>
        <pc:spChg chg="mod">
          <ac:chgData name="White, Alex" userId="eff6cc8c-37d8-483b-9c6c-6b27e9afa9bc" providerId="ADAL" clId="{BF04C754-5BF4-4E83-9615-DB14FA25AF8A}" dt="2023-10-12T11:38:20.867" v="298"/>
          <ac:spMkLst>
            <pc:docMk/>
            <pc:sldMk cId="2376958513" sldId="260"/>
            <ac:spMk id="12115" creationId="{A667FC84-8499-52BD-D234-9415A42BACA5}"/>
          </ac:spMkLst>
        </pc:spChg>
        <pc:spChg chg="mod">
          <ac:chgData name="White, Alex" userId="eff6cc8c-37d8-483b-9c6c-6b27e9afa9bc" providerId="ADAL" clId="{BF04C754-5BF4-4E83-9615-DB14FA25AF8A}" dt="2023-10-12T11:38:20.867" v="298"/>
          <ac:spMkLst>
            <pc:docMk/>
            <pc:sldMk cId="2376958513" sldId="260"/>
            <ac:spMk id="12116" creationId="{E3EE9943-18C9-1144-A94D-48C30F209270}"/>
          </ac:spMkLst>
        </pc:spChg>
        <pc:spChg chg="mod">
          <ac:chgData name="White, Alex" userId="eff6cc8c-37d8-483b-9c6c-6b27e9afa9bc" providerId="ADAL" clId="{BF04C754-5BF4-4E83-9615-DB14FA25AF8A}" dt="2023-10-12T11:38:20.867" v="298"/>
          <ac:spMkLst>
            <pc:docMk/>
            <pc:sldMk cId="2376958513" sldId="260"/>
            <ac:spMk id="12117" creationId="{5F86E182-787A-6B24-58ED-076F84966A58}"/>
          </ac:spMkLst>
        </pc:spChg>
        <pc:spChg chg="mod">
          <ac:chgData name="White, Alex" userId="eff6cc8c-37d8-483b-9c6c-6b27e9afa9bc" providerId="ADAL" clId="{BF04C754-5BF4-4E83-9615-DB14FA25AF8A}" dt="2023-10-12T11:38:20.867" v="298"/>
          <ac:spMkLst>
            <pc:docMk/>
            <pc:sldMk cId="2376958513" sldId="260"/>
            <ac:spMk id="12118" creationId="{9A724502-5E56-0215-9DB6-1C7778D101A7}"/>
          </ac:spMkLst>
        </pc:spChg>
        <pc:spChg chg="mod">
          <ac:chgData name="White, Alex" userId="eff6cc8c-37d8-483b-9c6c-6b27e9afa9bc" providerId="ADAL" clId="{BF04C754-5BF4-4E83-9615-DB14FA25AF8A}" dt="2023-10-12T11:38:20.867" v="298"/>
          <ac:spMkLst>
            <pc:docMk/>
            <pc:sldMk cId="2376958513" sldId="260"/>
            <ac:spMk id="12119" creationId="{BCCBF738-F3BD-A9F2-063B-E0908F19BBD2}"/>
          </ac:spMkLst>
        </pc:spChg>
        <pc:spChg chg="mod">
          <ac:chgData name="White, Alex" userId="eff6cc8c-37d8-483b-9c6c-6b27e9afa9bc" providerId="ADAL" clId="{BF04C754-5BF4-4E83-9615-DB14FA25AF8A}" dt="2023-10-12T11:38:20.867" v="298"/>
          <ac:spMkLst>
            <pc:docMk/>
            <pc:sldMk cId="2376958513" sldId="260"/>
            <ac:spMk id="12120" creationId="{F6846605-F4D4-D1A0-D594-9F4B4B6F5445}"/>
          </ac:spMkLst>
        </pc:spChg>
        <pc:spChg chg="mod">
          <ac:chgData name="White, Alex" userId="eff6cc8c-37d8-483b-9c6c-6b27e9afa9bc" providerId="ADAL" clId="{BF04C754-5BF4-4E83-9615-DB14FA25AF8A}" dt="2023-10-12T11:38:20.867" v="298"/>
          <ac:spMkLst>
            <pc:docMk/>
            <pc:sldMk cId="2376958513" sldId="260"/>
            <ac:spMk id="12121" creationId="{B94BA07F-D710-CF8D-887D-540F65F97353}"/>
          </ac:spMkLst>
        </pc:spChg>
        <pc:spChg chg="mod">
          <ac:chgData name="White, Alex" userId="eff6cc8c-37d8-483b-9c6c-6b27e9afa9bc" providerId="ADAL" clId="{BF04C754-5BF4-4E83-9615-DB14FA25AF8A}" dt="2023-10-12T11:38:20.867" v="298"/>
          <ac:spMkLst>
            <pc:docMk/>
            <pc:sldMk cId="2376958513" sldId="260"/>
            <ac:spMk id="12122" creationId="{815C4F0C-67C7-5842-1E70-B856D1C2FF94}"/>
          </ac:spMkLst>
        </pc:spChg>
        <pc:spChg chg="mod">
          <ac:chgData name="White, Alex" userId="eff6cc8c-37d8-483b-9c6c-6b27e9afa9bc" providerId="ADAL" clId="{BF04C754-5BF4-4E83-9615-DB14FA25AF8A}" dt="2023-10-12T11:38:20.867" v="298"/>
          <ac:spMkLst>
            <pc:docMk/>
            <pc:sldMk cId="2376958513" sldId="260"/>
            <ac:spMk id="12123" creationId="{AA09B38D-33C1-2214-3A48-4FADAE0FB9C1}"/>
          </ac:spMkLst>
        </pc:spChg>
        <pc:spChg chg="mod">
          <ac:chgData name="White, Alex" userId="eff6cc8c-37d8-483b-9c6c-6b27e9afa9bc" providerId="ADAL" clId="{BF04C754-5BF4-4E83-9615-DB14FA25AF8A}" dt="2023-10-12T11:38:20.867" v="298"/>
          <ac:spMkLst>
            <pc:docMk/>
            <pc:sldMk cId="2376958513" sldId="260"/>
            <ac:spMk id="12124" creationId="{5A9D7E19-2E14-C4D6-DFF7-8AD638EED7A9}"/>
          </ac:spMkLst>
        </pc:spChg>
        <pc:spChg chg="mod">
          <ac:chgData name="White, Alex" userId="eff6cc8c-37d8-483b-9c6c-6b27e9afa9bc" providerId="ADAL" clId="{BF04C754-5BF4-4E83-9615-DB14FA25AF8A}" dt="2023-10-12T11:38:20.867" v="298"/>
          <ac:spMkLst>
            <pc:docMk/>
            <pc:sldMk cId="2376958513" sldId="260"/>
            <ac:spMk id="12125" creationId="{2ADD3E1A-3366-35E9-7BF2-2C8846350806}"/>
          </ac:spMkLst>
        </pc:spChg>
        <pc:spChg chg="mod">
          <ac:chgData name="White, Alex" userId="eff6cc8c-37d8-483b-9c6c-6b27e9afa9bc" providerId="ADAL" clId="{BF04C754-5BF4-4E83-9615-DB14FA25AF8A}" dt="2023-10-12T11:38:20.867" v="298"/>
          <ac:spMkLst>
            <pc:docMk/>
            <pc:sldMk cId="2376958513" sldId="260"/>
            <ac:spMk id="12126" creationId="{EB6EED92-6245-A16B-E5AE-E2375989271E}"/>
          </ac:spMkLst>
        </pc:spChg>
        <pc:spChg chg="mod">
          <ac:chgData name="White, Alex" userId="eff6cc8c-37d8-483b-9c6c-6b27e9afa9bc" providerId="ADAL" clId="{BF04C754-5BF4-4E83-9615-DB14FA25AF8A}" dt="2023-10-12T11:38:20.867" v="298"/>
          <ac:spMkLst>
            <pc:docMk/>
            <pc:sldMk cId="2376958513" sldId="260"/>
            <ac:spMk id="12127" creationId="{21781D30-993A-A5B6-9367-BD79C690FF87}"/>
          </ac:spMkLst>
        </pc:spChg>
        <pc:spChg chg="mod">
          <ac:chgData name="White, Alex" userId="eff6cc8c-37d8-483b-9c6c-6b27e9afa9bc" providerId="ADAL" clId="{BF04C754-5BF4-4E83-9615-DB14FA25AF8A}" dt="2023-10-12T11:38:20.867" v="298"/>
          <ac:spMkLst>
            <pc:docMk/>
            <pc:sldMk cId="2376958513" sldId="260"/>
            <ac:spMk id="12128" creationId="{503948D4-64BF-9610-8663-781F0B18FEAA}"/>
          </ac:spMkLst>
        </pc:spChg>
        <pc:spChg chg="mod">
          <ac:chgData name="White, Alex" userId="eff6cc8c-37d8-483b-9c6c-6b27e9afa9bc" providerId="ADAL" clId="{BF04C754-5BF4-4E83-9615-DB14FA25AF8A}" dt="2023-10-12T11:38:20.867" v="298"/>
          <ac:spMkLst>
            <pc:docMk/>
            <pc:sldMk cId="2376958513" sldId="260"/>
            <ac:spMk id="12129" creationId="{85DC7F58-F655-DF5F-CF9C-2EA8FB0EDECB}"/>
          </ac:spMkLst>
        </pc:spChg>
        <pc:spChg chg="mod">
          <ac:chgData name="White, Alex" userId="eff6cc8c-37d8-483b-9c6c-6b27e9afa9bc" providerId="ADAL" clId="{BF04C754-5BF4-4E83-9615-DB14FA25AF8A}" dt="2023-10-12T11:38:20.867" v="298"/>
          <ac:spMkLst>
            <pc:docMk/>
            <pc:sldMk cId="2376958513" sldId="260"/>
            <ac:spMk id="12130" creationId="{C84C9027-BDE8-4F04-8F34-F148ACCDF988}"/>
          </ac:spMkLst>
        </pc:spChg>
        <pc:spChg chg="mod">
          <ac:chgData name="White, Alex" userId="eff6cc8c-37d8-483b-9c6c-6b27e9afa9bc" providerId="ADAL" clId="{BF04C754-5BF4-4E83-9615-DB14FA25AF8A}" dt="2023-10-12T11:38:20.867" v="298"/>
          <ac:spMkLst>
            <pc:docMk/>
            <pc:sldMk cId="2376958513" sldId="260"/>
            <ac:spMk id="12131" creationId="{1DFC2A72-3B90-EDFA-579B-D9D1B2476E76}"/>
          </ac:spMkLst>
        </pc:spChg>
        <pc:spChg chg="mod">
          <ac:chgData name="White, Alex" userId="eff6cc8c-37d8-483b-9c6c-6b27e9afa9bc" providerId="ADAL" clId="{BF04C754-5BF4-4E83-9615-DB14FA25AF8A}" dt="2023-10-12T11:38:20.867" v="298"/>
          <ac:spMkLst>
            <pc:docMk/>
            <pc:sldMk cId="2376958513" sldId="260"/>
            <ac:spMk id="12132" creationId="{E2402827-A5F3-041F-1B5F-497A7B05741F}"/>
          </ac:spMkLst>
        </pc:spChg>
        <pc:spChg chg="mod">
          <ac:chgData name="White, Alex" userId="eff6cc8c-37d8-483b-9c6c-6b27e9afa9bc" providerId="ADAL" clId="{BF04C754-5BF4-4E83-9615-DB14FA25AF8A}" dt="2023-10-12T11:38:20.867" v="298"/>
          <ac:spMkLst>
            <pc:docMk/>
            <pc:sldMk cId="2376958513" sldId="260"/>
            <ac:spMk id="12133" creationId="{7F0694B3-97A1-DD4B-EF64-BF029557EEAE}"/>
          </ac:spMkLst>
        </pc:spChg>
        <pc:spChg chg="mod">
          <ac:chgData name="White, Alex" userId="eff6cc8c-37d8-483b-9c6c-6b27e9afa9bc" providerId="ADAL" clId="{BF04C754-5BF4-4E83-9615-DB14FA25AF8A}" dt="2023-10-12T11:38:20.867" v="298"/>
          <ac:spMkLst>
            <pc:docMk/>
            <pc:sldMk cId="2376958513" sldId="260"/>
            <ac:spMk id="12134" creationId="{902A251E-B148-4AED-B51E-9DEC797893AF}"/>
          </ac:spMkLst>
        </pc:spChg>
        <pc:spChg chg="mod">
          <ac:chgData name="White, Alex" userId="eff6cc8c-37d8-483b-9c6c-6b27e9afa9bc" providerId="ADAL" clId="{BF04C754-5BF4-4E83-9615-DB14FA25AF8A}" dt="2023-10-12T11:38:20.867" v="298"/>
          <ac:spMkLst>
            <pc:docMk/>
            <pc:sldMk cId="2376958513" sldId="260"/>
            <ac:spMk id="12135" creationId="{D486AD51-0AE7-B436-39E7-588A809A399F}"/>
          </ac:spMkLst>
        </pc:spChg>
        <pc:spChg chg="mod">
          <ac:chgData name="White, Alex" userId="eff6cc8c-37d8-483b-9c6c-6b27e9afa9bc" providerId="ADAL" clId="{BF04C754-5BF4-4E83-9615-DB14FA25AF8A}" dt="2023-10-12T11:38:20.867" v="298"/>
          <ac:spMkLst>
            <pc:docMk/>
            <pc:sldMk cId="2376958513" sldId="260"/>
            <ac:spMk id="12136" creationId="{3476F793-AA9E-0126-F9C1-0C19B713975F}"/>
          </ac:spMkLst>
        </pc:spChg>
        <pc:spChg chg="mod">
          <ac:chgData name="White, Alex" userId="eff6cc8c-37d8-483b-9c6c-6b27e9afa9bc" providerId="ADAL" clId="{BF04C754-5BF4-4E83-9615-DB14FA25AF8A}" dt="2023-10-12T11:38:20.867" v="298"/>
          <ac:spMkLst>
            <pc:docMk/>
            <pc:sldMk cId="2376958513" sldId="260"/>
            <ac:spMk id="12137" creationId="{6B77F590-041F-91DF-0256-F7668A603BF0}"/>
          </ac:spMkLst>
        </pc:spChg>
        <pc:spChg chg="mod">
          <ac:chgData name="White, Alex" userId="eff6cc8c-37d8-483b-9c6c-6b27e9afa9bc" providerId="ADAL" clId="{BF04C754-5BF4-4E83-9615-DB14FA25AF8A}" dt="2023-10-12T11:38:20.867" v="298"/>
          <ac:spMkLst>
            <pc:docMk/>
            <pc:sldMk cId="2376958513" sldId="260"/>
            <ac:spMk id="12138" creationId="{321CD66C-36C9-FA41-7A93-664149BC19A1}"/>
          </ac:spMkLst>
        </pc:spChg>
        <pc:spChg chg="mod">
          <ac:chgData name="White, Alex" userId="eff6cc8c-37d8-483b-9c6c-6b27e9afa9bc" providerId="ADAL" clId="{BF04C754-5BF4-4E83-9615-DB14FA25AF8A}" dt="2023-10-12T11:38:20.867" v="298"/>
          <ac:spMkLst>
            <pc:docMk/>
            <pc:sldMk cId="2376958513" sldId="260"/>
            <ac:spMk id="12139" creationId="{49DFF8B9-5C23-FB7D-80B3-6DD5BB2C17AB}"/>
          </ac:spMkLst>
        </pc:spChg>
        <pc:spChg chg="mod">
          <ac:chgData name="White, Alex" userId="eff6cc8c-37d8-483b-9c6c-6b27e9afa9bc" providerId="ADAL" clId="{BF04C754-5BF4-4E83-9615-DB14FA25AF8A}" dt="2023-10-12T11:38:20.867" v="298"/>
          <ac:spMkLst>
            <pc:docMk/>
            <pc:sldMk cId="2376958513" sldId="260"/>
            <ac:spMk id="12140" creationId="{D1076A9F-393A-69AF-7394-E11D3A8BEC0F}"/>
          </ac:spMkLst>
        </pc:spChg>
        <pc:spChg chg="mod">
          <ac:chgData name="White, Alex" userId="eff6cc8c-37d8-483b-9c6c-6b27e9afa9bc" providerId="ADAL" clId="{BF04C754-5BF4-4E83-9615-DB14FA25AF8A}" dt="2023-10-12T11:38:20.867" v="298"/>
          <ac:spMkLst>
            <pc:docMk/>
            <pc:sldMk cId="2376958513" sldId="260"/>
            <ac:spMk id="12141" creationId="{E4DF4349-9D87-503B-39FB-5D374729691E}"/>
          </ac:spMkLst>
        </pc:spChg>
        <pc:spChg chg="mod">
          <ac:chgData name="White, Alex" userId="eff6cc8c-37d8-483b-9c6c-6b27e9afa9bc" providerId="ADAL" clId="{BF04C754-5BF4-4E83-9615-DB14FA25AF8A}" dt="2023-10-12T11:38:20.867" v="298"/>
          <ac:spMkLst>
            <pc:docMk/>
            <pc:sldMk cId="2376958513" sldId="260"/>
            <ac:spMk id="12142" creationId="{C9E9DDE0-32A8-2117-E469-A3F328FD5C19}"/>
          </ac:spMkLst>
        </pc:spChg>
        <pc:spChg chg="mod">
          <ac:chgData name="White, Alex" userId="eff6cc8c-37d8-483b-9c6c-6b27e9afa9bc" providerId="ADAL" clId="{BF04C754-5BF4-4E83-9615-DB14FA25AF8A}" dt="2023-10-12T11:38:20.867" v="298"/>
          <ac:spMkLst>
            <pc:docMk/>
            <pc:sldMk cId="2376958513" sldId="260"/>
            <ac:spMk id="12143" creationId="{74920A2E-F982-FE9E-68A9-8E7DC7D6D540}"/>
          </ac:spMkLst>
        </pc:spChg>
        <pc:spChg chg="mod">
          <ac:chgData name="White, Alex" userId="eff6cc8c-37d8-483b-9c6c-6b27e9afa9bc" providerId="ADAL" clId="{BF04C754-5BF4-4E83-9615-DB14FA25AF8A}" dt="2023-10-12T11:38:20.867" v="298"/>
          <ac:spMkLst>
            <pc:docMk/>
            <pc:sldMk cId="2376958513" sldId="260"/>
            <ac:spMk id="12144" creationId="{CA6B1F66-FEA0-94F7-8CB4-BE5BA363B02A}"/>
          </ac:spMkLst>
        </pc:spChg>
        <pc:spChg chg="mod">
          <ac:chgData name="White, Alex" userId="eff6cc8c-37d8-483b-9c6c-6b27e9afa9bc" providerId="ADAL" clId="{BF04C754-5BF4-4E83-9615-DB14FA25AF8A}" dt="2023-10-12T11:38:20.867" v="298"/>
          <ac:spMkLst>
            <pc:docMk/>
            <pc:sldMk cId="2376958513" sldId="260"/>
            <ac:spMk id="12145" creationId="{681C3865-62AE-DDC9-81A0-26669709EB39}"/>
          </ac:spMkLst>
        </pc:spChg>
        <pc:spChg chg="mod">
          <ac:chgData name="White, Alex" userId="eff6cc8c-37d8-483b-9c6c-6b27e9afa9bc" providerId="ADAL" clId="{BF04C754-5BF4-4E83-9615-DB14FA25AF8A}" dt="2023-10-12T11:38:20.867" v="298"/>
          <ac:spMkLst>
            <pc:docMk/>
            <pc:sldMk cId="2376958513" sldId="260"/>
            <ac:spMk id="12146" creationId="{A77C9115-8874-B583-02CE-FB50B3F312B0}"/>
          </ac:spMkLst>
        </pc:spChg>
        <pc:spChg chg="mod">
          <ac:chgData name="White, Alex" userId="eff6cc8c-37d8-483b-9c6c-6b27e9afa9bc" providerId="ADAL" clId="{BF04C754-5BF4-4E83-9615-DB14FA25AF8A}" dt="2023-10-12T11:38:20.867" v="298"/>
          <ac:spMkLst>
            <pc:docMk/>
            <pc:sldMk cId="2376958513" sldId="260"/>
            <ac:spMk id="12147" creationId="{64CFCA12-7A44-9816-2A85-B4A306B715D7}"/>
          </ac:spMkLst>
        </pc:spChg>
        <pc:spChg chg="mod">
          <ac:chgData name="White, Alex" userId="eff6cc8c-37d8-483b-9c6c-6b27e9afa9bc" providerId="ADAL" clId="{BF04C754-5BF4-4E83-9615-DB14FA25AF8A}" dt="2023-10-12T11:38:20.867" v="298"/>
          <ac:spMkLst>
            <pc:docMk/>
            <pc:sldMk cId="2376958513" sldId="260"/>
            <ac:spMk id="12148" creationId="{B0E8BF5A-AC59-D7FA-7C5F-E60169B4B96D}"/>
          </ac:spMkLst>
        </pc:spChg>
        <pc:spChg chg="mod">
          <ac:chgData name="White, Alex" userId="eff6cc8c-37d8-483b-9c6c-6b27e9afa9bc" providerId="ADAL" clId="{BF04C754-5BF4-4E83-9615-DB14FA25AF8A}" dt="2023-10-12T11:38:20.867" v="298"/>
          <ac:spMkLst>
            <pc:docMk/>
            <pc:sldMk cId="2376958513" sldId="260"/>
            <ac:spMk id="12149" creationId="{AD71A059-E542-87AC-38C3-C8BEEC0DC323}"/>
          </ac:spMkLst>
        </pc:spChg>
        <pc:spChg chg="mod">
          <ac:chgData name="White, Alex" userId="eff6cc8c-37d8-483b-9c6c-6b27e9afa9bc" providerId="ADAL" clId="{BF04C754-5BF4-4E83-9615-DB14FA25AF8A}" dt="2023-10-12T11:38:20.867" v="298"/>
          <ac:spMkLst>
            <pc:docMk/>
            <pc:sldMk cId="2376958513" sldId="260"/>
            <ac:spMk id="12150" creationId="{9E755FB1-DB4C-D132-18ED-BEF0F3C9ABD7}"/>
          </ac:spMkLst>
        </pc:spChg>
        <pc:spChg chg="mod">
          <ac:chgData name="White, Alex" userId="eff6cc8c-37d8-483b-9c6c-6b27e9afa9bc" providerId="ADAL" clId="{BF04C754-5BF4-4E83-9615-DB14FA25AF8A}" dt="2023-10-12T11:38:20.867" v="298"/>
          <ac:spMkLst>
            <pc:docMk/>
            <pc:sldMk cId="2376958513" sldId="260"/>
            <ac:spMk id="12151" creationId="{97985FE6-A374-64CF-4B22-FFB061CDA872}"/>
          </ac:spMkLst>
        </pc:spChg>
        <pc:spChg chg="mod">
          <ac:chgData name="White, Alex" userId="eff6cc8c-37d8-483b-9c6c-6b27e9afa9bc" providerId="ADAL" clId="{BF04C754-5BF4-4E83-9615-DB14FA25AF8A}" dt="2023-10-12T11:38:20.867" v="298"/>
          <ac:spMkLst>
            <pc:docMk/>
            <pc:sldMk cId="2376958513" sldId="260"/>
            <ac:spMk id="12152" creationId="{1F3FB408-EDF7-9DD5-B862-C88178A5C81A}"/>
          </ac:spMkLst>
        </pc:spChg>
        <pc:spChg chg="mod">
          <ac:chgData name="White, Alex" userId="eff6cc8c-37d8-483b-9c6c-6b27e9afa9bc" providerId="ADAL" clId="{BF04C754-5BF4-4E83-9615-DB14FA25AF8A}" dt="2023-10-12T11:38:20.867" v="298"/>
          <ac:spMkLst>
            <pc:docMk/>
            <pc:sldMk cId="2376958513" sldId="260"/>
            <ac:spMk id="12153" creationId="{37188CE2-BB2F-2FA0-D309-38021003B0E9}"/>
          </ac:spMkLst>
        </pc:spChg>
        <pc:spChg chg="mod">
          <ac:chgData name="White, Alex" userId="eff6cc8c-37d8-483b-9c6c-6b27e9afa9bc" providerId="ADAL" clId="{BF04C754-5BF4-4E83-9615-DB14FA25AF8A}" dt="2023-10-12T11:38:20.867" v="298"/>
          <ac:spMkLst>
            <pc:docMk/>
            <pc:sldMk cId="2376958513" sldId="260"/>
            <ac:spMk id="12154" creationId="{288E2350-2930-F844-3265-17AD03725A60}"/>
          </ac:spMkLst>
        </pc:spChg>
        <pc:spChg chg="mod">
          <ac:chgData name="White, Alex" userId="eff6cc8c-37d8-483b-9c6c-6b27e9afa9bc" providerId="ADAL" clId="{BF04C754-5BF4-4E83-9615-DB14FA25AF8A}" dt="2023-10-12T11:38:20.867" v="298"/>
          <ac:spMkLst>
            <pc:docMk/>
            <pc:sldMk cId="2376958513" sldId="260"/>
            <ac:spMk id="12155" creationId="{D09635E1-1C84-473D-58DF-64AB3980C55A}"/>
          </ac:spMkLst>
        </pc:spChg>
        <pc:spChg chg="mod">
          <ac:chgData name="White, Alex" userId="eff6cc8c-37d8-483b-9c6c-6b27e9afa9bc" providerId="ADAL" clId="{BF04C754-5BF4-4E83-9615-DB14FA25AF8A}" dt="2023-10-12T11:38:20.867" v="298"/>
          <ac:spMkLst>
            <pc:docMk/>
            <pc:sldMk cId="2376958513" sldId="260"/>
            <ac:spMk id="12156" creationId="{E2100B8F-47A1-D712-1492-F3D52174A0A2}"/>
          </ac:spMkLst>
        </pc:spChg>
        <pc:spChg chg="mod">
          <ac:chgData name="White, Alex" userId="eff6cc8c-37d8-483b-9c6c-6b27e9afa9bc" providerId="ADAL" clId="{BF04C754-5BF4-4E83-9615-DB14FA25AF8A}" dt="2023-10-12T11:38:20.867" v="298"/>
          <ac:spMkLst>
            <pc:docMk/>
            <pc:sldMk cId="2376958513" sldId="260"/>
            <ac:spMk id="12157" creationId="{47AC0DBE-ABFC-4167-A9B0-208966C595F2}"/>
          </ac:spMkLst>
        </pc:spChg>
        <pc:spChg chg="mod">
          <ac:chgData name="White, Alex" userId="eff6cc8c-37d8-483b-9c6c-6b27e9afa9bc" providerId="ADAL" clId="{BF04C754-5BF4-4E83-9615-DB14FA25AF8A}" dt="2023-10-12T11:38:20.867" v="298"/>
          <ac:spMkLst>
            <pc:docMk/>
            <pc:sldMk cId="2376958513" sldId="260"/>
            <ac:spMk id="12158" creationId="{9E00D7BE-668C-D512-6B6F-6D58DF561ED5}"/>
          </ac:spMkLst>
        </pc:spChg>
        <pc:spChg chg="mod">
          <ac:chgData name="White, Alex" userId="eff6cc8c-37d8-483b-9c6c-6b27e9afa9bc" providerId="ADAL" clId="{BF04C754-5BF4-4E83-9615-DB14FA25AF8A}" dt="2023-10-12T11:38:20.867" v="298"/>
          <ac:spMkLst>
            <pc:docMk/>
            <pc:sldMk cId="2376958513" sldId="260"/>
            <ac:spMk id="12159" creationId="{A54D7684-1791-8490-4D2B-9EA43E5A2ECF}"/>
          </ac:spMkLst>
        </pc:spChg>
        <pc:spChg chg="mod">
          <ac:chgData name="White, Alex" userId="eff6cc8c-37d8-483b-9c6c-6b27e9afa9bc" providerId="ADAL" clId="{BF04C754-5BF4-4E83-9615-DB14FA25AF8A}" dt="2023-10-12T11:38:20.867" v="298"/>
          <ac:spMkLst>
            <pc:docMk/>
            <pc:sldMk cId="2376958513" sldId="260"/>
            <ac:spMk id="12160" creationId="{CFB30EB0-1BBE-CA14-549D-D6317C876CF4}"/>
          </ac:spMkLst>
        </pc:spChg>
        <pc:spChg chg="mod">
          <ac:chgData name="White, Alex" userId="eff6cc8c-37d8-483b-9c6c-6b27e9afa9bc" providerId="ADAL" clId="{BF04C754-5BF4-4E83-9615-DB14FA25AF8A}" dt="2023-10-12T11:38:20.867" v="298"/>
          <ac:spMkLst>
            <pc:docMk/>
            <pc:sldMk cId="2376958513" sldId="260"/>
            <ac:spMk id="12161" creationId="{CBF0D1F6-EE8D-24E2-DD62-3BD184CBA4AA}"/>
          </ac:spMkLst>
        </pc:spChg>
        <pc:spChg chg="mod">
          <ac:chgData name="White, Alex" userId="eff6cc8c-37d8-483b-9c6c-6b27e9afa9bc" providerId="ADAL" clId="{BF04C754-5BF4-4E83-9615-DB14FA25AF8A}" dt="2023-10-12T11:38:20.867" v="298"/>
          <ac:spMkLst>
            <pc:docMk/>
            <pc:sldMk cId="2376958513" sldId="260"/>
            <ac:spMk id="12162" creationId="{188A2EB5-5D93-AC4C-844A-011294310E96}"/>
          </ac:spMkLst>
        </pc:spChg>
        <pc:spChg chg="mod">
          <ac:chgData name="White, Alex" userId="eff6cc8c-37d8-483b-9c6c-6b27e9afa9bc" providerId="ADAL" clId="{BF04C754-5BF4-4E83-9615-DB14FA25AF8A}" dt="2023-10-12T11:38:20.867" v="298"/>
          <ac:spMkLst>
            <pc:docMk/>
            <pc:sldMk cId="2376958513" sldId="260"/>
            <ac:spMk id="12163" creationId="{C9C29F7C-42E5-DC51-37FA-40DF10B67D3C}"/>
          </ac:spMkLst>
        </pc:spChg>
        <pc:spChg chg="mod">
          <ac:chgData name="White, Alex" userId="eff6cc8c-37d8-483b-9c6c-6b27e9afa9bc" providerId="ADAL" clId="{BF04C754-5BF4-4E83-9615-DB14FA25AF8A}" dt="2023-10-12T11:38:20.867" v="298"/>
          <ac:spMkLst>
            <pc:docMk/>
            <pc:sldMk cId="2376958513" sldId="260"/>
            <ac:spMk id="12164" creationId="{0D66116A-D9BF-A7D0-A2FB-11733D0E0B11}"/>
          </ac:spMkLst>
        </pc:spChg>
        <pc:spChg chg="mod">
          <ac:chgData name="White, Alex" userId="eff6cc8c-37d8-483b-9c6c-6b27e9afa9bc" providerId="ADAL" clId="{BF04C754-5BF4-4E83-9615-DB14FA25AF8A}" dt="2023-10-12T11:38:20.867" v="298"/>
          <ac:spMkLst>
            <pc:docMk/>
            <pc:sldMk cId="2376958513" sldId="260"/>
            <ac:spMk id="12165" creationId="{07AA342D-EEB2-26F3-6542-1F89D93D101D}"/>
          </ac:spMkLst>
        </pc:spChg>
        <pc:spChg chg="mod">
          <ac:chgData name="White, Alex" userId="eff6cc8c-37d8-483b-9c6c-6b27e9afa9bc" providerId="ADAL" clId="{BF04C754-5BF4-4E83-9615-DB14FA25AF8A}" dt="2023-10-12T11:38:20.867" v="298"/>
          <ac:spMkLst>
            <pc:docMk/>
            <pc:sldMk cId="2376958513" sldId="260"/>
            <ac:spMk id="12166" creationId="{5772FC8B-94D5-58EF-F235-8FA0AA1C1F9C}"/>
          </ac:spMkLst>
        </pc:spChg>
        <pc:spChg chg="mod">
          <ac:chgData name="White, Alex" userId="eff6cc8c-37d8-483b-9c6c-6b27e9afa9bc" providerId="ADAL" clId="{BF04C754-5BF4-4E83-9615-DB14FA25AF8A}" dt="2023-10-12T11:38:20.867" v="298"/>
          <ac:spMkLst>
            <pc:docMk/>
            <pc:sldMk cId="2376958513" sldId="260"/>
            <ac:spMk id="12167" creationId="{893A9D79-9753-AEC9-C04D-0AC82762EDE3}"/>
          </ac:spMkLst>
        </pc:spChg>
        <pc:spChg chg="mod">
          <ac:chgData name="White, Alex" userId="eff6cc8c-37d8-483b-9c6c-6b27e9afa9bc" providerId="ADAL" clId="{BF04C754-5BF4-4E83-9615-DB14FA25AF8A}" dt="2023-10-12T11:38:20.867" v="298"/>
          <ac:spMkLst>
            <pc:docMk/>
            <pc:sldMk cId="2376958513" sldId="260"/>
            <ac:spMk id="12168" creationId="{7CD77468-6B5A-7549-2F9F-46F8518A1778}"/>
          </ac:spMkLst>
        </pc:spChg>
        <pc:spChg chg="mod">
          <ac:chgData name="White, Alex" userId="eff6cc8c-37d8-483b-9c6c-6b27e9afa9bc" providerId="ADAL" clId="{BF04C754-5BF4-4E83-9615-DB14FA25AF8A}" dt="2023-10-12T11:38:20.867" v="298"/>
          <ac:spMkLst>
            <pc:docMk/>
            <pc:sldMk cId="2376958513" sldId="260"/>
            <ac:spMk id="12169" creationId="{A0555E26-4A81-EF95-371F-420E9B02A3B9}"/>
          </ac:spMkLst>
        </pc:spChg>
        <pc:spChg chg="mod">
          <ac:chgData name="White, Alex" userId="eff6cc8c-37d8-483b-9c6c-6b27e9afa9bc" providerId="ADAL" clId="{BF04C754-5BF4-4E83-9615-DB14FA25AF8A}" dt="2023-10-12T11:38:20.867" v="298"/>
          <ac:spMkLst>
            <pc:docMk/>
            <pc:sldMk cId="2376958513" sldId="260"/>
            <ac:spMk id="12170" creationId="{3C318B60-A6D3-D1F7-1700-EE0E55B8E2B3}"/>
          </ac:spMkLst>
        </pc:spChg>
        <pc:spChg chg="mod">
          <ac:chgData name="White, Alex" userId="eff6cc8c-37d8-483b-9c6c-6b27e9afa9bc" providerId="ADAL" clId="{BF04C754-5BF4-4E83-9615-DB14FA25AF8A}" dt="2023-10-12T11:38:20.867" v="298"/>
          <ac:spMkLst>
            <pc:docMk/>
            <pc:sldMk cId="2376958513" sldId="260"/>
            <ac:spMk id="12171" creationId="{214D6DCB-2B43-3158-392F-37FEE244D32C}"/>
          </ac:spMkLst>
        </pc:spChg>
        <pc:spChg chg="mod">
          <ac:chgData name="White, Alex" userId="eff6cc8c-37d8-483b-9c6c-6b27e9afa9bc" providerId="ADAL" clId="{BF04C754-5BF4-4E83-9615-DB14FA25AF8A}" dt="2023-10-12T11:38:20.867" v="298"/>
          <ac:spMkLst>
            <pc:docMk/>
            <pc:sldMk cId="2376958513" sldId="260"/>
            <ac:spMk id="12172" creationId="{ED5F63E5-3DE5-3270-5CB9-25C33F29D7DC}"/>
          </ac:spMkLst>
        </pc:spChg>
        <pc:spChg chg="mod">
          <ac:chgData name="White, Alex" userId="eff6cc8c-37d8-483b-9c6c-6b27e9afa9bc" providerId="ADAL" clId="{BF04C754-5BF4-4E83-9615-DB14FA25AF8A}" dt="2023-10-12T11:38:20.867" v="298"/>
          <ac:spMkLst>
            <pc:docMk/>
            <pc:sldMk cId="2376958513" sldId="260"/>
            <ac:spMk id="12173" creationId="{88E0F2EA-7E94-81AD-19EC-8BC4A6363E64}"/>
          </ac:spMkLst>
        </pc:spChg>
        <pc:spChg chg="mod">
          <ac:chgData name="White, Alex" userId="eff6cc8c-37d8-483b-9c6c-6b27e9afa9bc" providerId="ADAL" clId="{BF04C754-5BF4-4E83-9615-DB14FA25AF8A}" dt="2023-10-12T11:38:20.867" v="298"/>
          <ac:spMkLst>
            <pc:docMk/>
            <pc:sldMk cId="2376958513" sldId="260"/>
            <ac:spMk id="12174" creationId="{26289B32-495D-19E8-3DA9-E756A64D4762}"/>
          </ac:spMkLst>
        </pc:spChg>
        <pc:spChg chg="mod">
          <ac:chgData name="White, Alex" userId="eff6cc8c-37d8-483b-9c6c-6b27e9afa9bc" providerId="ADAL" clId="{BF04C754-5BF4-4E83-9615-DB14FA25AF8A}" dt="2023-10-12T11:38:20.867" v="298"/>
          <ac:spMkLst>
            <pc:docMk/>
            <pc:sldMk cId="2376958513" sldId="260"/>
            <ac:spMk id="12175" creationId="{A1C76A2D-04CF-F82C-A263-363439BE7BE9}"/>
          </ac:spMkLst>
        </pc:spChg>
        <pc:spChg chg="mod">
          <ac:chgData name="White, Alex" userId="eff6cc8c-37d8-483b-9c6c-6b27e9afa9bc" providerId="ADAL" clId="{BF04C754-5BF4-4E83-9615-DB14FA25AF8A}" dt="2023-10-12T11:38:20.867" v="298"/>
          <ac:spMkLst>
            <pc:docMk/>
            <pc:sldMk cId="2376958513" sldId="260"/>
            <ac:spMk id="12176" creationId="{9A51E9AA-102C-2682-9403-165B4C6ED18F}"/>
          </ac:spMkLst>
        </pc:spChg>
        <pc:spChg chg="mod">
          <ac:chgData name="White, Alex" userId="eff6cc8c-37d8-483b-9c6c-6b27e9afa9bc" providerId="ADAL" clId="{BF04C754-5BF4-4E83-9615-DB14FA25AF8A}" dt="2023-10-12T11:38:20.867" v="298"/>
          <ac:spMkLst>
            <pc:docMk/>
            <pc:sldMk cId="2376958513" sldId="260"/>
            <ac:spMk id="12177" creationId="{4CCF053C-B8BA-CAF0-260F-997157FF5C79}"/>
          </ac:spMkLst>
        </pc:spChg>
        <pc:spChg chg="mod">
          <ac:chgData name="White, Alex" userId="eff6cc8c-37d8-483b-9c6c-6b27e9afa9bc" providerId="ADAL" clId="{BF04C754-5BF4-4E83-9615-DB14FA25AF8A}" dt="2023-10-12T11:38:20.867" v="298"/>
          <ac:spMkLst>
            <pc:docMk/>
            <pc:sldMk cId="2376958513" sldId="260"/>
            <ac:spMk id="12178" creationId="{6A01F751-89F6-9C5E-103A-23CA3E5DCADE}"/>
          </ac:spMkLst>
        </pc:spChg>
        <pc:spChg chg="mod">
          <ac:chgData name="White, Alex" userId="eff6cc8c-37d8-483b-9c6c-6b27e9afa9bc" providerId="ADAL" clId="{BF04C754-5BF4-4E83-9615-DB14FA25AF8A}" dt="2023-10-12T11:38:20.867" v="298"/>
          <ac:spMkLst>
            <pc:docMk/>
            <pc:sldMk cId="2376958513" sldId="260"/>
            <ac:spMk id="12179" creationId="{A25A42FA-4DFC-C4A6-3FA1-3E5A5B646AE4}"/>
          </ac:spMkLst>
        </pc:spChg>
        <pc:spChg chg="mod">
          <ac:chgData name="White, Alex" userId="eff6cc8c-37d8-483b-9c6c-6b27e9afa9bc" providerId="ADAL" clId="{BF04C754-5BF4-4E83-9615-DB14FA25AF8A}" dt="2023-10-12T11:38:20.867" v="298"/>
          <ac:spMkLst>
            <pc:docMk/>
            <pc:sldMk cId="2376958513" sldId="260"/>
            <ac:spMk id="12180" creationId="{DFDFF5EF-8A4E-250A-310F-BA94200991B1}"/>
          </ac:spMkLst>
        </pc:spChg>
        <pc:spChg chg="mod">
          <ac:chgData name="White, Alex" userId="eff6cc8c-37d8-483b-9c6c-6b27e9afa9bc" providerId="ADAL" clId="{BF04C754-5BF4-4E83-9615-DB14FA25AF8A}" dt="2023-10-12T11:38:20.867" v="298"/>
          <ac:spMkLst>
            <pc:docMk/>
            <pc:sldMk cId="2376958513" sldId="260"/>
            <ac:spMk id="12181" creationId="{AABE3AB8-BB7D-C0C3-6D17-BFA09E055748}"/>
          </ac:spMkLst>
        </pc:spChg>
        <pc:spChg chg="mod">
          <ac:chgData name="White, Alex" userId="eff6cc8c-37d8-483b-9c6c-6b27e9afa9bc" providerId="ADAL" clId="{BF04C754-5BF4-4E83-9615-DB14FA25AF8A}" dt="2023-10-12T11:38:20.867" v="298"/>
          <ac:spMkLst>
            <pc:docMk/>
            <pc:sldMk cId="2376958513" sldId="260"/>
            <ac:spMk id="12182" creationId="{CAF85ADE-7EC3-D2E1-6886-534F580598F5}"/>
          </ac:spMkLst>
        </pc:spChg>
        <pc:spChg chg="mod">
          <ac:chgData name="White, Alex" userId="eff6cc8c-37d8-483b-9c6c-6b27e9afa9bc" providerId="ADAL" clId="{BF04C754-5BF4-4E83-9615-DB14FA25AF8A}" dt="2023-10-12T11:38:20.867" v="298"/>
          <ac:spMkLst>
            <pc:docMk/>
            <pc:sldMk cId="2376958513" sldId="260"/>
            <ac:spMk id="12183" creationId="{EC808F45-C892-71B3-6C5E-9357C3E51A23}"/>
          </ac:spMkLst>
        </pc:spChg>
        <pc:spChg chg="mod">
          <ac:chgData name="White, Alex" userId="eff6cc8c-37d8-483b-9c6c-6b27e9afa9bc" providerId="ADAL" clId="{BF04C754-5BF4-4E83-9615-DB14FA25AF8A}" dt="2023-10-12T11:38:20.867" v="298"/>
          <ac:spMkLst>
            <pc:docMk/>
            <pc:sldMk cId="2376958513" sldId="260"/>
            <ac:spMk id="12184" creationId="{65675F0A-09C3-1735-773E-B567887D7270}"/>
          </ac:spMkLst>
        </pc:spChg>
        <pc:spChg chg="mod">
          <ac:chgData name="White, Alex" userId="eff6cc8c-37d8-483b-9c6c-6b27e9afa9bc" providerId="ADAL" clId="{BF04C754-5BF4-4E83-9615-DB14FA25AF8A}" dt="2023-10-12T11:38:20.867" v="298"/>
          <ac:spMkLst>
            <pc:docMk/>
            <pc:sldMk cId="2376958513" sldId="260"/>
            <ac:spMk id="12185" creationId="{CCBC545E-94A2-B1D2-BAF5-814BBC49B932}"/>
          </ac:spMkLst>
        </pc:spChg>
        <pc:spChg chg="mod">
          <ac:chgData name="White, Alex" userId="eff6cc8c-37d8-483b-9c6c-6b27e9afa9bc" providerId="ADAL" clId="{BF04C754-5BF4-4E83-9615-DB14FA25AF8A}" dt="2023-10-12T11:38:20.867" v="298"/>
          <ac:spMkLst>
            <pc:docMk/>
            <pc:sldMk cId="2376958513" sldId="260"/>
            <ac:spMk id="12186" creationId="{478E4BB9-83C1-2463-B43B-32824ECCD45E}"/>
          </ac:spMkLst>
        </pc:spChg>
        <pc:spChg chg="mod">
          <ac:chgData name="White, Alex" userId="eff6cc8c-37d8-483b-9c6c-6b27e9afa9bc" providerId="ADAL" clId="{BF04C754-5BF4-4E83-9615-DB14FA25AF8A}" dt="2023-10-12T11:38:20.867" v="298"/>
          <ac:spMkLst>
            <pc:docMk/>
            <pc:sldMk cId="2376958513" sldId="260"/>
            <ac:spMk id="12187" creationId="{75D7A6BB-50D0-E696-5BB2-C281F0E135FA}"/>
          </ac:spMkLst>
        </pc:spChg>
        <pc:spChg chg="mod">
          <ac:chgData name="White, Alex" userId="eff6cc8c-37d8-483b-9c6c-6b27e9afa9bc" providerId="ADAL" clId="{BF04C754-5BF4-4E83-9615-DB14FA25AF8A}" dt="2023-10-12T11:38:20.867" v="298"/>
          <ac:spMkLst>
            <pc:docMk/>
            <pc:sldMk cId="2376958513" sldId="260"/>
            <ac:spMk id="12188" creationId="{84FFAEFD-5ADF-E22D-CDEB-529E245077EA}"/>
          </ac:spMkLst>
        </pc:spChg>
        <pc:spChg chg="mod">
          <ac:chgData name="White, Alex" userId="eff6cc8c-37d8-483b-9c6c-6b27e9afa9bc" providerId="ADAL" clId="{BF04C754-5BF4-4E83-9615-DB14FA25AF8A}" dt="2023-10-12T11:38:20.867" v="298"/>
          <ac:spMkLst>
            <pc:docMk/>
            <pc:sldMk cId="2376958513" sldId="260"/>
            <ac:spMk id="12189" creationId="{AE8317F4-1238-0F81-2A80-F033332BE644}"/>
          </ac:spMkLst>
        </pc:spChg>
        <pc:spChg chg="mod">
          <ac:chgData name="White, Alex" userId="eff6cc8c-37d8-483b-9c6c-6b27e9afa9bc" providerId="ADAL" clId="{BF04C754-5BF4-4E83-9615-DB14FA25AF8A}" dt="2023-10-12T11:38:20.867" v="298"/>
          <ac:spMkLst>
            <pc:docMk/>
            <pc:sldMk cId="2376958513" sldId="260"/>
            <ac:spMk id="12190" creationId="{0D502A28-3AB9-E102-7685-5B0017375797}"/>
          </ac:spMkLst>
        </pc:spChg>
        <pc:spChg chg="mod">
          <ac:chgData name="White, Alex" userId="eff6cc8c-37d8-483b-9c6c-6b27e9afa9bc" providerId="ADAL" clId="{BF04C754-5BF4-4E83-9615-DB14FA25AF8A}" dt="2023-10-12T11:38:20.867" v="298"/>
          <ac:spMkLst>
            <pc:docMk/>
            <pc:sldMk cId="2376958513" sldId="260"/>
            <ac:spMk id="12191" creationId="{9F80273D-DE87-7267-BB34-922125AD4766}"/>
          </ac:spMkLst>
        </pc:spChg>
        <pc:spChg chg="mod">
          <ac:chgData name="White, Alex" userId="eff6cc8c-37d8-483b-9c6c-6b27e9afa9bc" providerId="ADAL" clId="{BF04C754-5BF4-4E83-9615-DB14FA25AF8A}" dt="2023-10-12T11:38:20.867" v="298"/>
          <ac:spMkLst>
            <pc:docMk/>
            <pc:sldMk cId="2376958513" sldId="260"/>
            <ac:spMk id="12192" creationId="{F516F181-E9FB-C624-0BD1-E64AAC9A79E1}"/>
          </ac:spMkLst>
        </pc:spChg>
        <pc:spChg chg="mod">
          <ac:chgData name="White, Alex" userId="eff6cc8c-37d8-483b-9c6c-6b27e9afa9bc" providerId="ADAL" clId="{BF04C754-5BF4-4E83-9615-DB14FA25AF8A}" dt="2023-10-12T11:38:20.867" v="298"/>
          <ac:spMkLst>
            <pc:docMk/>
            <pc:sldMk cId="2376958513" sldId="260"/>
            <ac:spMk id="12193" creationId="{B7B71D72-A574-5C70-3B32-DBFBD8E63F96}"/>
          </ac:spMkLst>
        </pc:spChg>
        <pc:spChg chg="mod">
          <ac:chgData name="White, Alex" userId="eff6cc8c-37d8-483b-9c6c-6b27e9afa9bc" providerId="ADAL" clId="{BF04C754-5BF4-4E83-9615-DB14FA25AF8A}" dt="2023-10-12T11:38:20.867" v="298"/>
          <ac:spMkLst>
            <pc:docMk/>
            <pc:sldMk cId="2376958513" sldId="260"/>
            <ac:spMk id="12194" creationId="{4FE5E84D-822A-5982-5B00-C9B9E23E96C3}"/>
          </ac:spMkLst>
        </pc:spChg>
        <pc:spChg chg="mod">
          <ac:chgData name="White, Alex" userId="eff6cc8c-37d8-483b-9c6c-6b27e9afa9bc" providerId="ADAL" clId="{BF04C754-5BF4-4E83-9615-DB14FA25AF8A}" dt="2023-10-12T11:38:20.867" v="298"/>
          <ac:spMkLst>
            <pc:docMk/>
            <pc:sldMk cId="2376958513" sldId="260"/>
            <ac:spMk id="12195" creationId="{EA3FD6CF-4B85-BE8B-1553-877FDFC03B26}"/>
          </ac:spMkLst>
        </pc:spChg>
        <pc:spChg chg="mod">
          <ac:chgData name="White, Alex" userId="eff6cc8c-37d8-483b-9c6c-6b27e9afa9bc" providerId="ADAL" clId="{BF04C754-5BF4-4E83-9615-DB14FA25AF8A}" dt="2023-10-12T11:38:20.867" v="298"/>
          <ac:spMkLst>
            <pc:docMk/>
            <pc:sldMk cId="2376958513" sldId="260"/>
            <ac:spMk id="12196" creationId="{A2EFD0CE-626E-01E5-661C-942CB39F485F}"/>
          </ac:spMkLst>
        </pc:spChg>
        <pc:spChg chg="mod">
          <ac:chgData name="White, Alex" userId="eff6cc8c-37d8-483b-9c6c-6b27e9afa9bc" providerId="ADAL" clId="{BF04C754-5BF4-4E83-9615-DB14FA25AF8A}" dt="2023-10-12T11:38:20.867" v="298"/>
          <ac:spMkLst>
            <pc:docMk/>
            <pc:sldMk cId="2376958513" sldId="260"/>
            <ac:spMk id="12197" creationId="{E2EF8DC5-F8F4-0882-51E4-ACEAC69C1B9C}"/>
          </ac:spMkLst>
        </pc:spChg>
        <pc:spChg chg="mod">
          <ac:chgData name="White, Alex" userId="eff6cc8c-37d8-483b-9c6c-6b27e9afa9bc" providerId="ADAL" clId="{BF04C754-5BF4-4E83-9615-DB14FA25AF8A}" dt="2023-10-12T11:38:20.867" v="298"/>
          <ac:spMkLst>
            <pc:docMk/>
            <pc:sldMk cId="2376958513" sldId="260"/>
            <ac:spMk id="12198" creationId="{C69CB999-2D04-C25B-4067-C74CC201B7C6}"/>
          </ac:spMkLst>
        </pc:spChg>
        <pc:spChg chg="mod">
          <ac:chgData name="White, Alex" userId="eff6cc8c-37d8-483b-9c6c-6b27e9afa9bc" providerId="ADAL" clId="{BF04C754-5BF4-4E83-9615-DB14FA25AF8A}" dt="2023-10-12T11:38:20.867" v="298"/>
          <ac:spMkLst>
            <pc:docMk/>
            <pc:sldMk cId="2376958513" sldId="260"/>
            <ac:spMk id="12199" creationId="{3176C45D-ACEC-CDE9-E645-33DDB812F08C}"/>
          </ac:spMkLst>
        </pc:spChg>
        <pc:spChg chg="mod">
          <ac:chgData name="White, Alex" userId="eff6cc8c-37d8-483b-9c6c-6b27e9afa9bc" providerId="ADAL" clId="{BF04C754-5BF4-4E83-9615-DB14FA25AF8A}" dt="2023-10-12T11:38:20.867" v="298"/>
          <ac:spMkLst>
            <pc:docMk/>
            <pc:sldMk cId="2376958513" sldId="260"/>
            <ac:spMk id="12200" creationId="{3DFED8C7-1AD1-2C62-D40D-DB3DF327BFDB}"/>
          </ac:spMkLst>
        </pc:spChg>
        <pc:spChg chg="mod">
          <ac:chgData name="White, Alex" userId="eff6cc8c-37d8-483b-9c6c-6b27e9afa9bc" providerId="ADAL" clId="{BF04C754-5BF4-4E83-9615-DB14FA25AF8A}" dt="2023-10-12T11:38:20.867" v="298"/>
          <ac:spMkLst>
            <pc:docMk/>
            <pc:sldMk cId="2376958513" sldId="260"/>
            <ac:spMk id="12201" creationId="{CE481ABC-6FA0-72CA-EBF2-4C9366BD2321}"/>
          </ac:spMkLst>
        </pc:spChg>
        <pc:spChg chg="mod">
          <ac:chgData name="White, Alex" userId="eff6cc8c-37d8-483b-9c6c-6b27e9afa9bc" providerId="ADAL" clId="{BF04C754-5BF4-4E83-9615-DB14FA25AF8A}" dt="2023-10-12T11:38:20.867" v="298"/>
          <ac:spMkLst>
            <pc:docMk/>
            <pc:sldMk cId="2376958513" sldId="260"/>
            <ac:spMk id="12202" creationId="{3B292AD3-CED8-6C70-0BC1-5F98D32010A2}"/>
          </ac:spMkLst>
        </pc:spChg>
        <pc:spChg chg="mod">
          <ac:chgData name="White, Alex" userId="eff6cc8c-37d8-483b-9c6c-6b27e9afa9bc" providerId="ADAL" clId="{BF04C754-5BF4-4E83-9615-DB14FA25AF8A}" dt="2023-10-12T11:38:20.867" v="298"/>
          <ac:spMkLst>
            <pc:docMk/>
            <pc:sldMk cId="2376958513" sldId="260"/>
            <ac:spMk id="12203" creationId="{325D3930-6233-34B6-714D-83EF124CCD43}"/>
          </ac:spMkLst>
        </pc:spChg>
        <pc:spChg chg="mod">
          <ac:chgData name="White, Alex" userId="eff6cc8c-37d8-483b-9c6c-6b27e9afa9bc" providerId="ADAL" clId="{BF04C754-5BF4-4E83-9615-DB14FA25AF8A}" dt="2023-10-12T11:38:20.867" v="298"/>
          <ac:spMkLst>
            <pc:docMk/>
            <pc:sldMk cId="2376958513" sldId="260"/>
            <ac:spMk id="12204" creationId="{90FA19EC-4E63-F2EE-7221-20733B6AAB8D}"/>
          </ac:spMkLst>
        </pc:spChg>
        <pc:spChg chg="mod">
          <ac:chgData name="White, Alex" userId="eff6cc8c-37d8-483b-9c6c-6b27e9afa9bc" providerId="ADAL" clId="{BF04C754-5BF4-4E83-9615-DB14FA25AF8A}" dt="2023-10-12T11:38:20.867" v="298"/>
          <ac:spMkLst>
            <pc:docMk/>
            <pc:sldMk cId="2376958513" sldId="260"/>
            <ac:spMk id="12205" creationId="{3056D3CC-549A-4D6D-0D8F-4D6214CA4082}"/>
          </ac:spMkLst>
        </pc:spChg>
        <pc:spChg chg="mod">
          <ac:chgData name="White, Alex" userId="eff6cc8c-37d8-483b-9c6c-6b27e9afa9bc" providerId="ADAL" clId="{BF04C754-5BF4-4E83-9615-DB14FA25AF8A}" dt="2023-10-12T11:38:20.867" v="298"/>
          <ac:spMkLst>
            <pc:docMk/>
            <pc:sldMk cId="2376958513" sldId="260"/>
            <ac:spMk id="12206" creationId="{AE3C421E-8D98-74D5-A404-17B530DD6167}"/>
          </ac:spMkLst>
        </pc:spChg>
        <pc:spChg chg="mod">
          <ac:chgData name="White, Alex" userId="eff6cc8c-37d8-483b-9c6c-6b27e9afa9bc" providerId="ADAL" clId="{BF04C754-5BF4-4E83-9615-DB14FA25AF8A}" dt="2023-10-12T11:38:20.867" v="298"/>
          <ac:spMkLst>
            <pc:docMk/>
            <pc:sldMk cId="2376958513" sldId="260"/>
            <ac:spMk id="12207" creationId="{325DC996-EC13-30E0-723F-6F4D4C4886F3}"/>
          </ac:spMkLst>
        </pc:spChg>
        <pc:spChg chg="mod">
          <ac:chgData name="White, Alex" userId="eff6cc8c-37d8-483b-9c6c-6b27e9afa9bc" providerId="ADAL" clId="{BF04C754-5BF4-4E83-9615-DB14FA25AF8A}" dt="2023-10-12T11:38:20.867" v="298"/>
          <ac:spMkLst>
            <pc:docMk/>
            <pc:sldMk cId="2376958513" sldId="260"/>
            <ac:spMk id="12208" creationId="{0EE601F4-D401-2C24-187C-F0687DEBDD8E}"/>
          </ac:spMkLst>
        </pc:spChg>
        <pc:spChg chg="mod">
          <ac:chgData name="White, Alex" userId="eff6cc8c-37d8-483b-9c6c-6b27e9afa9bc" providerId="ADAL" clId="{BF04C754-5BF4-4E83-9615-DB14FA25AF8A}" dt="2023-10-12T11:38:20.867" v="298"/>
          <ac:spMkLst>
            <pc:docMk/>
            <pc:sldMk cId="2376958513" sldId="260"/>
            <ac:spMk id="12209" creationId="{3C584E7B-5237-1343-1A90-099BD9DD925E}"/>
          </ac:spMkLst>
        </pc:spChg>
        <pc:spChg chg="mod">
          <ac:chgData name="White, Alex" userId="eff6cc8c-37d8-483b-9c6c-6b27e9afa9bc" providerId="ADAL" clId="{BF04C754-5BF4-4E83-9615-DB14FA25AF8A}" dt="2023-10-12T11:38:20.867" v="298"/>
          <ac:spMkLst>
            <pc:docMk/>
            <pc:sldMk cId="2376958513" sldId="260"/>
            <ac:spMk id="12210" creationId="{12EE5D64-D09C-E1EC-6499-C54D381587F3}"/>
          </ac:spMkLst>
        </pc:spChg>
        <pc:spChg chg="mod">
          <ac:chgData name="White, Alex" userId="eff6cc8c-37d8-483b-9c6c-6b27e9afa9bc" providerId="ADAL" clId="{BF04C754-5BF4-4E83-9615-DB14FA25AF8A}" dt="2023-10-12T11:38:20.867" v="298"/>
          <ac:spMkLst>
            <pc:docMk/>
            <pc:sldMk cId="2376958513" sldId="260"/>
            <ac:spMk id="12211" creationId="{B9DD06FC-CBDD-8B0F-F022-548360F4436F}"/>
          </ac:spMkLst>
        </pc:spChg>
        <pc:spChg chg="mod">
          <ac:chgData name="White, Alex" userId="eff6cc8c-37d8-483b-9c6c-6b27e9afa9bc" providerId="ADAL" clId="{BF04C754-5BF4-4E83-9615-DB14FA25AF8A}" dt="2023-10-12T11:38:20.867" v="298"/>
          <ac:spMkLst>
            <pc:docMk/>
            <pc:sldMk cId="2376958513" sldId="260"/>
            <ac:spMk id="12212" creationId="{0C16CBD2-C63F-A9AF-7A46-1C679E079A2C}"/>
          </ac:spMkLst>
        </pc:spChg>
        <pc:spChg chg="mod">
          <ac:chgData name="White, Alex" userId="eff6cc8c-37d8-483b-9c6c-6b27e9afa9bc" providerId="ADAL" clId="{BF04C754-5BF4-4E83-9615-DB14FA25AF8A}" dt="2023-10-12T11:38:20.867" v="298"/>
          <ac:spMkLst>
            <pc:docMk/>
            <pc:sldMk cId="2376958513" sldId="260"/>
            <ac:spMk id="12213" creationId="{32E1BE29-27EA-4D98-BBA7-16BF1E149039}"/>
          </ac:spMkLst>
        </pc:spChg>
        <pc:spChg chg="mod">
          <ac:chgData name="White, Alex" userId="eff6cc8c-37d8-483b-9c6c-6b27e9afa9bc" providerId="ADAL" clId="{BF04C754-5BF4-4E83-9615-DB14FA25AF8A}" dt="2023-10-12T11:38:20.867" v="298"/>
          <ac:spMkLst>
            <pc:docMk/>
            <pc:sldMk cId="2376958513" sldId="260"/>
            <ac:spMk id="12214" creationId="{D6A750A7-7730-9333-BB93-5E5755DBEE1C}"/>
          </ac:spMkLst>
        </pc:spChg>
        <pc:spChg chg="mod">
          <ac:chgData name="White, Alex" userId="eff6cc8c-37d8-483b-9c6c-6b27e9afa9bc" providerId="ADAL" clId="{BF04C754-5BF4-4E83-9615-DB14FA25AF8A}" dt="2023-10-12T11:38:20.867" v="298"/>
          <ac:spMkLst>
            <pc:docMk/>
            <pc:sldMk cId="2376958513" sldId="260"/>
            <ac:spMk id="12215" creationId="{82FB857A-B727-6C64-E5FC-9BB9FF16C4CF}"/>
          </ac:spMkLst>
        </pc:spChg>
        <pc:spChg chg="mod">
          <ac:chgData name="White, Alex" userId="eff6cc8c-37d8-483b-9c6c-6b27e9afa9bc" providerId="ADAL" clId="{BF04C754-5BF4-4E83-9615-DB14FA25AF8A}" dt="2023-10-12T11:38:20.867" v="298"/>
          <ac:spMkLst>
            <pc:docMk/>
            <pc:sldMk cId="2376958513" sldId="260"/>
            <ac:spMk id="12216" creationId="{2995E897-4A47-C5CC-B660-4971DAF05EA7}"/>
          </ac:spMkLst>
        </pc:spChg>
        <pc:spChg chg="mod">
          <ac:chgData name="White, Alex" userId="eff6cc8c-37d8-483b-9c6c-6b27e9afa9bc" providerId="ADAL" clId="{BF04C754-5BF4-4E83-9615-DB14FA25AF8A}" dt="2023-10-12T11:38:20.867" v="298"/>
          <ac:spMkLst>
            <pc:docMk/>
            <pc:sldMk cId="2376958513" sldId="260"/>
            <ac:spMk id="12217" creationId="{F84B2C88-A9FD-CF1A-A379-CF29D581DEB0}"/>
          </ac:spMkLst>
        </pc:spChg>
        <pc:spChg chg="mod">
          <ac:chgData name="White, Alex" userId="eff6cc8c-37d8-483b-9c6c-6b27e9afa9bc" providerId="ADAL" clId="{BF04C754-5BF4-4E83-9615-DB14FA25AF8A}" dt="2023-10-12T11:38:20.867" v="298"/>
          <ac:spMkLst>
            <pc:docMk/>
            <pc:sldMk cId="2376958513" sldId="260"/>
            <ac:spMk id="12218" creationId="{0811E26F-F59E-8E96-94BB-9F982B1641D1}"/>
          </ac:spMkLst>
        </pc:spChg>
        <pc:spChg chg="mod">
          <ac:chgData name="White, Alex" userId="eff6cc8c-37d8-483b-9c6c-6b27e9afa9bc" providerId="ADAL" clId="{BF04C754-5BF4-4E83-9615-DB14FA25AF8A}" dt="2023-10-12T11:38:20.867" v="298"/>
          <ac:spMkLst>
            <pc:docMk/>
            <pc:sldMk cId="2376958513" sldId="260"/>
            <ac:spMk id="12219" creationId="{C933EED4-BCD8-3F70-18A1-C702C129FB0B}"/>
          </ac:spMkLst>
        </pc:spChg>
        <pc:spChg chg="mod">
          <ac:chgData name="White, Alex" userId="eff6cc8c-37d8-483b-9c6c-6b27e9afa9bc" providerId="ADAL" clId="{BF04C754-5BF4-4E83-9615-DB14FA25AF8A}" dt="2023-10-12T11:38:20.867" v="298"/>
          <ac:spMkLst>
            <pc:docMk/>
            <pc:sldMk cId="2376958513" sldId="260"/>
            <ac:spMk id="12220" creationId="{E8915FFD-B0D1-160E-4E0A-0B5FC3A740A7}"/>
          </ac:spMkLst>
        </pc:spChg>
        <pc:spChg chg="mod">
          <ac:chgData name="White, Alex" userId="eff6cc8c-37d8-483b-9c6c-6b27e9afa9bc" providerId="ADAL" clId="{BF04C754-5BF4-4E83-9615-DB14FA25AF8A}" dt="2023-10-12T11:38:20.867" v="298"/>
          <ac:spMkLst>
            <pc:docMk/>
            <pc:sldMk cId="2376958513" sldId="260"/>
            <ac:spMk id="12221" creationId="{4B242A0C-B1E7-C2E4-2486-A8955D74A300}"/>
          </ac:spMkLst>
        </pc:spChg>
        <pc:spChg chg="mod">
          <ac:chgData name="White, Alex" userId="eff6cc8c-37d8-483b-9c6c-6b27e9afa9bc" providerId="ADAL" clId="{BF04C754-5BF4-4E83-9615-DB14FA25AF8A}" dt="2023-10-12T11:38:20.867" v="298"/>
          <ac:spMkLst>
            <pc:docMk/>
            <pc:sldMk cId="2376958513" sldId="260"/>
            <ac:spMk id="12222" creationId="{B3D10B4F-9F5D-65A2-B97E-0F9D9DCE443F}"/>
          </ac:spMkLst>
        </pc:spChg>
        <pc:spChg chg="mod">
          <ac:chgData name="White, Alex" userId="eff6cc8c-37d8-483b-9c6c-6b27e9afa9bc" providerId="ADAL" clId="{BF04C754-5BF4-4E83-9615-DB14FA25AF8A}" dt="2023-10-12T11:38:20.867" v="298"/>
          <ac:spMkLst>
            <pc:docMk/>
            <pc:sldMk cId="2376958513" sldId="260"/>
            <ac:spMk id="12223" creationId="{0ACB1F4C-6ED2-F707-FF2F-5E93DEB3F955}"/>
          </ac:spMkLst>
        </pc:spChg>
        <pc:spChg chg="mod">
          <ac:chgData name="White, Alex" userId="eff6cc8c-37d8-483b-9c6c-6b27e9afa9bc" providerId="ADAL" clId="{BF04C754-5BF4-4E83-9615-DB14FA25AF8A}" dt="2023-10-12T11:38:20.867" v="298"/>
          <ac:spMkLst>
            <pc:docMk/>
            <pc:sldMk cId="2376958513" sldId="260"/>
            <ac:spMk id="12224" creationId="{BC70EE11-2733-1034-7372-B62F1FC96E38}"/>
          </ac:spMkLst>
        </pc:spChg>
        <pc:spChg chg="mod">
          <ac:chgData name="White, Alex" userId="eff6cc8c-37d8-483b-9c6c-6b27e9afa9bc" providerId="ADAL" clId="{BF04C754-5BF4-4E83-9615-DB14FA25AF8A}" dt="2023-10-12T11:38:20.867" v="298"/>
          <ac:spMkLst>
            <pc:docMk/>
            <pc:sldMk cId="2376958513" sldId="260"/>
            <ac:spMk id="12225" creationId="{D23002E4-4513-5ADF-F2CD-71D1E8E366B1}"/>
          </ac:spMkLst>
        </pc:spChg>
        <pc:spChg chg="mod">
          <ac:chgData name="White, Alex" userId="eff6cc8c-37d8-483b-9c6c-6b27e9afa9bc" providerId="ADAL" clId="{BF04C754-5BF4-4E83-9615-DB14FA25AF8A}" dt="2023-10-12T11:38:20.867" v="298"/>
          <ac:spMkLst>
            <pc:docMk/>
            <pc:sldMk cId="2376958513" sldId="260"/>
            <ac:spMk id="12226" creationId="{D5AF25C5-7B2F-97B5-B4BA-2FF216066FA6}"/>
          </ac:spMkLst>
        </pc:spChg>
        <pc:spChg chg="mod">
          <ac:chgData name="White, Alex" userId="eff6cc8c-37d8-483b-9c6c-6b27e9afa9bc" providerId="ADAL" clId="{BF04C754-5BF4-4E83-9615-DB14FA25AF8A}" dt="2023-10-12T11:38:20.867" v="298"/>
          <ac:spMkLst>
            <pc:docMk/>
            <pc:sldMk cId="2376958513" sldId="260"/>
            <ac:spMk id="12227" creationId="{85A46AA1-A7E6-0263-83D9-18606DFF7352}"/>
          </ac:spMkLst>
        </pc:spChg>
        <pc:spChg chg="mod">
          <ac:chgData name="White, Alex" userId="eff6cc8c-37d8-483b-9c6c-6b27e9afa9bc" providerId="ADAL" clId="{BF04C754-5BF4-4E83-9615-DB14FA25AF8A}" dt="2023-10-12T11:38:20.867" v="298"/>
          <ac:spMkLst>
            <pc:docMk/>
            <pc:sldMk cId="2376958513" sldId="260"/>
            <ac:spMk id="12228" creationId="{DF63F3E5-EDE6-22C7-0EA4-CB16C219A05A}"/>
          </ac:spMkLst>
        </pc:spChg>
        <pc:spChg chg="mod">
          <ac:chgData name="White, Alex" userId="eff6cc8c-37d8-483b-9c6c-6b27e9afa9bc" providerId="ADAL" clId="{BF04C754-5BF4-4E83-9615-DB14FA25AF8A}" dt="2023-10-12T11:38:20.867" v="298"/>
          <ac:spMkLst>
            <pc:docMk/>
            <pc:sldMk cId="2376958513" sldId="260"/>
            <ac:spMk id="12229" creationId="{0147CF09-1EE8-EFA8-4FF7-A4258B03CBC7}"/>
          </ac:spMkLst>
        </pc:spChg>
        <pc:spChg chg="mod">
          <ac:chgData name="White, Alex" userId="eff6cc8c-37d8-483b-9c6c-6b27e9afa9bc" providerId="ADAL" clId="{BF04C754-5BF4-4E83-9615-DB14FA25AF8A}" dt="2023-10-12T11:38:20.867" v="298"/>
          <ac:spMkLst>
            <pc:docMk/>
            <pc:sldMk cId="2376958513" sldId="260"/>
            <ac:spMk id="12230" creationId="{6D1C71E8-76E9-02A4-B31A-BFC7A75D057A}"/>
          </ac:spMkLst>
        </pc:spChg>
        <pc:spChg chg="mod">
          <ac:chgData name="White, Alex" userId="eff6cc8c-37d8-483b-9c6c-6b27e9afa9bc" providerId="ADAL" clId="{BF04C754-5BF4-4E83-9615-DB14FA25AF8A}" dt="2023-10-12T11:38:20.867" v="298"/>
          <ac:spMkLst>
            <pc:docMk/>
            <pc:sldMk cId="2376958513" sldId="260"/>
            <ac:spMk id="12231" creationId="{901E3A40-27BB-76B4-F482-D55EC0403107}"/>
          </ac:spMkLst>
        </pc:spChg>
        <pc:spChg chg="mod">
          <ac:chgData name="White, Alex" userId="eff6cc8c-37d8-483b-9c6c-6b27e9afa9bc" providerId="ADAL" clId="{BF04C754-5BF4-4E83-9615-DB14FA25AF8A}" dt="2023-10-12T11:38:20.867" v="298"/>
          <ac:spMkLst>
            <pc:docMk/>
            <pc:sldMk cId="2376958513" sldId="260"/>
            <ac:spMk id="12232" creationId="{D6B10809-2103-67AB-BC48-FA8B9C9EFD75}"/>
          </ac:spMkLst>
        </pc:spChg>
        <pc:spChg chg="mod">
          <ac:chgData name="White, Alex" userId="eff6cc8c-37d8-483b-9c6c-6b27e9afa9bc" providerId="ADAL" clId="{BF04C754-5BF4-4E83-9615-DB14FA25AF8A}" dt="2023-10-12T11:38:20.867" v="298"/>
          <ac:spMkLst>
            <pc:docMk/>
            <pc:sldMk cId="2376958513" sldId="260"/>
            <ac:spMk id="12233" creationId="{B57C9069-C8BC-02B8-F2DB-05601BCB2214}"/>
          </ac:spMkLst>
        </pc:spChg>
        <pc:spChg chg="mod">
          <ac:chgData name="White, Alex" userId="eff6cc8c-37d8-483b-9c6c-6b27e9afa9bc" providerId="ADAL" clId="{BF04C754-5BF4-4E83-9615-DB14FA25AF8A}" dt="2023-10-12T11:38:20.867" v="298"/>
          <ac:spMkLst>
            <pc:docMk/>
            <pc:sldMk cId="2376958513" sldId="260"/>
            <ac:spMk id="12234" creationId="{519A89B1-8E7C-D64C-76F5-00D7E7BC5BD4}"/>
          </ac:spMkLst>
        </pc:spChg>
        <pc:spChg chg="mod">
          <ac:chgData name="White, Alex" userId="eff6cc8c-37d8-483b-9c6c-6b27e9afa9bc" providerId="ADAL" clId="{BF04C754-5BF4-4E83-9615-DB14FA25AF8A}" dt="2023-10-12T11:38:20.867" v="298"/>
          <ac:spMkLst>
            <pc:docMk/>
            <pc:sldMk cId="2376958513" sldId="260"/>
            <ac:spMk id="12235" creationId="{C43E684F-AFC6-C7EB-7A87-204A18A63646}"/>
          </ac:spMkLst>
        </pc:spChg>
        <pc:spChg chg="mod">
          <ac:chgData name="White, Alex" userId="eff6cc8c-37d8-483b-9c6c-6b27e9afa9bc" providerId="ADAL" clId="{BF04C754-5BF4-4E83-9615-DB14FA25AF8A}" dt="2023-10-12T11:38:20.867" v="298"/>
          <ac:spMkLst>
            <pc:docMk/>
            <pc:sldMk cId="2376958513" sldId="260"/>
            <ac:spMk id="12236" creationId="{D70391F9-F61B-A0C0-6E3A-CE92F6F68EF7}"/>
          </ac:spMkLst>
        </pc:spChg>
        <pc:spChg chg="mod">
          <ac:chgData name="White, Alex" userId="eff6cc8c-37d8-483b-9c6c-6b27e9afa9bc" providerId="ADAL" clId="{BF04C754-5BF4-4E83-9615-DB14FA25AF8A}" dt="2023-10-12T11:38:20.867" v="298"/>
          <ac:spMkLst>
            <pc:docMk/>
            <pc:sldMk cId="2376958513" sldId="260"/>
            <ac:spMk id="12237" creationId="{DFFAF896-D623-6DC6-A4AA-F40FE68299F3}"/>
          </ac:spMkLst>
        </pc:spChg>
        <pc:spChg chg="mod">
          <ac:chgData name="White, Alex" userId="eff6cc8c-37d8-483b-9c6c-6b27e9afa9bc" providerId="ADAL" clId="{BF04C754-5BF4-4E83-9615-DB14FA25AF8A}" dt="2023-10-12T11:38:20.867" v="298"/>
          <ac:spMkLst>
            <pc:docMk/>
            <pc:sldMk cId="2376958513" sldId="260"/>
            <ac:spMk id="12238" creationId="{44603731-4E33-3D35-9EE0-5A71BEFAB05D}"/>
          </ac:spMkLst>
        </pc:spChg>
        <pc:spChg chg="mod">
          <ac:chgData name="White, Alex" userId="eff6cc8c-37d8-483b-9c6c-6b27e9afa9bc" providerId="ADAL" clId="{BF04C754-5BF4-4E83-9615-DB14FA25AF8A}" dt="2023-10-12T11:38:20.867" v="298"/>
          <ac:spMkLst>
            <pc:docMk/>
            <pc:sldMk cId="2376958513" sldId="260"/>
            <ac:spMk id="12239" creationId="{E42E671B-D727-882C-6B0E-0FDF38D58B18}"/>
          </ac:spMkLst>
        </pc:spChg>
        <pc:spChg chg="mod">
          <ac:chgData name="White, Alex" userId="eff6cc8c-37d8-483b-9c6c-6b27e9afa9bc" providerId="ADAL" clId="{BF04C754-5BF4-4E83-9615-DB14FA25AF8A}" dt="2023-10-12T11:38:20.867" v="298"/>
          <ac:spMkLst>
            <pc:docMk/>
            <pc:sldMk cId="2376958513" sldId="260"/>
            <ac:spMk id="12240" creationId="{A672B410-44A5-7299-AE2F-BDE3F7EAAFDB}"/>
          </ac:spMkLst>
        </pc:spChg>
        <pc:spChg chg="mod">
          <ac:chgData name="White, Alex" userId="eff6cc8c-37d8-483b-9c6c-6b27e9afa9bc" providerId="ADAL" clId="{BF04C754-5BF4-4E83-9615-DB14FA25AF8A}" dt="2023-10-12T11:38:20.867" v="298"/>
          <ac:spMkLst>
            <pc:docMk/>
            <pc:sldMk cId="2376958513" sldId="260"/>
            <ac:spMk id="12241" creationId="{EF82E796-13F2-C188-7189-09D4EE55764A}"/>
          </ac:spMkLst>
        </pc:spChg>
        <pc:spChg chg="mod">
          <ac:chgData name="White, Alex" userId="eff6cc8c-37d8-483b-9c6c-6b27e9afa9bc" providerId="ADAL" clId="{BF04C754-5BF4-4E83-9615-DB14FA25AF8A}" dt="2023-10-12T11:38:20.867" v="298"/>
          <ac:spMkLst>
            <pc:docMk/>
            <pc:sldMk cId="2376958513" sldId="260"/>
            <ac:spMk id="12242" creationId="{0F6ECAB0-12BD-72EA-6642-753FB5D37743}"/>
          </ac:spMkLst>
        </pc:spChg>
        <pc:spChg chg="mod">
          <ac:chgData name="White, Alex" userId="eff6cc8c-37d8-483b-9c6c-6b27e9afa9bc" providerId="ADAL" clId="{BF04C754-5BF4-4E83-9615-DB14FA25AF8A}" dt="2023-10-12T11:38:20.867" v="298"/>
          <ac:spMkLst>
            <pc:docMk/>
            <pc:sldMk cId="2376958513" sldId="260"/>
            <ac:spMk id="12243" creationId="{6DC14014-8CB2-42DB-DC69-491CF5F77AE1}"/>
          </ac:spMkLst>
        </pc:spChg>
        <pc:spChg chg="mod">
          <ac:chgData name="White, Alex" userId="eff6cc8c-37d8-483b-9c6c-6b27e9afa9bc" providerId="ADAL" clId="{BF04C754-5BF4-4E83-9615-DB14FA25AF8A}" dt="2023-10-12T11:38:20.867" v="298"/>
          <ac:spMkLst>
            <pc:docMk/>
            <pc:sldMk cId="2376958513" sldId="260"/>
            <ac:spMk id="12244" creationId="{B1F705F8-31F3-10CB-4B75-AA6E6BA911DF}"/>
          </ac:spMkLst>
        </pc:spChg>
        <pc:spChg chg="mod">
          <ac:chgData name="White, Alex" userId="eff6cc8c-37d8-483b-9c6c-6b27e9afa9bc" providerId="ADAL" clId="{BF04C754-5BF4-4E83-9615-DB14FA25AF8A}" dt="2023-10-12T11:38:20.867" v="298"/>
          <ac:spMkLst>
            <pc:docMk/>
            <pc:sldMk cId="2376958513" sldId="260"/>
            <ac:spMk id="12245" creationId="{DA315286-2BF1-29D9-152A-7606229A2B62}"/>
          </ac:spMkLst>
        </pc:spChg>
        <pc:spChg chg="mod">
          <ac:chgData name="White, Alex" userId="eff6cc8c-37d8-483b-9c6c-6b27e9afa9bc" providerId="ADAL" clId="{BF04C754-5BF4-4E83-9615-DB14FA25AF8A}" dt="2023-10-12T11:38:20.867" v="298"/>
          <ac:spMkLst>
            <pc:docMk/>
            <pc:sldMk cId="2376958513" sldId="260"/>
            <ac:spMk id="12246" creationId="{354C38EE-8809-407D-C183-1781EBB2C355}"/>
          </ac:spMkLst>
        </pc:spChg>
        <pc:spChg chg="mod">
          <ac:chgData name="White, Alex" userId="eff6cc8c-37d8-483b-9c6c-6b27e9afa9bc" providerId="ADAL" clId="{BF04C754-5BF4-4E83-9615-DB14FA25AF8A}" dt="2023-10-12T11:38:20.867" v="298"/>
          <ac:spMkLst>
            <pc:docMk/>
            <pc:sldMk cId="2376958513" sldId="260"/>
            <ac:spMk id="12247" creationId="{F2BAFD16-CEEF-C047-53E0-A1C2F09DA3CB}"/>
          </ac:spMkLst>
        </pc:spChg>
        <pc:spChg chg="mod">
          <ac:chgData name="White, Alex" userId="eff6cc8c-37d8-483b-9c6c-6b27e9afa9bc" providerId="ADAL" clId="{BF04C754-5BF4-4E83-9615-DB14FA25AF8A}" dt="2023-10-12T11:38:20.867" v="298"/>
          <ac:spMkLst>
            <pc:docMk/>
            <pc:sldMk cId="2376958513" sldId="260"/>
            <ac:spMk id="12248" creationId="{93C80962-C72D-498A-F6D4-8080FFD4F52F}"/>
          </ac:spMkLst>
        </pc:spChg>
        <pc:spChg chg="mod">
          <ac:chgData name="White, Alex" userId="eff6cc8c-37d8-483b-9c6c-6b27e9afa9bc" providerId="ADAL" clId="{BF04C754-5BF4-4E83-9615-DB14FA25AF8A}" dt="2023-10-12T11:38:20.867" v="298"/>
          <ac:spMkLst>
            <pc:docMk/>
            <pc:sldMk cId="2376958513" sldId="260"/>
            <ac:spMk id="12249" creationId="{84A13062-067B-DE77-92AB-186E826943D7}"/>
          </ac:spMkLst>
        </pc:spChg>
        <pc:spChg chg="mod">
          <ac:chgData name="White, Alex" userId="eff6cc8c-37d8-483b-9c6c-6b27e9afa9bc" providerId="ADAL" clId="{BF04C754-5BF4-4E83-9615-DB14FA25AF8A}" dt="2023-10-12T11:38:20.867" v="298"/>
          <ac:spMkLst>
            <pc:docMk/>
            <pc:sldMk cId="2376958513" sldId="260"/>
            <ac:spMk id="12250" creationId="{D13DB93A-3786-127D-20E8-A717FE7BE959}"/>
          </ac:spMkLst>
        </pc:spChg>
        <pc:spChg chg="mod">
          <ac:chgData name="White, Alex" userId="eff6cc8c-37d8-483b-9c6c-6b27e9afa9bc" providerId="ADAL" clId="{BF04C754-5BF4-4E83-9615-DB14FA25AF8A}" dt="2023-10-12T11:38:20.867" v="298"/>
          <ac:spMkLst>
            <pc:docMk/>
            <pc:sldMk cId="2376958513" sldId="260"/>
            <ac:spMk id="12251" creationId="{3128C4D3-64E1-246E-4C30-6208DB826BA1}"/>
          </ac:spMkLst>
        </pc:spChg>
        <pc:spChg chg="mod">
          <ac:chgData name="White, Alex" userId="eff6cc8c-37d8-483b-9c6c-6b27e9afa9bc" providerId="ADAL" clId="{BF04C754-5BF4-4E83-9615-DB14FA25AF8A}" dt="2023-10-12T11:38:20.867" v="298"/>
          <ac:spMkLst>
            <pc:docMk/>
            <pc:sldMk cId="2376958513" sldId="260"/>
            <ac:spMk id="12252" creationId="{E7D8154B-EB60-64D7-40C6-A989FBC33C7B}"/>
          </ac:spMkLst>
        </pc:spChg>
        <pc:spChg chg="mod">
          <ac:chgData name="White, Alex" userId="eff6cc8c-37d8-483b-9c6c-6b27e9afa9bc" providerId="ADAL" clId="{BF04C754-5BF4-4E83-9615-DB14FA25AF8A}" dt="2023-10-12T11:38:20.867" v="298"/>
          <ac:spMkLst>
            <pc:docMk/>
            <pc:sldMk cId="2376958513" sldId="260"/>
            <ac:spMk id="12253" creationId="{E6D52C26-3241-CAEF-B6E3-BA406DD2C15F}"/>
          </ac:spMkLst>
        </pc:spChg>
        <pc:spChg chg="mod">
          <ac:chgData name="White, Alex" userId="eff6cc8c-37d8-483b-9c6c-6b27e9afa9bc" providerId="ADAL" clId="{BF04C754-5BF4-4E83-9615-DB14FA25AF8A}" dt="2023-10-12T11:38:20.867" v="298"/>
          <ac:spMkLst>
            <pc:docMk/>
            <pc:sldMk cId="2376958513" sldId="260"/>
            <ac:spMk id="12254" creationId="{F43621B1-3E34-ECBC-2880-8A0CAB1CFE38}"/>
          </ac:spMkLst>
        </pc:spChg>
        <pc:spChg chg="mod">
          <ac:chgData name="White, Alex" userId="eff6cc8c-37d8-483b-9c6c-6b27e9afa9bc" providerId="ADAL" clId="{BF04C754-5BF4-4E83-9615-DB14FA25AF8A}" dt="2023-10-12T11:38:20.867" v="298"/>
          <ac:spMkLst>
            <pc:docMk/>
            <pc:sldMk cId="2376958513" sldId="260"/>
            <ac:spMk id="12255" creationId="{DE8C6C48-6525-90DA-CAFA-79B47836891E}"/>
          </ac:spMkLst>
        </pc:spChg>
        <pc:spChg chg="mod">
          <ac:chgData name="White, Alex" userId="eff6cc8c-37d8-483b-9c6c-6b27e9afa9bc" providerId="ADAL" clId="{BF04C754-5BF4-4E83-9615-DB14FA25AF8A}" dt="2023-10-12T11:38:20.867" v="298"/>
          <ac:spMkLst>
            <pc:docMk/>
            <pc:sldMk cId="2376958513" sldId="260"/>
            <ac:spMk id="12256" creationId="{B540A5A0-B807-7428-4556-6C5478A13D35}"/>
          </ac:spMkLst>
        </pc:spChg>
        <pc:spChg chg="mod">
          <ac:chgData name="White, Alex" userId="eff6cc8c-37d8-483b-9c6c-6b27e9afa9bc" providerId="ADAL" clId="{BF04C754-5BF4-4E83-9615-DB14FA25AF8A}" dt="2023-10-12T11:38:20.867" v="298"/>
          <ac:spMkLst>
            <pc:docMk/>
            <pc:sldMk cId="2376958513" sldId="260"/>
            <ac:spMk id="12257" creationId="{4120C2C6-0C9D-B15A-B171-00EF40EE65EF}"/>
          </ac:spMkLst>
        </pc:spChg>
        <pc:spChg chg="mod">
          <ac:chgData name="White, Alex" userId="eff6cc8c-37d8-483b-9c6c-6b27e9afa9bc" providerId="ADAL" clId="{BF04C754-5BF4-4E83-9615-DB14FA25AF8A}" dt="2023-10-12T11:38:20.867" v="298"/>
          <ac:spMkLst>
            <pc:docMk/>
            <pc:sldMk cId="2376958513" sldId="260"/>
            <ac:spMk id="12258" creationId="{0FD9CBEF-D390-3925-4835-D51CA30E7994}"/>
          </ac:spMkLst>
        </pc:spChg>
        <pc:spChg chg="mod">
          <ac:chgData name="White, Alex" userId="eff6cc8c-37d8-483b-9c6c-6b27e9afa9bc" providerId="ADAL" clId="{BF04C754-5BF4-4E83-9615-DB14FA25AF8A}" dt="2023-10-12T11:38:20.867" v="298"/>
          <ac:spMkLst>
            <pc:docMk/>
            <pc:sldMk cId="2376958513" sldId="260"/>
            <ac:spMk id="12259" creationId="{161C7444-96A6-CBDB-6806-A2D9F98E1244}"/>
          </ac:spMkLst>
        </pc:spChg>
        <pc:spChg chg="mod">
          <ac:chgData name="White, Alex" userId="eff6cc8c-37d8-483b-9c6c-6b27e9afa9bc" providerId="ADAL" clId="{BF04C754-5BF4-4E83-9615-DB14FA25AF8A}" dt="2023-10-12T11:38:20.867" v="298"/>
          <ac:spMkLst>
            <pc:docMk/>
            <pc:sldMk cId="2376958513" sldId="260"/>
            <ac:spMk id="12260" creationId="{48F9E322-448E-566B-A1BA-B888424CC927}"/>
          </ac:spMkLst>
        </pc:spChg>
        <pc:spChg chg="mod">
          <ac:chgData name="White, Alex" userId="eff6cc8c-37d8-483b-9c6c-6b27e9afa9bc" providerId="ADAL" clId="{BF04C754-5BF4-4E83-9615-DB14FA25AF8A}" dt="2023-10-12T11:38:20.867" v="298"/>
          <ac:spMkLst>
            <pc:docMk/>
            <pc:sldMk cId="2376958513" sldId="260"/>
            <ac:spMk id="12261" creationId="{816618BF-51AC-CC41-00CE-7C99E447ECE1}"/>
          </ac:spMkLst>
        </pc:spChg>
        <pc:spChg chg="mod">
          <ac:chgData name="White, Alex" userId="eff6cc8c-37d8-483b-9c6c-6b27e9afa9bc" providerId="ADAL" clId="{BF04C754-5BF4-4E83-9615-DB14FA25AF8A}" dt="2023-10-12T11:38:20.867" v="298"/>
          <ac:spMkLst>
            <pc:docMk/>
            <pc:sldMk cId="2376958513" sldId="260"/>
            <ac:spMk id="12262" creationId="{BC08DACF-4727-73DE-85C6-AEAE687A4310}"/>
          </ac:spMkLst>
        </pc:spChg>
        <pc:spChg chg="mod">
          <ac:chgData name="White, Alex" userId="eff6cc8c-37d8-483b-9c6c-6b27e9afa9bc" providerId="ADAL" clId="{BF04C754-5BF4-4E83-9615-DB14FA25AF8A}" dt="2023-10-12T11:38:20.867" v="298"/>
          <ac:spMkLst>
            <pc:docMk/>
            <pc:sldMk cId="2376958513" sldId="260"/>
            <ac:spMk id="12263" creationId="{9BD30F04-0DD3-FBA8-1D5D-E37FAF4164C7}"/>
          </ac:spMkLst>
        </pc:spChg>
        <pc:spChg chg="mod">
          <ac:chgData name="White, Alex" userId="eff6cc8c-37d8-483b-9c6c-6b27e9afa9bc" providerId="ADAL" clId="{BF04C754-5BF4-4E83-9615-DB14FA25AF8A}" dt="2023-10-12T11:38:20.867" v="298"/>
          <ac:spMkLst>
            <pc:docMk/>
            <pc:sldMk cId="2376958513" sldId="260"/>
            <ac:spMk id="12264" creationId="{5444DF41-84E2-9E1F-5C10-777BA8845C12}"/>
          </ac:spMkLst>
        </pc:spChg>
        <pc:spChg chg="mod">
          <ac:chgData name="White, Alex" userId="eff6cc8c-37d8-483b-9c6c-6b27e9afa9bc" providerId="ADAL" clId="{BF04C754-5BF4-4E83-9615-DB14FA25AF8A}" dt="2023-10-12T11:38:20.867" v="298"/>
          <ac:spMkLst>
            <pc:docMk/>
            <pc:sldMk cId="2376958513" sldId="260"/>
            <ac:spMk id="12265" creationId="{F1216242-64D4-F15A-3BEE-6878DC67B7D7}"/>
          </ac:spMkLst>
        </pc:spChg>
        <pc:spChg chg="mod">
          <ac:chgData name="White, Alex" userId="eff6cc8c-37d8-483b-9c6c-6b27e9afa9bc" providerId="ADAL" clId="{BF04C754-5BF4-4E83-9615-DB14FA25AF8A}" dt="2023-10-12T11:38:20.867" v="298"/>
          <ac:spMkLst>
            <pc:docMk/>
            <pc:sldMk cId="2376958513" sldId="260"/>
            <ac:spMk id="12266" creationId="{B257CAB8-1741-FFB7-EC64-6E2EC4831A74}"/>
          </ac:spMkLst>
        </pc:spChg>
        <pc:spChg chg="mod">
          <ac:chgData name="White, Alex" userId="eff6cc8c-37d8-483b-9c6c-6b27e9afa9bc" providerId="ADAL" clId="{BF04C754-5BF4-4E83-9615-DB14FA25AF8A}" dt="2023-10-12T11:38:20.867" v="298"/>
          <ac:spMkLst>
            <pc:docMk/>
            <pc:sldMk cId="2376958513" sldId="260"/>
            <ac:spMk id="12267" creationId="{38BFEEA4-108A-B284-B301-E3CE4B32D68E}"/>
          </ac:spMkLst>
        </pc:spChg>
        <pc:spChg chg="mod">
          <ac:chgData name="White, Alex" userId="eff6cc8c-37d8-483b-9c6c-6b27e9afa9bc" providerId="ADAL" clId="{BF04C754-5BF4-4E83-9615-DB14FA25AF8A}" dt="2023-10-12T11:38:20.867" v="298"/>
          <ac:spMkLst>
            <pc:docMk/>
            <pc:sldMk cId="2376958513" sldId="260"/>
            <ac:spMk id="12268" creationId="{AE161231-33B3-0459-5A7A-49D81370E27E}"/>
          </ac:spMkLst>
        </pc:spChg>
        <pc:spChg chg="mod">
          <ac:chgData name="White, Alex" userId="eff6cc8c-37d8-483b-9c6c-6b27e9afa9bc" providerId="ADAL" clId="{BF04C754-5BF4-4E83-9615-DB14FA25AF8A}" dt="2023-10-12T11:38:20.867" v="298"/>
          <ac:spMkLst>
            <pc:docMk/>
            <pc:sldMk cId="2376958513" sldId="260"/>
            <ac:spMk id="12269" creationId="{3550D2D5-BDE4-689C-09E1-5F2B7218C8C6}"/>
          </ac:spMkLst>
        </pc:spChg>
        <pc:spChg chg="mod">
          <ac:chgData name="White, Alex" userId="eff6cc8c-37d8-483b-9c6c-6b27e9afa9bc" providerId="ADAL" clId="{BF04C754-5BF4-4E83-9615-DB14FA25AF8A}" dt="2023-10-12T11:38:20.867" v="298"/>
          <ac:spMkLst>
            <pc:docMk/>
            <pc:sldMk cId="2376958513" sldId="260"/>
            <ac:spMk id="12270" creationId="{38E74F31-2CDF-6C70-34BC-E30B0DE1EC22}"/>
          </ac:spMkLst>
        </pc:spChg>
        <pc:spChg chg="mod">
          <ac:chgData name="White, Alex" userId="eff6cc8c-37d8-483b-9c6c-6b27e9afa9bc" providerId="ADAL" clId="{BF04C754-5BF4-4E83-9615-DB14FA25AF8A}" dt="2023-10-12T11:38:20.867" v="298"/>
          <ac:spMkLst>
            <pc:docMk/>
            <pc:sldMk cId="2376958513" sldId="260"/>
            <ac:spMk id="12271" creationId="{89279062-EC29-26AE-B8A3-164045870535}"/>
          </ac:spMkLst>
        </pc:spChg>
        <pc:spChg chg="mod">
          <ac:chgData name="White, Alex" userId="eff6cc8c-37d8-483b-9c6c-6b27e9afa9bc" providerId="ADAL" clId="{BF04C754-5BF4-4E83-9615-DB14FA25AF8A}" dt="2023-10-12T11:38:20.867" v="298"/>
          <ac:spMkLst>
            <pc:docMk/>
            <pc:sldMk cId="2376958513" sldId="260"/>
            <ac:spMk id="12272" creationId="{2B8E6902-7AC3-3D3F-7398-281365D278B0}"/>
          </ac:spMkLst>
        </pc:spChg>
        <pc:spChg chg="mod">
          <ac:chgData name="White, Alex" userId="eff6cc8c-37d8-483b-9c6c-6b27e9afa9bc" providerId="ADAL" clId="{BF04C754-5BF4-4E83-9615-DB14FA25AF8A}" dt="2023-10-12T11:38:20.867" v="298"/>
          <ac:spMkLst>
            <pc:docMk/>
            <pc:sldMk cId="2376958513" sldId="260"/>
            <ac:spMk id="12273" creationId="{DB0BE970-DB80-A8E1-8DC3-EA41EDAB27FC}"/>
          </ac:spMkLst>
        </pc:spChg>
        <pc:spChg chg="mod">
          <ac:chgData name="White, Alex" userId="eff6cc8c-37d8-483b-9c6c-6b27e9afa9bc" providerId="ADAL" clId="{BF04C754-5BF4-4E83-9615-DB14FA25AF8A}" dt="2023-10-12T11:38:20.867" v="298"/>
          <ac:spMkLst>
            <pc:docMk/>
            <pc:sldMk cId="2376958513" sldId="260"/>
            <ac:spMk id="12274" creationId="{1E0F1FC5-3266-A79E-A1B0-36DB2C7C89A8}"/>
          </ac:spMkLst>
        </pc:spChg>
        <pc:spChg chg="mod">
          <ac:chgData name="White, Alex" userId="eff6cc8c-37d8-483b-9c6c-6b27e9afa9bc" providerId="ADAL" clId="{BF04C754-5BF4-4E83-9615-DB14FA25AF8A}" dt="2023-10-12T11:38:20.867" v="298"/>
          <ac:spMkLst>
            <pc:docMk/>
            <pc:sldMk cId="2376958513" sldId="260"/>
            <ac:spMk id="12275" creationId="{54189334-FE6C-5328-01A8-DF38F31AE702}"/>
          </ac:spMkLst>
        </pc:spChg>
        <pc:spChg chg="mod">
          <ac:chgData name="White, Alex" userId="eff6cc8c-37d8-483b-9c6c-6b27e9afa9bc" providerId="ADAL" clId="{BF04C754-5BF4-4E83-9615-DB14FA25AF8A}" dt="2023-10-12T11:38:20.867" v="298"/>
          <ac:spMkLst>
            <pc:docMk/>
            <pc:sldMk cId="2376958513" sldId="260"/>
            <ac:spMk id="12276" creationId="{F6E8CB25-F6F5-4A65-6E2C-BECEF56D167E}"/>
          </ac:spMkLst>
        </pc:spChg>
        <pc:spChg chg="mod">
          <ac:chgData name="White, Alex" userId="eff6cc8c-37d8-483b-9c6c-6b27e9afa9bc" providerId="ADAL" clId="{BF04C754-5BF4-4E83-9615-DB14FA25AF8A}" dt="2023-10-12T11:38:20.867" v="298"/>
          <ac:spMkLst>
            <pc:docMk/>
            <pc:sldMk cId="2376958513" sldId="260"/>
            <ac:spMk id="12277" creationId="{5E6E46EF-A5F7-04E7-FFE5-081E621650EA}"/>
          </ac:spMkLst>
        </pc:spChg>
        <pc:spChg chg="mod">
          <ac:chgData name="White, Alex" userId="eff6cc8c-37d8-483b-9c6c-6b27e9afa9bc" providerId="ADAL" clId="{BF04C754-5BF4-4E83-9615-DB14FA25AF8A}" dt="2023-10-12T11:38:20.867" v="298"/>
          <ac:spMkLst>
            <pc:docMk/>
            <pc:sldMk cId="2376958513" sldId="260"/>
            <ac:spMk id="12278" creationId="{B192AA88-F8BE-1BD0-5225-E9E415830041}"/>
          </ac:spMkLst>
        </pc:spChg>
        <pc:spChg chg="mod">
          <ac:chgData name="White, Alex" userId="eff6cc8c-37d8-483b-9c6c-6b27e9afa9bc" providerId="ADAL" clId="{BF04C754-5BF4-4E83-9615-DB14FA25AF8A}" dt="2023-10-12T11:38:20.867" v="298"/>
          <ac:spMkLst>
            <pc:docMk/>
            <pc:sldMk cId="2376958513" sldId="260"/>
            <ac:spMk id="12279" creationId="{A06D3965-0D9F-C3DA-7E62-0F4FBE7E9A08}"/>
          </ac:spMkLst>
        </pc:spChg>
        <pc:spChg chg="mod">
          <ac:chgData name="White, Alex" userId="eff6cc8c-37d8-483b-9c6c-6b27e9afa9bc" providerId="ADAL" clId="{BF04C754-5BF4-4E83-9615-DB14FA25AF8A}" dt="2023-10-12T11:38:20.867" v="298"/>
          <ac:spMkLst>
            <pc:docMk/>
            <pc:sldMk cId="2376958513" sldId="260"/>
            <ac:spMk id="12280" creationId="{2DCE845F-874F-188C-068E-DC3F6292E3A7}"/>
          </ac:spMkLst>
        </pc:spChg>
        <pc:spChg chg="mod">
          <ac:chgData name="White, Alex" userId="eff6cc8c-37d8-483b-9c6c-6b27e9afa9bc" providerId="ADAL" clId="{BF04C754-5BF4-4E83-9615-DB14FA25AF8A}" dt="2023-10-12T11:38:20.867" v="298"/>
          <ac:spMkLst>
            <pc:docMk/>
            <pc:sldMk cId="2376958513" sldId="260"/>
            <ac:spMk id="12281" creationId="{32CE95E2-8523-584A-8869-F52557761531}"/>
          </ac:spMkLst>
        </pc:spChg>
        <pc:spChg chg="mod">
          <ac:chgData name="White, Alex" userId="eff6cc8c-37d8-483b-9c6c-6b27e9afa9bc" providerId="ADAL" clId="{BF04C754-5BF4-4E83-9615-DB14FA25AF8A}" dt="2023-10-12T11:38:20.867" v="298"/>
          <ac:spMkLst>
            <pc:docMk/>
            <pc:sldMk cId="2376958513" sldId="260"/>
            <ac:spMk id="12282" creationId="{D9F03266-E6CF-03FA-3179-AE02CF4EF5A6}"/>
          </ac:spMkLst>
        </pc:spChg>
        <pc:spChg chg="mod">
          <ac:chgData name="White, Alex" userId="eff6cc8c-37d8-483b-9c6c-6b27e9afa9bc" providerId="ADAL" clId="{BF04C754-5BF4-4E83-9615-DB14FA25AF8A}" dt="2023-10-12T11:38:20.867" v="298"/>
          <ac:spMkLst>
            <pc:docMk/>
            <pc:sldMk cId="2376958513" sldId="260"/>
            <ac:spMk id="12283" creationId="{C03EEEA9-1410-1F11-343A-F82DC83E7BEE}"/>
          </ac:spMkLst>
        </pc:spChg>
        <pc:spChg chg="mod">
          <ac:chgData name="White, Alex" userId="eff6cc8c-37d8-483b-9c6c-6b27e9afa9bc" providerId="ADAL" clId="{BF04C754-5BF4-4E83-9615-DB14FA25AF8A}" dt="2023-10-12T11:38:20.867" v="298"/>
          <ac:spMkLst>
            <pc:docMk/>
            <pc:sldMk cId="2376958513" sldId="260"/>
            <ac:spMk id="12284" creationId="{49406E43-DA8B-DCC1-E638-3A9CF123276A}"/>
          </ac:spMkLst>
        </pc:spChg>
        <pc:spChg chg="mod">
          <ac:chgData name="White, Alex" userId="eff6cc8c-37d8-483b-9c6c-6b27e9afa9bc" providerId="ADAL" clId="{BF04C754-5BF4-4E83-9615-DB14FA25AF8A}" dt="2023-10-12T11:38:20.867" v="298"/>
          <ac:spMkLst>
            <pc:docMk/>
            <pc:sldMk cId="2376958513" sldId="260"/>
            <ac:spMk id="12285" creationId="{D52E1C37-1FA1-7FC4-0EFE-79DF24A96FFD}"/>
          </ac:spMkLst>
        </pc:spChg>
        <pc:spChg chg="mod">
          <ac:chgData name="White, Alex" userId="eff6cc8c-37d8-483b-9c6c-6b27e9afa9bc" providerId="ADAL" clId="{BF04C754-5BF4-4E83-9615-DB14FA25AF8A}" dt="2023-10-12T11:38:20.867" v="298"/>
          <ac:spMkLst>
            <pc:docMk/>
            <pc:sldMk cId="2376958513" sldId="260"/>
            <ac:spMk id="12286" creationId="{D0F651AA-69E8-1308-3F16-2C43D35356FD}"/>
          </ac:spMkLst>
        </pc:spChg>
        <pc:spChg chg="mod">
          <ac:chgData name="White, Alex" userId="eff6cc8c-37d8-483b-9c6c-6b27e9afa9bc" providerId="ADAL" clId="{BF04C754-5BF4-4E83-9615-DB14FA25AF8A}" dt="2023-10-12T11:38:20.867" v="298"/>
          <ac:spMkLst>
            <pc:docMk/>
            <pc:sldMk cId="2376958513" sldId="260"/>
            <ac:spMk id="12287" creationId="{CAEEADE8-76F4-BA8B-5F38-9359FBCA55D1}"/>
          </ac:spMkLst>
        </pc:spChg>
        <pc:spChg chg="mod">
          <ac:chgData name="White, Alex" userId="eff6cc8c-37d8-483b-9c6c-6b27e9afa9bc" providerId="ADAL" clId="{BF04C754-5BF4-4E83-9615-DB14FA25AF8A}" dt="2023-10-12T11:38:20.867" v="298"/>
          <ac:spMkLst>
            <pc:docMk/>
            <pc:sldMk cId="2376958513" sldId="260"/>
            <ac:spMk id="12288" creationId="{200255FA-C828-7F72-2B17-7E5144ABE9B6}"/>
          </ac:spMkLst>
        </pc:spChg>
        <pc:spChg chg="mod">
          <ac:chgData name="White, Alex" userId="eff6cc8c-37d8-483b-9c6c-6b27e9afa9bc" providerId="ADAL" clId="{BF04C754-5BF4-4E83-9615-DB14FA25AF8A}" dt="2023-10-12T11:38:20.867" v="298"/>
          <ac:spMkLst>
            <pc:docMk/>
            <pc:sldMk cId="2376958513" sldId="260"/>
            <ac:spMk id="12289" creationId="{A9A282F2-FA26-7AC2-07B4-FB3DB7662B6E}"/>
          </ac:spMkLst>
        </pc:spChg>
        <pc:spChg chg="mod">
          <ac:chgData name="White, Alex" userId="eff6cc8c-37d8-483b-9c6c-6b27e9afa9bc" providerId="ADAL" clId="{BF04C754-5BF4-4E83-9615-DB14FA25AF8A}" dt="2023-10-12T11:38:20.867" v="298"/>
          <ac:spMkLst>
            <pc:docMk/>
            <pc:sldMk cId="2376958513" sldId="260"/>
            <ac:spMk id="12290" creationId="{152322D8-C6DD-0D1C-E3C8-34979AE95213}"/>
          </ac:spMkLst>
        </pc:spChg>
        <pc:spChg chg="mod">
          <ac:chgData name="White, Alex" userId="eff6cc8c-37d8-483b-9c6c-6b27e9afa9bc" providerId="ADAL" clId="{BF04C754-5BF4-4E83-9615-DB14FA25AF8A}" dt="2023-10-12T11:38:20.867" v="298"/>
          <ac:spMkLst>
            <pc:docMk/>
            <pc:sldMk cId="2376958513" sldId="260"/>
            <ac:spMk id="12291" creationId="{C0FC3E24-1DD5-D713-98F6-0517979296C2}"/>
          </ac:spMkLst>
        </pc:spChg>
        <pc:spChg chg="mod">
          <ac:chgData name="White, Alex" userId="eff6cc8c-37d8-483b-9c6c-6b27e9afa9bc" providerId="ADAL" clId="{BF04C754-5BF4-4E83-9615-DB14FA25AF8A}" dt="2023-10-12T11:38:20.867" v="298"/>
          <ac:spMkLst>
            <pc:docMk/>
            <pc:sldMk cId="2376958513" sldId="260"/>
            <ac:spMk id="12292" creationId="{36B42DFF-9030-4C46-B3D3-8A8B33438272}"/>
          </ac:spMkLst>
        </pc:spChg>
        <pc:spChg chg="mod">
          <ac:chgData name="White, Alex" userId="eff6cc8c-37d8-483b-9c6c-6b27e9afa9bc" providerId="ADAL" clId="{BF04C754-5BF4-4E83-9615-DB14FA25AF8A}" dt="2023-10-12T11:38:20.867" v="298"/>
          <ac:spMkLst>
            <pc:docMk/>
            <pc:sldMk cId="2376958513" sldId="260"/>
            <ac:spMk id="12293" creationId="{E824DC67-2DD6-DB98-E579-DF7EB5915235}"/>
          </ac:spMkLst>
        </pc:spChg>
        <pc:spChg chg="mod">
          <ac:chgData name="White, Alex" userId="eff6cc8c-37d8-483b-9c6c-6b27e9afa9bc" providerId="ADAL" clId="{BF04C754-5BF4-4E83-9615-DB14FA25AF8A}" dt="2023-10-12T11:38:20.867" v="298"/>
          <ac:spMkLst>
            <pc:docMk/>
            <pc:sldMk cId="2376958513" sldId="260"/>
            <ac:spMk id="12294" creationId="{4BFF6BF2-E726-3B8C-D980-346E6F0614AB}"/>
          </ac:spMkLst>
        </pc:spChg>
        <pc:spChg chg="mod">
          <ac:chgData name="White, Alex" userId="eff6cc8c-37d8-483b-9c6c-6b27e9afa9bc" providerId="ADAL" clId="{BF04C754-5BF4-4E83-9615-DB14FA25AF8A}" dt="2023-10-12T11:38:20.867" v="298"/>
          <ac:spMkLst>
            <pc:docMk/>
            <pc:sldMk cId="2376958513" sldId="260"/>
            <ac:spMk id="12295" creationId="{DFC7B152-4A96-F3ED-A550-1A70F601F484}"/>
          </ac:spMkLst>
        </pc:spChg>
        <pc:spChg chg="mod">
          <ac:chgData name="White, Alex" userId="eff6cc8c-37d8-483b-9c6c-6b27e9afa9bc" providerId="ADAL" clId="{BF04C754-5BF4-4E83-9615-DB14FA25AF8A}" dt="2023-10-12T11:38:20.867" v="298"/>
          <ac:spMkLst>
            <pc:docMk/>
            <pc:sldMk cId="2376958513" sldId="260"/>
            <ac:spMk id="12296" creationId="{63EC511C-9DB4-BE6C-FECC-5C720DE505C2}"/>
          </ac:spMkLst>
        </pc:spChg>
        <pc:spChg chg="mod">
          <ac:chgData name="White, Alex" userId="eff6cc8c-37d8-483b-9c6c-6b27e9afa9bc" providerId="ADAL" clId="{BF04C754-5BF4-4E83-9615-DB14FA25AF8A}" dt="2023-10-12T11:38:20.867" v="298"/>
          <ac:spMkLst>
            <pc:docMk/>
            <pc:sldMk cId="2376958513" sldId="260"/>
            <ac:spMk id="12297" creationId="{67B923D6-EF7F-F23A-EF52-DFB6CD183E6D}"/>
          </ac:spMkLst>
        </pc:spChg>
        <pc:spChg chg="mod">
          <ac:chgData name="White, Alex" userId="eff6cc8c-37d8-483b-9c6c-6b27e9afa9bc" providerId="ADAL" clId="{BF04C754-5BF4-4E83-9615-DB14FA25AF8A}" dt="2023-10-12T11:38:20.867" v="298"/>
          <ac:spMkLst>
            <pc:docMk/>
            <pc:sldMk cId="2376958513" sldId="260"/>
            <ac:spMk id="12298" creationId="{00270D0B-6437-4600-8FEE-F0FD0B6AA48A}"/>
          </ac:spMkLst>
        </pc:spChg>
        <pc:spChg chg="mod">
          <ac:chgData name="White, Alex" userId="eff6cc8c-37d8-483b-9c6c-6b27e9afa9bc" providerId="ADAL" clId="{BF04C754-5BF4-4E83-9615-DB14FA25AF8A}" dt="2023-10-12T11:38:20.867" v="298"/>
          <ac:spMkLst>
            <pc:docMk/>
            <pc:sldMk cId="2376958513" sldId="260"/>
            <ac:spMk id="12299" creationId="{DAD12D45-64F7-85E7-62B8-616C70423898}"/>
          </ac:spMkLst>
        </pc:spChg>
        <pc:spChg chg="mod">
          <ac:chgData name="White, Alex" userId="eff6cc8c-37d8-483b-9c6c-6b27e9afa9bc" providerId="ADAL" clId="{BF04C754-5BF4-4E83-9615-DB14FA25AF8A}" dt="2023-10-12T11:38:20.867" v="298"/>
          <ac:spMkLst>
            <pc:docMk/>
            <pc:sldMk cId="2376958513" sldId="260"/>
            <ac:spMk id="12300" creationId="{1E02E7A8-FA9C-8675-5550-A2197E3DBD90}"/>
          </ac:spMkLst>
        </pc:spChg>
        <pc:spChg chg="mod">
          <ac:chgData name="White, Alex" userId="eff6cc8c-37d8-483b-9c6c-6b27e9afa9bc" providerId="ADAL" clId="{BF04C754-5BF4-4E83-9615-DB14FA25AF8A}" dt="2023-10-12T11:38:20.867" v="298"/>
          <ac:spMkLst>
            <pc:docMk/>
            <pc:sldMk cId="2376958513" sldId="260"/>
            <ac:spMk id="12301" creationId="{B34AE41C-BFC8-64AD-CCDA-FF22E4265924}"/>
          </ac:spMkLst>
        </pc:spChg>
        <pc:spChg chg="mod">
          <ac:chgData name="White, Alex" userId="eff6cc8c-37d8-483b-9c6c-6b27e9afa9bc" providerId="ADAL" clId="{BF04C754-5BF4-4E83-9615-DB14FA25AF8A}" dt="2023-10-12T11:38:20.867" v="298"/>
          <ac:spMkLst>
            <pc:docMk/>
            <pc:sldMk cId="2376958513" sldId="260"/>
            <ac:spMk id="12302" creationId="{BCF9F4EF-3531-A99D-28EC-128E4730E63E}"/>
          </ac:spMkLst>
        </pc:spChg>
        <pc:spChg chg="mod">
          <ac:chgData name="White, Alex" userId="eff6cc8c-37d8-483b-9c6c-6b27e9afa9bc" providerId="ADAL" clId="{BF04C754-5BF4-4E83-9615-DB14FA25AF8A}" dt="2023-10-12T11:38:20.867" v="298"/>
          <ac:spMkLst>
            <pc:docMk/>
            <pc:sldMk cId="2376958513" sldId="260"/>
            <ac:spMk id="12303" creationId="{76C900C5-DF75-7805-F494-D4CEB4B5FC6D}"/>
          </ac:spMkLst>
        </pc:spChg>
        <pc:spChg chg="mod">
          <ac:chgData name="White, Alex" userId="eff6cc8c-37d8-483b-9c6c-6b27e9afa9bc" providerId="ADAL" clId="{BF04C754-5BF4-4E83-9615-DB14FA25AF8A}" dt="2023-10-12T11:38:20.867" v="298"/>
          <ac:spMkLst>
            <pc:docMk/>
            <pc:sldMk cId="2376958513" sldId="260"/>
            <ac:spMk id="12304" creationId="{B5304CD1-2D88-9C55-20E7-5E328CAA010F}"/>
          </ac:spMkLst>
        </pc:spChg>
        <pc:spChg chg="mod">
          <ac:chgData name="White, Alex" userId="eff6cc8c-37d8-483b-9c6c-6b27e9afa9bc" providerId="ADAL" clId="{BF04C754-5BF4-4E83-9615-DB14FA25AF8A}" dt="2023-10-12T11:38:20.867" v="298"/>
          <ac:spMkLst>
            <pc:docMk/>
            <pc:sldMk cId="2376958513" sldId="260"/>
            <ac:spMk id="12305" creationId="{29542C71-35E9-7A92-DED4-F7CB014EF679}"/>
          </ac:spMkLst>
        </pc:spChg>
        <pc:spChg chg="mod">
          <ac:chgData name="White, Alex" userId="eff6cc8c-37d8-483b-9c6c-6b27e9afa9bc" providerId="ADAL" clId="{BF04C754-5BF4-4E83-9615-DB14FA25AF8A}" dt="2023-10-12T11:38:20.867" v="298"/>
          <ac:spMkLst>
            <pc:docMk/>
            <pc:sldMk cId="2376958513" sldId="260"/>
            <ac:spMk id="12306" creationId="{A7C2CF8F-3312-D2FC-79C5-A86EB34B8C2F}"/>
          </ac:spMkLst>
        </pc:spChg>
        <pc:spChg chg="mod">
          <ac:chgData name="White, Alex" userId="eff6cc8c-37d8-483b-9c6c-6b27e9afa9bc" providerId="ADAL" clId="{BF04C754-5BF4-4E83-9615-DB14FA25AF8A}" dt="2023-10-12T11:38:20.867" v="298"/>
          <ac:spMkLst>
            <pc:docMk/>
            <pc:sldMk cId="2376958513" sldId="260"/>
            <ac:spMk id="12307" creationId="{AC39C1CD-53CE-13C0-A8E8-FF95D687ABCB}"/>
          </ac:spMkLst>
        </pc:spChg>
        <pc:spChg chg="mod">
          <ac:chgData name="White, Alex" userId="eff6cc8c-37d8-483b-9c6c-6b27e9afa9bc" providerId="ADAL" clId="{BF04C754-5BF4-4E83-9615-DB14FA25AF8A}" dt="2023-10-12T11:38:20.867" v="298"/>
          <ac:spMkLst>
            <pc:docMk/>
            <pc:sldMk cId="2376958513" sldId="260"/>
            <ac:spMk id="12308" creationId="{B06D7CDE-B517-7940-06BA-B2A8006FBA64}"/>
          </ac:spMkLst>
        </pc:spChg>
        <pc:spChg chg="mod">
          <ac:chgData name="White, Alex" userId="eff6cc8c-37d8-483b-9c6c-6b27e9afa9bc" providerId="ADAL" clId="{BF04C754-5BF4-4E83-9615-DB14FA25AF8A}" dt="2023-10-12T11:38:20.867" v="298"/>
          <ac:spMkLst>
            <pc:docMk/>
            <pc:sldMk cId="2376958513" sldId="260"/>
            <ac:spMk id="12309" creationId="{46B24763-DEEE-35EA-68C8-9B2844388DCA}"/>
          </ac:spMkLst>
        </pc:spChg>
        <pc:spChg chg="mod">
          <ac:chgData name="White, Alex" userId="eff6cc8c-37d8-483b-9c6c-6b27e9afa9bc" providerId="ADAL" clId="{BF04C754-5BF4-4E83-9615-DB14FA25AF8A}" dt="2023-10-12T11:38:20.867" v="298"/>
          <ac:spMkLst>
            <pc:docMk/>
            <pc:sldMk cId="2376958513" sldId="260"/>
            <ac:spMk id="12310" creationId="{5592C66C-0569-89DD-968E-0770ED40401D}"/>
          </ac:spMkLst>
        </pc:spChg>
        <pc:spChg chg="mod">
          <ac:chgData name="White, Alex" userId="eff6cc8c-37d8-483b-9c6c-6b27e9afa9bc" providerId="ADAL" clId="{BF04C754-5BF4-4E83-9615-DB14FA25AF8A}" dt="2023-10-12T11:38:20.867" v="298"/>
          <ac:spMkLst>
            <pc:docMk/>
            <pc:sldMk cId="2376958513" sldId="260"/>
            <ac:spMk id="12311" creationId="{69A0CAB5-4DF4-97E9-928C-BC577AD92F20}"/>
          </ac:spMkLst>
        </pc:spChg>
        <pc:spChg chg="mod">
          <ac:chgData name="White, Alex" userId="eff6cc8c-37d8-483b-9c6c-6b27e9afa9bc" providerId="ADAL" clId="{BF04C754-5BF4-4E83-9615-DB14FA25AF8A}" dt="2023-10-12T11:38:20.867" v="298"/>
          <ac:spMkLst>
            <pc:docMk/>
            <pc:sldMk cId="2376958513" sldId="260"/>
            <ac:spMk id="12312" creationId="{3D011557-5201-0D00-0549-2BC5788989E1}"/>
          </ac:spMkLst>
        </pc:spChg>
        <pc:spChg chg="mod">
          <ac:chgData name="White, Alex" userId="eff6cc8c-37d8-483b-9c6c-6b27e9afa9bc" providerId="ADAL" clId="{BF04C754-5BF4-4E83-9615-DB14FA25AF8A}" dt="2023-10-12T11:38:20.867" v="298"/>
          <ac:spMkLst>
            <pc:docMk/>
            <pc:sldMk cId="2376958513" sldId="260"/>
            <ac:spMk id="12313" creationId="{79B4947F-B5A7-07DA-4521-B7FDB1FF9D24}"/>
          </ac:spMkLst>
        </pc:spChg>
        <pc:spChg chg="mod">
          <ac:chgData name="White, Alex" userId="eff6cc8c-37d8-483b-9c6c-6b27e9afa9bc" providerId="ADAL" clId="{BF04C754-5BF4-4E83-9615-DB14FA25AF8A}" dt="2023-10-12T11:38:20.867" v="298"/>
          <ac:spMkLst>
            <pc:docMk/>
            <pc:sldMk cId="2376958513" sldId="260"/>
            <ac:spMk id="12314" creationId="{4E34909E-92D7-BD35-8322-AC59EB61D753}"/>
          </ac:spMkLst>
        </pc:spChg>
        <pc:spChg chg="mod">
          <ac:chgData name="White, Alex" userId="eff6cc8c-37d8-483b-9c6c-6b27e9afa9bc" providerId="ADAL" clId="{BF04C754-5BF4-4E83-9615-DB14FA25AF8A}" dt="2023-10-12T11:38:20.867" v="298"/>
          <ac:spMkLst>
            <pc:docMk/>
            <pc:sldMk cId="2376958513" sldId="260"/>
            <ac:spMk id="12315" creationId="{92CFD3A3-F31E-36BC-A254-64209F4B45B7}"/>
          </ac:spMkLst>
        </pc:spChg>
        <pc:spChg chg="mod">
          <ac:chgData name="White, Alex" userId="eff6cc8c-37d8-483b-9c6c-6b27e9afa9bc" providerId="ADAL" clId="{BF04C754-5BF4-4E83-9615-DB14FA25AF8A}" dt="2023-10-12T11:38:20.867" v="298"/>
          <ac:spMkLst>
            <pc:docMk/>
            <pc:sldMk cId="2376958513" sldId="260"/>
            <ac:spMk id="12316" creationId="{FC9B5DD2-8814-20DB-0871-08568A3E9C0A}"/>
          </ac:spMkLst>
        </pc:spChg>
        <pc:spChg chg="mod">
          <ac:chgData name="White, Alex" userId="eff6cc8c-37d8-483b-9c6c-6b27e9afa9bc" providerId="ADAL" clId="{BF04C754-5BF4-4E83-9615-DB14FA25AF8A}" dt="2023-10-12T11:38:20.867" v="298"/>
          <ac:spMkLst>
            <pc:docMk/>
            <pc:sldMk cId="2376958513" sldId="260"/>
            <ac:spMk id="12317" creationId="{030FD276-F15A-F60C-1521-A64095B4919C}"/>
          </ac:spMkLst>
        </pc:spChg>
        <pc:spChg chg="mod">
          <ac:chgData name="White, Alex" userId="eff6cc8c-37d8-483b-9c6c-6b27e9afa9bc" providerId="ADAL" clId="{BF04C754-5BF4-4E83-9615-DB14FA25AF8A}" dt="2023-10-12T11:38:20.867" v="298"/>
          <ac:spMkLst>
            <pc:docMk/>
            <pc:sldMk cId="2376958513" sldId="260"/>
            <ac:spMk id="12318" creationId="{F3035823-4BA0-8539-39BF-D8DADF92DA91}"/>
          </ac:spMkLst>
        </pc:spChg>
        <pc:spChg chg="mod">
          <ac:chgData name="White, Alex" userId="eff6cc8c-37d8-483b-9c6c-6b27e9afa9bc" providerId="ADAL" clId="{BF04C754-5BF4-4E83-9615-DB14FA25AF8A}" dt="2023-10-12T11:38:20.867" v="298"/>
          <ac:spMkLst>
            <pc:docMk/>
            <pc:sldMk cId="2376958513" sldId="260"/>
            <ac:spMk id="12319" creationId="{A99ABBDF-1CE2-17C6-FD2E-7656C12ED843}"/>
          </ac:spMkLst>
        </pc:spChg>
        <pc:spChg chg="mod">
          <ac:chgData name="White, Alex" userId="eff6cc8c-37d8-483b-9c6c-6b27e9afa9bc" providerId="ADAL" clId="{BF04C754-5BF4-4E83-9615-DB14FA25AF8A}" dt="2023-10-12T11:38:20.867" v="298"/>
          <ac:spMkLst>
            <pc:docMk/>
            <pc:sldMk cId="2376958513" sldId="260"/>
            <ac:spMk id="12320" creationId="{E3AAF6EF-5E6C-A515-8B85-B73E67CD0898}"/>
          </ac:spMkLst>
        </pc:spChg>
        <pc:spChg chg="mod">
          <ac:chgData name="White, Alex" userId="eff6cc8c-37d8-483b-9c6c-6b27e9afa9bc" providerId="ADAL" clId="{BF04C754-5BF4-4E83-9615-DB14FA25AF8A}" dt="2023-10-12T11:38:20.867" v="298"/>
          <ac:spMkLst>
            <pc:docMk/>
            <pc:sldMk cId="2376958513" sldId="260"/>
            <ac:spMk id="12321" creationId="{12147D7F-6C54-37AB-A69F-7F00B33FB96E}"/>
          </ac:spMkLst>
        </pc:spChg>
        <pc:spChg chg="mod">
          <ac:chgData name="White, Alex" userId="eff6cc8c-37d8-483b-9c6c-6b27e9afa9bc" providerId="ADAL" clId="{BF04C754-5BF4-4E83-9615-DB14FA25AF8A}" dt="2023-10-12T11:38:20.867" v="298"/>
          <ac:spMkLst>
            <pc:docMk/>
            <pc:sldMk cId="2376958513" sldId="260"/>
            <ac:spMk id="12322" creationId="{0C580671-E2F6-54A3-7EFA-3F5D72763856}"/>
          </ac:spMkLst>
        </pc:spChg>
        <pc:spChg chg="mod">
          <ac:chgData name="White, Alex" userId="eff6cc8c-37d8-483b-9c6c-6b27e9afa9bc" providerId="ADAL" clId="{BF04C754-5BF4-4E83-9615-DB14FA25AF8A}" dt="2023-10-12T11:38:20.867" v="298"/>
          <ac:spMkLst>
            <pc:docMk/>
            <pc:sldMk cId="2376958513" sldId="260"/>
            <ac:spMk id="12323" creationId="{EB2DC8D0-C1EF-B2D2-0F18-0BC02F337B81}"/>
          </ac:spMkLst>
        </pc:spChg>
        <pc:spChg chg="mod">
          <ac:chgData name="White, Alex" userId="eff6cc8c-37d8-483b-9c6c-6b27e9afa9bc" providerId="ADAL" clId="{BF04C754-5BF4-4E83-9615-DB14FA25AF8A}" dt="2023-10-12T11:38:20.867" v="298"/>
          <ac:spMkLst>
            <pc:docMk/>
            <pc:sldMk cId="2376958513" sldId="260"/>
            <ac:spMk id="12324" creationId="{09EE948D-C804-C230-EDAC-0CB9AC90C377}"/>
          </ac:spMkLst>
        </pc:spChg>
        <pc:spChg chg="mod">
          <ac:chgData name="White, Alex" userId="eff6cc8c-37d8-483b-9c6c-6b27e9afa9bc" providerId="ADAL" clId="{BF04C754-5BF4-4E83-9615-DB14FA25AF8A}" dt="2023-10-12T11:38:20.867" v="298"/>
          <ac:spMkLst>
            <pc:docMk/>
            <pc:sldMk cId="2376958513" sldId="260"/>
            <ac:spMk id="12325" creationId="{A6AF7A1E-622F-F1EA-642C-693BE1AEE628}"/>
          </ac:spMkLst>
        </pc:spChg>
        <pc:spChg chg="mod">
          <ac:chgData name="White, Alex" userId="eff6cc8c-37d8-483b-9c6c-6b27e9afa9bc" providerId="ADAL" clId="{BF04C754-5BF4-4E83-9615-DB14FA25AF8A}" dt="2023-10-12T11:38:20.867" v="298"/>
          <ac:spMkLst>
            <pc:docMk/>
            <pc:sldMk cId="2376958513" sldId="260"/>
            <ac:spMk id="12326" creationId="{90048E90-411B-8B9F-AE74-D2A6B1084F3C}"/>
          </ac:spMkLst>
        </pc:spChg>
        <pc:spChg chg="mod">
          <ac:chgData name="White, Alex" userId="eff6cc8c-37d8-483b-9c6c-6b27e9afa9bc" providerId="ADAL" clId="{BF04C754-5BF4-4E83-9615-DB14FA25AF8A}" dt="2023-10-12T11:38:20.867" v="298"/>
          <ac:spMkLst>
            <pc:docMk/>
            <pc:sldMk cId="2376958513" sldId="260"/>
            <ac:spMk id="12327" creationId="{ED2DE829-D547-0055-97BB-33E29C737153}"/>
          </ac:spMkLst>
        </pc:spChg>
        <pc:spChg chg="mod">
          <ac:chgData name="White, Alex" userId="eff6cc8c-37d8-483b-9c6c-6b27e9afa9bc" providerId="ADAL" clId="{BF04C754-5BF4-4E83-9615-DB14FA25AF8A}" dt="2023-10-12T11:38:20.867" v="298"/>
          <ac:spMkLst>
            <pc:docMk/>
            <pc:sldMk cId="2376958513" sldId="260"/>
            <ac:spMk id="12328" creationId="{B6D27AB6-8726-DEE2-A448-1F87FAD2A468}"/>
          </ac:spMkLst>
        </pc:spChg>
        <pc:spChg chg="mod">
          <ac:chgData name="White, Alex" userId="eff6cc8c-37d8-483b-9c6c-6b27e9afa9bc" providerId="ADAL" clId="{BF04C754-5BF4-4E83-9615-DB14FA25AF8A}" dt="2023-10-12T11:38:20.867" v="298"/>
          <ac:spMkLst>
            <pc:docMk/>
            <pc:sldMk cId="2376958513" sldId="260"/>
            <ac:spMk id="12329" creationId="{7BA0B573-089C-7B52-5069-22C636F49EF9}"/>
          </ac:spMkLst>
        </pc:spChg>
        <pc:spChg chg="mod">
          <ac:chgData name="White, Alex" userId="eff6cc8c-37d8-483b-9c6c-6b27e9afa9bc" providerId="ADAL" clId="{BF04C754-5BF4-4E83-9615-DB14FA25AF8A}" dt="2023-10-12T11:38:20.867" v="298"/>
          <ac:spMkLst>
            <pc:docMk/>
            <pc:sldMk cId="2376958513" sldId="260"/>
            <ac:spMk id="12330" creationId="{9B8B0E81-77C5-6C4B-0236-DB0D0979B6F0}"/>
          </ac:spMkLst>
        </pc:spChg>
        <pc:spChg chg="mod">
          <ac:chgData name="White, Alex" userId="eff6cc8c-37d8-483b-9c6c-6b27e9afa9bc" providerId="ADAL" clId="{BF04C754-5BF4-4E83-9615-DB14FA25AF8A}" dt="2023-10-12T11:38:20.867" v="298"/>
          <ac:spMkLst>
            <pc:docMk/>
            <pc:sldMk cId="2376958513" sldId="260"/>
            <ac:spMk id="12331" creationId="{1229B230-AC59-855B-800A-B9E83B353DA6}"/>
          </ac:spMkLst>
        </pc:spChg>
        <pc:spChg chg="mod">
          <ac:chgData name="White, Alex" userId="eff6cc8c-37d8-483b-9c6c-6b27e9afa9bc" providerId="ADAL" clId="{BF04C754-5BF4-4E83-9615-DB14FA25AF8A}" dt="2023-10-12T11:38:20.867" v="298"/>
          <ac:spMkLst>
            <pc:docMk/>
            <pc:sldMk cId="2376958513" sldId="260"/>
            <ac:spMk id="12332" creationId="{F7A1BFBB-196E-8C46-0792-E3D94233C9AB}"/>
          </ac:spMkLst>
        </pc:spChg>
        <pc:spChg chg="mod">
          <ac:chgData name="White, Alex" userId="eff6cc8c-37d8-483b-9c6c-6b27e9afa9bc" providerId="ADAL" clId="{BF04C754-5BF4-4E83-9615-DB14FA25AF8A}" dt="2023-10-12T11:38:20.867" v="298"/>
          <ac:spMkLst>
            <pc:docMk/>
            <pc:sldMk cId="2376958513" sldId="260"/>
            <ac:spMk id="12333" creationId="{E26F6B47-99B9-444B-E772-C52A1E373D18}"/>
          </ac:spMkLst>
        </pc:spChg>
        <pc:spChg chg="mod">
          <ac:chgData name="White, Alex" userId="eff6cc8c-37d8-483b-9c6c-6b27e9afa9bc" providerId="ADAL" clId="{BF04C754-5BF4-4E83-9615-DB14FA25AF8A}" dt="2023-10-12T11:38:20.867" v="298"/>
          <ac:spMkLst>
            <pc:docMk/>
            <pc:sldMk cId="2376958513" sldId="260"/>
            <ac:spMk id="12334" creationId="{005CD8DE-A5C3-0373-90DD-80981847158C}"/>
          </ac:spMkLst>
        </pc:spChg>
        <pc:spChg chg="mod">
          <ac:chgData name="White, Alex" userId="eff6cc8c-37d8-483b-9c6c-6b27e9afa9bc" providerId="ADAL" clId="{BF04C754-5BF4-4E83-9615-DB14FA25AF8A}" dt="2023-10-12T11:38:20.867" v="298"/>
          <ac:spMkLst>
            <pc:docMk/>
            <pc:sldMk cId="2376958513" sldId="260"/>
            <ac:spMk id="12335" creationId="{BF10583E-39D5-3C42-2648-8F004DFC437A}"/>
          </ac:spMkLst>
        </pc:spChg>
        <pc:spChg chg="mod">
          <ac:chgData name="White, Alex" userId="eff6cc8c-37d8-483b-9c6c-6b27e9afa9bc" providerId="ADAL" clId="{BF04C754-5BF4-4E83-9615-DB14FA25AF8A}" dt="2023-10-12T11:38:20.867" v="298"/>
          <ac:spMkLst>
            <pc:docMk/>
            <pc:sldMk cId="2376958513" sldId="260"/>
            <ac:spMk id="12336" creationId="{EB4D117B-E3D9-A6E4-0A43-C722DA2FAD42}"/>
          </ac:spMkLst>
        </pc:spChg>
        <pc:spChg chg="mod">
          <ac:chgData name="White, Alex" userId="eff6cc8c-37d8-483b-9c6c-6b27e9afa9bc" providerId="ADAL" clId="{BF04C754-5BF4-4E83-9615-DB14FA25AF8A}" dt="2023-10-12T11:38:20.867" v="298"/>
          <ac:spMkLst>
            <pc:docMk/>
            <pc:sldMk cId="2376958513" sldId="260"/>
            <ac:spMk id="12337" creationId="{8D444C44-75B8-2787-610C-8FA672F583FA}"/>
          </ac:spMkLst>
        </pc:spChg>
        <pc:spChg chg="mod">
          <ac:chgData name="White, Alex" userId="eff6cc8c-37d8-483b-9c6c-6b27e9afa9bc" providerId="ADAL" clId="{BF04C754-5BF4-4E83-9615-DB14FA25AF8A}" dt="2023-10-12T11:38:20.867" v="298"/>
          <ac:spMkLst>
            <pc:docMk/>
            <pc:sldMk cId="2376958513" sldId="260"/>
            <ac:spMk id="12338" creationId="{5A512BEE-383F-A357-AB50-0CD32A120C2A}"/>
          </ac:spMkLst>
        </pc:spChg>
        <pc:spChg chg="mod">
          <ac:chgData name="White, Alex" userId="eff6cc8c-37d8-483b-9c6c-6b27e9afa9bc" providerId="ADAL" clId="{BF04C754-5BF4-4E83-9615-DB14FA25AF8A}" dt="2023-10-12T11:38:20.867" v="298"/>
          <ac:spMkLst>
            <pc:docMk/>
            <pc:sldMk cId="2376958513" sldId="260"/>
            <ac:spMk id="12339" creationId="{994E6B86-7DE7-C21D-7110-BB51759CDEB3}"/>
          </ac:spMkLst>
        </pc:spChg>
        <pc:spChg chg="mod">
          <ac:chgData name="White, Alex" userId="eff6cc8c-37d8-483b-9c6c-6b27e9afa9bc" providerId="ADAL" clId="{BF04C754-5BF4-4E83-9615-DB14FA25AF8A}" dt="2023-10-12T11:38:20.867" v="298"/>
          <ac:spMkLst>
            <pc:docMk/>
            <pc:sldMk cId="2376958513" sldId="260"/>
            <ac:spMk id="12340" creationId="{68EE3122-EA18-E365-0683-2222A081A74B}"/>
          </ac:spMkLst>
        </pc:spChg>
        <pc:spChg chg="mod">
          <ac:chgData name="White, Alex" userId="eff6cc8c-37d8-483b-9c6c-6b27e9afa9bc" providerId="ADAL" clId="{BF04C754-5BF4-4E83-9615-DB14FA25AF8A}" dt="2023-10-12T11:38:20.867" v="298"/>
          <ac:spMkLst>
            <pc:docMk/>
            <pc:sldMk cId="2376958513" sldId="260"/>
            <ac:spMk id="12341" creationId="{8B8F1D49-068F-D412-6D87-E5E2AB46700C}"/>
          </ac:spMkLst>
        </pc:spChg>
        <pc:spChg chg="mod">
          <ac:chgData name="White, Alex" userId="eff6cc8c-37d8-483b-9c6c-6b27e9afa9bc" providerId="ADAL" clId="{BF04C754-5BF4-4E83-9615-DB14FA25AF8A}" dt="2023-10-12T11:38:20.867" v="298"/>
          <ac:spMkLst>
            <pc:docMk/>
            <pc:sldMk cId="2376958513" sldId="260"/>
            <ac:spMk id="12342" creationId="{EEC466DD-1C8B-6C99-E5C7-F76B670A8036}"/>
          </ac:spMkLst>
        </pc:spChg>
        <pc:spChg chg="mod">
          <ac:chgData name="White, Alex" userId="eff6cc8c-37d8-483b-9c6c-6b27e9afa9bc" providerId="ADAL" clId="{BF04C754-5BF4-4E83-9615-DB14FA25AF8A}" dt="2023-10-12T11:38:20.867" v="298"/>
          <ac:spMkLst>
            <pc:docMk/>
            <pc:sldMk cId="2376958513" sldId="260"/>
            <ac:spMk id="12343" creationId="{F1FC23BA-7E85-2B60-525E-47BE6C3AF7D4}"/>
          </ac:spMkLst>
        </pc:spChg>
        <pc:spChg chg="mod">
          <ac:chgData name="White, Alex" userId="eff6cc8c-37d8-483b-9c6c-6b27e9afa9bc" providerId="ADAL" clId="{BF04C754-5BF4-4E83-9615-DB14FA25AF8A}" dt="2023-10-12T11:38:20.867" v="298"/>
          <ac:spMkLst>
            <pc:docMk/>
            <pc:sldMk cId="2376958513" sldId="260"/>
            <ac:spMk id="12344" creationId="{395C16F7-1FB0-1789-D9BF-DB6D2A406597}"/>
          </ac:spMkLst>
        </pc:spChg>
        <pc:spChg chg="mod">
          <ac:chgData name="White, Alex" userId="eff6cc8c-37d8-483b-9c6c-6b27e9afa9bc" providerId="ADAL" clId="{BF04C754-5BF4-4E83-9615-DB14FA25AF8A}" dt="2023-10-12T11:38:20.867" v="298"/>
          <ac:spMkLst>
            <pc:docMk/>
            <pc:sldMk cId="2376958513" sldId="260"/>
            <ac:spMk id="12345" creationId="{26522D91-927A-C79B-D88D-8DFB03A08622}"/>
          </ac:spMkLst>
        </pc:spChg>
        <pc:spChg chg="mod">
          <ac:chgData name="White, Alex" userId="eff6cc8c-37d8-483b-9c6c-6b27e9afa9bc" providerId="ADAL" clId="{BF04C754-5BF4-4E83-9615-DB14FA25AF8A}" dt="2023-10-12T11:38:20.867" v="298"/>
          <ac:spMkLst>
            <pc:docMk/>
            <pc:sldMk cId="2376958513" sldId="260"/>
            <ac:spMk id="12346" creationId="{4FCB095D-6B19-DAD1-37ED-9C26E3979189}"/>
          </ac:spMkLst>
        </pc:spChg>
        <pc:spChg chg="mod">
          <ac:chgData name="White, Alex" userId="eff6cc8c-37d8-483b-9c6c-6b27e9afa9bc" providerId="ADAL" clId="{BF04C754-5BF4-4E83-9615-DB14FA25AF8A}" dt="2023-10-12T11:38:20.867" v="298"/>
          <ac:spMkLst>
            <pc:docMk/>
            <pc:sldMk cId="2376958513" sldId="260"/>
            <ac:spMk id="12347" creationId="{6EBBF459-4251-A121-96B0-A1D82150B581}"/>
          </ac:spMkLst>
        </pc:spChg>
        <pc:spChg chg="mod">
          <ac:chgData name="White, Alex" userId="eff6cc8c-37d8-483b-9c6c-6b27e9afa9bc" providerId="ADAL" clId="{BF04C754-5BF4-4E83-9615-DB14FA25AF8A}" dt="2023-10-12T11:38:20.867" v="298"/>
          <ac:spMkLst>
            <pc:docMk/>
            <pc:sldMk cId="2376958513" sldId="260"/>
            <ac:spMk id="12348" creationId="{55D59DD7-82E1-0A5E-449A-29583505F3B6}"/>
          </ac:spMkLst>
        </pc:spChg>
        <pc:spChg chg="mod">
          <ac:chgData name="White, Alex" userId="eff6cc8c-37d8-483b-9c6c-6b27e9afa9bc" providerId="ADAL" clId="{BF04C754-5BF4-4E83-9615-DB14FA25AF8A}" dt="2023-10-12T11:38:20.867" v="298"/>
          <ac:spMkLst>
            <pc:docMk/>
            <pc:sldMk cId="2376958513" sldId="260"/>
            <ac:spMk id="12349" creationId="{E0A6E51C-82C2-1161-C5E1-3696A0BCC6A9}"/>
          </ac:spMkLst>
        </pc:spChg>
        <pc:spChg chg="mod">
          <ac:chgData name="White, Alex" userId="eff6cc8c-37d8-483b-9c6c-6b27e9afa9bc" providerId="ADAL" clId="{BF04C754-5BF4-4E83-9615-DB14FA25AF8A}" dt="2023-10-12T11:38:20.867" v="298"/>
          <ac:spMkLst>
            <pc:docMk/>
            <pc:sldMk cId="2376958513" sldId="260"/>
            <ac:spMk id="12350" creationId="{B15AD62C-35FF-1137-0EAF-5975E399EB29}"/>
          </ac:spMkLst>
        </pc:spChg>
        <pc:spChg chg="mod">
          <ac:chgData name="White, Alex" userId="eff6cc8c-37d8-483b-9c6c-6b27e9afa9bc" providerId="ADAL" clId="{BF04C754-5BF4-4E83-9615-DB14FA25AF8A}" dt="2023-10-12T11:38:20.867" v="298"/>
          <ac:spMkLst>
            <pc:docMk/>
            <pc:sldMk cId="2376958513" sldId="260"/>
            <ac:spMk id="12351" creationId="{CDCF2F95-1270-66CE-B0F0-897A3CFF24B8}"/>
          </ac:spMkLst>
        </pc:spChg>
        <pc:spChg chg="mod">
          <ac:chgData name="White, Alex" userId="eff6cc8c-37d8-483b-9c6c-6b27e9afa9bc" providerId="ADAL" clId="{BF04C754-5BF4-4E83-9615-DB14FA25AF8A}" dt="2023-10-12T11:38:20.867" v="298"/>
          <ac:spMkLst>
            <pc:docMk/>
            <pc:sldMk cId="2376958513" sldId="260"/>
            <ac:spMk id="12352" creationId="{D8CCE373-67C4-5E4A-7F4B-EDC830A137D1}"/>
          </ac:spMkLst>
        </pc:spChg>
        <pc:spChg chg="mod">
          <ac:chgData name="White, Alex" userId="eff6cc8c-37d8-483b-9c6c-6b27e9afa9bc" providerId="ADAL" clId="{BF04C754-5BF4-4E83-9615-DB14FA25AF8A}" dt="2023-10-12T11:38:20.867" v="298"/>
          <ac:spMkLst>
            <pc:docMk/>
            <pc:sldMk cId="2376958513" sldId="260"/>
            <ac:spMk id="12353" creationId="{1C608C19-4968-556C-354C-7490C4CDAF84}"/>
          </ac:spMkLst>
        </pc:spChg>
        <pc:spChg chg="mod">
          <ac:chgData name="White, Alex" userId="eff6cc8c-37d8-483b-9c6c-6b27e9afa9bc" providerId="ADAL" clId="{BF04C754-5BF4-4E83-9615-DB14FA25AF8A}" dt="2023-10-12T11:38:20.867" v="298"/>
          <ac:spMkLst>
            <pc:docMk/>
            <pc:sldMk cId="2376958513" sldId="260"/>
            <ac:spMk id="12354" creationId="{A1BBFB8A-A5B9-AE40-6CA4-F8CBC55F153F}"/>
          </ac:spMkLst>
        </pc:spChg>
        <pc:spChg chg="mod">
          <ac:chgData name="White, Alex" userId="eff6cc8c-37d8-483b-9c6c-6b27e9afa9bc" providerId="ADAL" clId="{BF04C754-5BF4-4E83-9615-DB14FA25AF8A}" dt="2023-10-12T11:38:20.867" v="298"/>
          <ac:spMkLst>
            <pc:docMk/>
            <pc:sldMk cId="2376958513" sldId="260"/>
            <ac:spMk id="12355" creationId="{743B7B3D-36C9-9408-BE32-F508E9ECB869}"/>
          </ac:spMkLst>
        </pc:spChg>
        <pc:spChg chg="mod">
          <ac:chgData name="White, Alex" userId="eff6cc8c-37d8-483b-9c6c-6b27e9afa9bc" providerId="ADAL" clId="{BF04C754-5BF4-4E83-9615-DB14FA25AF8A}" dt="2023-10-12T11:38:20.867" v="298"/>
          <ac:spMkLst>
            <pc:docMk/>
            <pc:sldMk cId="2376958513" sldId="260"/>
            <ac:spMk id="12356" creationId="{17BB8F5A-9431-2530-83E0-9E915F6F45A1}"/>
          </ac:spMkLst>
        </pc:spChg>
        <pc:spChg chg="mod">
          <ac:chgData name="White, Alex" userId="eff6cc8c-37d8-483b-9c6c-6b27e9afa9bc" providerId="ADAL" clId="{BF04C754-5BF4-4E83-9615-DB14FA25AF8A}" dt="2023-10-12T11:38:20.867" v="298"/>
          <ac:spMkLst>
            <pc:docMk/>
            <pc:sldMk cId="2376958513" sldId="260"/>
            <ac:spMk id="12357" creationId="{18D2096D-3B7D-FE6A-A1CF-5C5F511B041A}"/>
          </ac:spMkLst>
        </pc:spChg>
        <pc:spChg chg="mod">
          <ac:chgData name="White, Alex" userId="eff6cc8c-37d8-483b-9c6c-6b27e9afa9bc" providerId="ADAL" clId="{BF04C754-5BF4-4E83-9615-DB14FA25AF8A}" dt="2023-10-12T11:38:20.867" v="298"/>
          <ac:spMkLst>
            <pc:docMk/>
            <pc:sldMk cId="2376958513" sldId="260"/>
            <ac:spMk id="12358" creationId="{EE3E129A-2286-26D1-B1F3-1C843FF7279F}"/>
          </ac:spMkLst>
        </pc:spChg>
        <pc:spChg chg="mod">
          <ac:chgData name="White, Alex" userId="eff6cc8c-37d8-483b-9c6c-6b27e9afa9bc" providerId="ADAL" clId="{BF04C754-5BF4-4E83-9615-DB14FA25AF8A}" dt="2023-10-12T11:38:20.867" v="298"/>
          <ac:spMkLst>
            <pc:docMk/>
            <pc:sldMk cId="2376958513" sldId="260"/>
            <ac:spMk id="12359" creationId="{46EAEEB4-B526-C893-11ED-AB02AB8E3403}"/>
          </ac:spMkLst>
        </pc:spChg>
        <pc:spChg chg="mod">
          <ac:chgData name="White, Alex" userId="eff6cc8c-37d8-483b-9c6c-6b27e9afa9bc" providerId="ADAL" clId="{BF04C754-5BF4-4E83-9615-DB14FA25AF8A}" dt="2023-10-12T11:38:20.867" v="298"/>
          <ac:spMkLst>
            <pc:docMk/>
            <pc:sldMk cId="2376958513" sldId="260"/>
            <ac:spMk id="12360" creationId="{307A4FBC-BD5C-C286-42D6-D62C9345764D}"/>
          </ac:spMkLst>
        </pc:spChg>
        <pc:spChg chg="mod">
          <ac:chgData name="White, Alex" userId="eff6cc8c-37d8-483b-9c6c-6b27e9afa9bc" providerId="ADAL" clId="{BF04C754-5BF4-4E83-9615-DB14FA25AF8A}" dt="2023-10-12T11:38:20.867" v="298"/>
          <ac:spMkLst>
            <pc:docMk/>
            <pc:sldMk cId="2376958513" sldId="260"/>
            <ac:spMk id="12361" creationId="{3395F761-EFD2-063B-C0DF-1343A037D820}"/>
          </ac:spMkLst>
        </pc:spChg>
        <pc:spChg chg="mod">
          <ac:chgData name="White, Alex" userId="eff6cc8c-37d8-483b-9c6c-6b27e9afa9bc" providerId="ADAL" clId="{BF04C754-5BF4-4E83-9615-DB14FA25AF8A}" dt="2023-10-12T11:38:20.867" v="298"/>
          <ac:spMkLst>
            <pc:docMk/>
            <pc:sldMk cId="2376958513" sldId="260"/>
            <ac:spMk id="12362" creationId="{82CA8CE3-CB0A-856D-B9A9-3802D2408F09}"/>
          </ac:spMkLst>
        </pc:spChg>
        <pc:spChg chg="mod">
          <ac:chgData name="White, Alex" userId="eff6cc8c-37d8-483b-9c6c-6b27e9afa9bc" providerId="ADAL" clId="{BF04C754-5BF4-4E83-9615-DB14FA25AF8A}" dt="2023-10-12T11:38:20.867" v="298"/>
          <ac:spMkLst>
            <pc:docMk/>
            <pc:sldMk cId="2376958513" sldId="260"/>
            <ac:spMk id="12363" creationId="{BA06F50C-9640-7DCF-B580-34B884558E82}"/>
          </ac:spMkLst>
        </pc:spChg>
        <pc:spChg chg="mod">
          <ac:chgData name="White, Alex" userId="eff6cc8c-37d8-483b-9c6c-6b27e9afa9bc" providerId="ADAL" clId="{BF04C754-5BF4-4E83-9615-DB14FA25AF8A}" dt="2023-10-12T11:38:20.867" v="298"/>
          <ac:spMkLst>
            <pc:docMk/>
            <pc:sldMk cId="2376958513" sldId="260"/>
            <ac:spMk id="12364" creationId="{C9495863-8D16-12C1-4123-364658695EC7}"/>
          </ac:spMkLst>
        </pc:spChg>
        <pc:spChg chg="mod">
          <ac:chgData name="White, Alex" userId="eff6cc8c-37d8-483b-9c6c-6b27e9afa9bc" providerId="ADAL" clId="{BF04C754-5BF4-4E83-9615-DB14FA25AF8A}" dt="2023-10-12T11:38:20.867" v="298"/>
          <ac:spMkLst>
            <pc:docMk/>
            <pc:sldMk cId="2376958513" sldId="260"/>
            <ac:spMk id="12365" creationId="{4FEA0A0B-4F37-D3CB-96CE-C3CA18CE630D}"/>
          </ac:spMkLst>
        </pc:spChg>
        <pc:spChg chg="mod">
          <ac:chgData name="White, Alex" userId="eff6cc8c-37d8-483b-9c6c-6b27e9afa9bc" providerId="ADAL" clId="{BF04C754-5BF4-4E83-9615-DB14FA25AF8A}" dt="2023-10-12T11:38:20.867" v="298"/>
          <ac:spMkLst>
            <pc:docMk/>
            <pc:sldMk cId="2376958513" sldId="260"/>
            <ac:spMk id="12366" creationId="{9F0218DB-0D46-B024-DB78-8B3DD862F45D}"/>
          </ac:spMkLst>
        </pc:spChg>
        <pc:spChg chg="mod">
          <ac:chgData name="White, Alex" userId="eff6cc8c-37d8-483b-9c6c-6b27e9afa9bc" providerId="ADAL" clId="{BF04C754-5BF4-4E83-9615-DB14FA25AF8A}" dt="2023-10-12T11:38:20.867" v="298"/>
          <ac:spMkLst>
            <pc:docMk/>
            <pc:sldMk cId="2376958513" sldId="260"/>
            <ac:spMk id="12367" creationId="{F4C9EE2F-61B4-74A7-7F29-C8BCE113794E}"/>
          </ac:spMkLst>
        </pc:spChg>
        <pc:spChg chg="mod">
          <ac:chgData name="White, Alex" userId="eff6cc8c-37d8-483b-9c6c-6b27e9afa9bc" providerId="ADAL" clId="{BF04C754-5BF4-4E83-9615-DB14FA25AF8A}" dt="2023-10-12T11:38:20.867" v="298"/>
          <ac:spMkLst>
            <pc:docMk/>
            <pc:sldMk cId="2376958513" sldId="260"/>
            <ac:spMk id="12368" creationId="{C77C4E38-389A-885E-7C40-1095AF820108}"/>
          </ac:spMkLst>
        </pc:spChg>
        <pc:spChg chg="mod">
          <ac:chgData name="White, Alex" userId="eff6cc8c-37d8-483b-9c6c-6b27e9afa9bc" providerId="ADAL" clId="{BF04C754-5BF4-4E83-9615-DB14FA25AF8A}" dt="2023-10-12T11:38:20.867" v="298"/>
          <ac:spMkLst>
            <pc:docMk/>
            <pc:sldMk cId="2376958513" sldId="260"/>
            <ac:spMk id="12369" creationId="{835DDC4D-2698-B617-5673-7DC415B3C4DD}"/>
          </ac:spMkLst>
        </pc:spChg>
        <pc:spChg chg="mod">
          <ac:chgData name="White, Alex" userId="eff6cc8c-37d8-483b-9c6c-6b27e9afa9bc" providerId="ADAL" clId="{BF04C754-5BF4-4E83-9615-DB14FA25AF8A}" dt="2023-10-12T11:38:20.867" v="298"/>
          <ac:spMkLst>
            <pc:docMk/>
            <pc:sldMk cId="2376958513" sldId="260"/>
            <ac:spMk id="12370" creationId="{3693485E-999A-B73C-5B03-828050D1631D}"/>
          </ac:spMkLst>
        </pc:spChg>
        <pc:spChg chg="mod">
          <ac:chgData name="White, Alex" userId="eff6cc8c-37d8-483b-9c6c-6b27e9afa9bc" providerId="ADAL" clId="{BF04C754-5BF4-4E83-9615-DB14FA25AF8A}" dt="2023-10-12T11:38:20.867" v="298"/>
          <ac:spMkLst>
            <pc:docMk/>
            <pc:sldMk cId="2376958513" sldId="260"/>
            <ac:spMk id="12371" creationId="{6DB4D045-04D4-1B82-010D-43417CED636A}"/>
          </ac:spMkLst>
        </pc:spChg>
        <pc:spChg chg="mod">
          <ac:chgData name="White, Alex" userId="eff6cc8c-37d8-483b-9c6c-6b27e9afa9bc" providerId="ADAL" clId="{BF04C754-5BF4-4E83-9615-DB14FA25AF8A}" dt="2023-10-12T11:38:20.867" v="298"/>
          <ac:spMkLst>
            <pc:docMk/>
            <pc:sldMk cId="2376958513" sldId="260"/>
            <ac:spMk id="12372" creationId="{BB09422C-39EB-6CCB-BE53-3C3248ED77E2}"/>
          </ac:spMkLst>
        </pc:spChg>
        <pc:spChg chg="mod">
          <ac:chgData name="White, Alex" userId="eff6cc8c-37d8-483b-9c6c-6b27e9afa9bc" providerId="ADAL" clId="{BF04C754-5BF4-4E83-9615-DB14FA25AF8A}" dt="2023-10-12T11:38:20.867" v="298"/>
          <ac:spMkLst>
            <pc:docMk/>
            <pc:sldMk cId="2376958513" sldId="260"/>
            <ac:spMk id="12373" creationId="{4932E18C-A783-3389-1EB6-5731AB437AFA}"/>
          </ac:spMkLst>
        </pc:spChg>
        <pc:spChg chg="mod">
          <ac:chgData name="White, Alex" userId="eff6cc8c-37d8-483b-9c6c-6b27e9afa9bc" providerId="ADAL" clId="{BF04C754-5BF4-4E83-9615-DB14FA25AF8A}" dt="2023-10-12T11:38:20.867" v="298"/>
          <ac:spMkLst>
            <pc:docMk/>
            <pc:sldMk cId="2376958513" sldId="260"/>
            <ac:spMk id="12374" creationId="{EE3C55E8-7E68-51BB-A2C3-67D02948F663}"/>
          </ac:spMkLst>
        </pc:spChg>
        <pc:spChg chg="mod">
          <ac:chgData name="White, Alex" userId="eff6cc8c-37d8-483b-9c6c-6b27e9afa9bc" providerId="ADAL" clId="{BF04C754-5BF4-4E83-9615-DB14FA25AF8A}" dt="2023-10-12T11:38:20.867" v="298"/>
          <ac:spMkLst>
            <pc:docMk/>
            <pc:sldMk cId="2376958513" sldId="260"/>
            <ac:spMk id="12375" creationId="{C6E8C4F4-71B7-78F8-5967-01C42AC48A72}"/>
          </ac:spMkLst>
        </pc:spChg>
        <pc:spChg chg="mod">
          <ac:chgData name="White, Alex" userId="eff6cc8c-37d8-483b-9c6c-6b27e9afa9bc" providerId="ADAL" clId="{BF04C754-5BF4-4E83-9615-DB14FA25AF8A}" dt="2023-10-12T11:38:20.867" v="298"/>
          <ac:spMkLst>
            <pc:docMk/>
            <pc:sldMk cId="2376958513" sldId="260"/>
            <ac:spMk id="12376" creationId="{FDF7D70C-CD54-697A-6586-1F746D0BF28B}"/>
          </ac:spMkLst>
        </pc:spChg>
        <pc:spChg chg="mod">
          <ac:chgData name="White, Alex" userId="eff6cc8c-37d8-483b-9c6c-6b27e9afa9bc" providerId="ADAL" clId="{BF04C754-5BF4-4E83-9615-DB14FA25AF8A}" dt="2023-10-12T11:38:20.867" v="298"/>
          <ac:spMkLst>
            <pc:docMk/>
            <pc:sldMk cId="2376958513" sldId="260"/>
            <ac:spMk id="12377" creationId="{5B71C3FA-9078-B9E5-78B0-8B7DDB16A6D7}"/>
          </ac:spMkLst>
        </pc:spChg>
        <pc:spChg chg="mod">
          <ac:chgData name="White, Alex" userId="eff6cc8c-37d8-483b-9c6c-6b27e9afa9bc" providerId="ADAL" clId="{BF04C754-5BF4-4E83-9615-DB14FA25AF8A}" dt="2023-10-12T11:38:20.867" v="298"/>
          <ac:spMkLst>
            <pc:docMk/>
            <pc:sldMk cId="2376958513" sldId="260"/>
            <ac:spMk id="12378" creationId="{7D43B3DF-9550-C530-0ED1-F92738FDC506}"/>
          </ac:spMkLst>
        </pc:spChg>
        <pc:spChg chg="mod">
          <ac:chgData name="White, Alex" userId="eff6cc8c-37d8-483b-9c6c-6b27e9afa9bc" providerId="ADAL" clId="{BF04C754-5BF4-4E83-9615-DB14FA25AF8A}" dt="2023-10-12T11:38:20.867" v="298"/>
          <ac:spMkLst>
            <pc:docMk/>
            <pc:sldMk cId="2376958513" sldId="260"/>
            <ac:spMk id="12379" creationId="{7A434E77-D514-0B00-8DD1-79EF92115CE9}"/>
          </ac:spMkLst>
        </pc:spChg>
        <pc:spChg chg="mod">
          <ac:chgData name="White, Alex" userId="eff6cc8c-37d8-483b-9c6c-6b27e9afa9bc" providerId="ADAL" clId="{BF04C754-5BF4-4E83-9615-DB14FA25AF8A}" dt="2023-10-12T11:38:20.867" v="298"/>
          <ac:spMkLst>
            <pc:docMk/>
            <pc:sldMk cId="2376958513" sldId="260"/>
            <ac:spMk id="12380" creationId="{89D89A48-B53E-057A-ED5E-F10427EDC15B}"/>
          </ac:spMkLst>
        </pc:spChg>
        <pc:spChg chg="mod">
          <ac:chgData name="White, Alex" userId="eff6cc8c-37d8-483b-9c6c-6b27e9afa9bc" providerId="ADAL" clId="{BF04C754-5BF4-4E83-9615-DB14FA25AF8A}" dt="2023-10-12T11:38:20.867" v="298"/>
          <ac:spMkLst>
            <pc:docMk/>
            <pc:sldMk cId="2376958513" sldId="260"/>
            <ac:spMk id="12381" creationId="{DF520D18-FE86-3B3B-53A2-CA0B41A9B02D}"/>
          </ac:spMkLst>
        </pc:spChg>
        <pc:spChg chg="mod">
          <ac:chgData name="White, Alex" userId="eff6cc8c-37d8-483b-9c6c-6b27e9afa9bc" providerId="ADAL" clId="{BF04C754-5BF4-4E83-9615-DB14FA25AF8A}" dt="2023-10-12T11:38:20.867" v="298"/>
          <ac:spMkLst>
            <pc:docMk/>
            <pc:sldMk cId="2376958513" sldId="260"/>
            <ac:spMk id="12382" creationId="{3FADAF02-045D-21D2-5B1B-939979B45C1E}"/>
          </ac:spMkLst>
        </pc:spChg>
        <pc:spChg chg="mod">
          <ac:chgData name="White, Alex" userId="eff6cc8c-37d8-483b-9c6c-6b27e9afa9bc" providerId="ADAL" clId="{BF04C754-5BF4-4E83-9615-DB14FA25AF8A}" dt="2023-10-12T11:38:20.867" v="298"/>
          <ac:spMkLst>
            <pc:docMk/>
            <pc:sldMk cId="2376958513" sldId="260"/>
            <ac:spMk id="12383" creationId="{7B30C2CB-136E-5557-E6F2-A9C1F5729858}"/>
          </ac:spMkLst>
        </pc:spChg>
        <pc:spChg chg="mod">
          <ac:chgData name="White, Alex" userId="eff6cc8c-37d8-483b-9c6c-6b27e9afa9bc" providerId="ADAL" clId="{BF04C754-5BF4-4E83-9615-DB14FA25AF8A}" dt="2023-10-12T11:38:20.867" v="298"/>
          <ac:spMkLst>
            <pc:docMk/>
            <pc:sldMk cId="2376958513" sldId="260"/>
            <ac:spMk id="12384" creationId="{05C60766-7BB6-5B2F-CF44-852307184106}"/>
          </ac:spMkLst>
        </pc:spChg>
        <pc:spChg chg="mod">
          <ac:chgData name="White, Alex" userId="eff6cc8c-37d8-483b-9c6c-6b27e9afa9bc" providerId="ADAL" clId="{BF04C754-5BF4-4E83-9615-DB14FA25AF8A}" dt="2023-10-12T11:38:20.867" v="298"/>
          <ac:spMkLst>
            <pc:docMk/>
            <pc:sldMk cId="2376958513" sldId="260"/>
            <ac:spMk id="12385" creationId="{3C74EBCB-CBDA-8517-F54D-0E40469EAA8D}"/>
          </ac:spMkLst>
        </pc:spChg>
        <pc:spChg chg="mod">
          <ac:chgData name="White, Alex" userId="eff6cc8c-37d8-483b-9c6c-6b27e9afa9bc" providerId="ADAL" clId="{BF04C754-5BF4-4E83-9615-DB14FA25AF8A}" dt="2023-10-12T11:38:20.867" v="298"/>
          <ac:spMkLst>
            <pc:docMk/>
            <pc:sldMk cId="2376958513" sldId="260"/>
            <ac:spMk id="12386" creationId="{0CFB87E9-26BF-1051-738C-F81EDF4A581F}"/>
          </ac:spMkLst>
        </pc:spChg>
        <pc:spChg chg="mod">
          <ac:chgData name="White, Alex" userId="eff6cc8c-37d8-483b-9c6c-6b27e9afa9bc" providerId="ADAL" clId="{BF04C754-5BF4-4E83-9615-DB14FA25AF8A}" dt="2023-10-12T11:38:20.867" v="298"/>
          <ac:spMkLst>
            <pc:docMk/>
            <pc:sldMk cId="2376958513" sldId="260"/>
            <ac:spMk id="12387" creationId="{88968D6A-82A5-66C0-A304-9753DB823047}"/>
          </ac:spMkLst>
        </pc:spChg>
        <pc:spChg chg="mod">
          <ac:chgData name="White, Alex" userId="eff6cc8c-37d8-483b-9c6c-6b27e9afa9bc" providerId="ADAL" clId="{BF04C754-5BF4-4E83-9615-DB14FA25AF8A}" dt="2023-10-12T11:38:20.867" v="298"/>
          <ac:spMkLst>
            <pc:docMk/>
            <pc:sldMk cId="2376958513" sldId="260"/>
            <ac:spMk id="12388" creationId="{E53DFAC4-9916-4D33-77A9-43880EEA36A6}"/>
          </ac:spMkLst>
        </pc:spChg>
        <pc:spChg chg="mod">
          <ac:chgData name="White, Alex" userId="eff6cc8c-37d8-483b-9c6c-6b27e9afa9bc" providerId="ADAL" clId="{BF04C754-5BF4-4E83-9615-DB14FA25AF8A}" dt="2023-10-12T11:38:20.867" v="298"/>
          <ac:spMkLst>
            <pc:docMk/>
            <pc:sldMk cId="2376958513" sldId="260"/>
            <ac:spMk id="12389" creationId="{2775660A-56E8-9AA0-424F-FD9A67D8DC9F}"/>
          </ac:spMkLst>
        </pc:spChg>
        <pc:spChg chg="mod">
          <ac:chgData name="White, Alex" userId="eff6cc8c-37d8-483b-9c6c-6b27e9afa9bc" providerId="ADAL" clId="{BF04C754-5BF4-4E83-9615-DB14FA25AF8A}" dt="2023-10-12T11:38:20.867" v="298"/>
          <ac:spMkLst>
            <pc:docMk/>
            <pc:sldMk cId="2376958513" sldId="260"/>
            <ac:spMk id="12390" creationId="{68205D6C-B63E-A945-12D3-6658D100EA32}"/>
          </ac:spMkLst>
        </pc:spChg>
        <pc:spChg chg="mod">
          <ac:chgData name="White, Alex" userId="eff6cc8c-37d8-483b-9c6c-6b27e9afa9bc" providerId="ADAL" clId="{BF04C754-5BF4-4E83-9615-DB14FA25AF8A}" dt="2023-10-12T11:38:20.867" v="298"/>
          <ac:spMkLst>
            <pc:docMk/>
            <pc:sldMk cId="2376958513" sldId="260"/>
            <ac:spMk id="12391" creationId="{ADDC3FFE-978F-A8F4-F805-EF44BAA998E2}"/>
          </ac:spMkLst>
        </pc:spChg>
        <pc:spChg chg="mod">
          <ac:chgData name="White, Alex" userId="eff6cc8c-37d8-483b-9c6c-6b27e9afa9bc" providerId="ADAL" clId="{BF04C754-5BF4-4E83-9615-DB14FA25AF8A}" dt="2023-10-12T11:38:20.867" v="298"/>
          <ac:spMkLst>
            <pc:docMk/>
            <pc:sldMk cId="2376958513" sldId="260"/>
            <ac:spMk id="12392" creationId="{D303CCA1-4B92-4A58-E9BE-D42C13E0EA1B}"/>
          </ac:spMkLst>
        </pc:spChg>
        <pc:spChg chg="mod">
          <ac:chgData name="White, Alex" userId="eff6cc8c-37d8-483b-9c6c-6b27e9afa9bc" providerId="ADAL" clId="{BF04C754-5BF4-4E83-9615-DB14FA25AF8A}" dt="2023-10-12T11:38:20.867" v="298"/>
          <ac:spMkLst>
            <pc:docMk/>
            <pc:sldMk cId="2376958513" sldId="260"/>
            <ac:spMk id="12393" creationId="{10D262B3-CD88-25BA-CAF8-EFC46E42FCF6}"/>
          </ac:spMkLst>
        </pc:spChg>
        <pc:spChg chg="mod">
          <ac:chgData name="White, Alex" userId="eff6cc8c-37d8-483b-9c6c-6b27e9afa9bc" providerId="ADAL" clId="{BF04C754-5BF4-4E83-9615-DB14FA25AF8A}" dt="2023-10-12T11:38:20.867" v="298"/>
          <ac:spMkLst>
            <pc:docMk/>
            <pc:sldMk cId="2376958513" sldId="260"/>
            <ac:spMk id="12394" creationId="{154B2BB7-E259-9602-0678-E9430EE7C5B5}"/>
          </ac:spMkLst>
        </pc:spChg>
        <pc:spChg chg="mod">
          <ac:chgData name="White, Alex" userId="eff6cc8c-37d8-483b-9c6c-6b27e9afa9bc" providerId="ADAL" clId="{BF04C754-5BF4-4E83-9615-DB14FA25AF8A}" dt="2023-10-12T11:38:20.867" v="298"/>
          <ac:spMkLst>
            <pc:docMk/>
            <pc:sldMk cId="2376958513" sldId="260"/>
            <ac:spMk id="12395" creationId="{518A8216-AED8-A19B-B0D6-57A687A89FBE}"/>
          </ac:spMkLst>
        </pc:spChg>
        <pc:spChg chg="mod">
          <ac:chgData name="White, Alex" userId="eff6cc8c-37d8-483b-9c6c-6b27e9afa9bc" providerId="ADAL" clId="{BF04C754-5BF4-4E83-9615-DB14FA25AF8A}" dt="2023-10-12T11:38:20.867" v="298"/>
          <ac:spMkLst>
            <pc:docMk/>
            <pc:sldMk cId="2376958513" sldId="260"/>
            <ac:spMk id="12396" creationId="{BAAC15A4-B521-5E8F-2724-D59134D7DA8B}"/>
          </ac:spMkLst>
        </pc:spChg>
        <pc:spChg chg="mod">
          <ac:chgData name="White, Alex" userId="eff6cc8c-37d8-483b-9c6c-6b27e9afa9bc" providerId="ADAL" clId="{BF04C754-5BF4-4E83-9615-DB14FA25AF8A}" dt="2023-10-12T11:38:20.867" v="298"/>
          <ac:spMkLst>
            <pc:docMk/>
            <pc:sldMk cId="2376958513" sldId="260"/>
            <ac:spMk id="12397" creationId="{9E195D41-F43A-A905-14D6-7B6986969B32}"/>
          </ac:spMkLst>
        </pc:spChg>
        <pc:spChg chg="mod">
          <ac:chgData name="White, Alex" userId="eff6cc8c-37d8-483b-9c6c-6b27e9afa9bc" providerId="ADAL" clId="{BF04C754-5BF4-4E83-9615-DB14FA25AF8A}" dt="2023-10-12T11:38:20.867" v="298"/>
          <ac:spMkLst>
            <pc:docMk/>
            <pc:sldMk cId="2376958513" sldId="260"/>
            <ac:spMk id="12398" creationId="{75F3727F-EBD8-D9F6-3BDA-DEE6530A8365}"/>
          </ac:spMkLst>
        </pc:spChg>
        <pc:spChg chg="mod">
          <ac:chgData name="White, Alex" userId="eff6cc8c-37d8-483b-9c6c-6b27e9afa9bc" providerId="ADAL" clId="{BF04C754-5BF4-4E83-9615-DB14FA25AF8A}" dt="2023-10-12T11:38:20.867" v="298"/>
          <ac:spMkLst>
            <pc:docMk/>
            <pc:sldMk cId="2376958513" sldId="260"/>
            <ac:spMk id="12399" creationId="{CD43B52E-FE03-ABD8-E45F-8C62D77BD611}"/>
          </ac:spMkLst>
        </pc:spChg>
        <pc:spChg chg="mod">
          <ac:chgData name="White, Alex" userId="eff6cc8c-37d8-483b-9c6c-6b27e9afa9bc" providerId="ADAL" clId="{BF04C754-5BF4-4E83-9615-DB14FA25AF8A}" dt="2023-10-12T11:38:20.867" v="298"/>
          <ac:spMkLst>
            <pc:docMk/>
            <pc:sldMk cId="2376958513" sldId="260"/>
            <ac:spMk id="12400" creationId="{FAE90459-31E8-28D5-5D37-6AC87A53B18A}"/>
          </ac:spMkLst>
        </pc:spChg>
        <pc:spChg chg="mod">
          <ac:chgData name="White, Alex" userId="eff6cc8c-37d8-483b-9c6c-6b27e9afa9bc" providerId="ADAL" clId="{BF04C754-5BF4-4E83-9615-DB14FA25AF8A}" dt="2023-10-12T11:38:20.867" v="298"/>
          <ac:spMkLst>
            <pc:docMk/>
            <pc:sldMk cId="2376958513" sldId="260"/>
            <ac:spMk id="12401" creationId="{DD59F637-6EC6-D491-4547-9DA2F2CD22CB}"/>
          </ac:spMkLst>
        </pc:spChg>
        <pc:spChg chg="mod">
          <ac:chgData name="White, Alex" userId="eff6cc8c-37d8-483b-9c6c-6b27e9afa9bc" providerId="ADAL" clId="{BF04C754-5BF4-4E83-9615-DB14FA25AF8A}" dt="2023-10-12T11:38:20.867" v="298"/>
          <ac:spMkLst>
            <pc:docMk/>
            <pc:sldMk cId="2376958513" sldId="260"/>
            <ac:spMk id="12402" creationId="{7CEB159C-9E97-2888-09C6-D4FEC9802E57}"/>
          </ac:spMkLst>
        </pc:spChg>
        <pc:spChg chg="mod">
          <ac:chgData name="White, Alex" userId="eff6cc8c-37d8-483b-9c6c-6b27e9afa9bc" providerId="ADAL" clId="{BF04C754-5BF4-4E83-9615-DB14FA25AF8A}" dt="2023-10-12T11:38:20.867" v="298"/>
          <ac:spMkLst>
            <pc:docMk/>
            <pc:sldMk cId="2376958513" sldId="260"/>
            <ac:spMk id="12403" creationId="{EC569843-CEB7-8148-B19F-E3C74B2FFD44}"/>
          </ac:spMkLst>
        </pc:spChg>
        <pc:spChg chg="mod">
          <ac:chgData name="White, Alex" userId="eff6cc8c-37d8-483b-9c6c-6b27e9afa9bc" providerId="ADAL" clId="{BF04C754-5BF4-4E83-9615-DB14FA25AF8A}" dt="2023-10-12T11:38:20.867" v="298"/>
          <ac:spMkLst>
            <pc:docMk/>
            <pc:sldMk cId="2376958513" sldId="260"/>
            <ac:spMk id="12404" creationId="{F1D873A2-813B-8DB1-8234-2C31CDE7CF07}"/>
          </ac:spMkLst>
        </pc:spChg>
        <pc:spChg chg="mod">
          <ac:chgData name="White, Alex" userId="eff6cc8c-37d8-483b-9c6c-6b27e9afa9bc" providerId="ADAL" clId="{BF04C754-5BF4-4E83-9615-DB14FA25AF8A}" dt="2023-10-12T11:38:20.867" v="298"/>
          <ac:spMkLst>
            <pc:docMk/>
            <pc:sldMk cId="2376958513" sldId="260"/>
            <ac:spMk id="12405" creationId="{70DFF6FC-29E1-5F94-06AC-3B1E405FAF9A}"/>
          </ac:spMkLst>
        </pc:spChg>
        <pc:spChg chg="mod">
          <ac:chgData name="White, Alex" userId="eff6cc8c-37d8-483b-9c6c-6b27e9afa9bc" providerId="ADAL" clId="{BF04C754-5BF4-4E83-9615-DB14FA25AF8A}" dt="2023-10-12T11:38:20.867" v="298"/>
          <ac:spMkLst>
            <pc:docMk/>
            <pc:sldMk cId="2376958513" sldId="260"/>
            <ac:spMk id="12406" creationId="{69137886-EC63-A47C-095F-F6ED3B41670E}"/>
          </ac:spMkLst>
        </pc:spChg>
        <pc:spChg chg="mod">
          <ac:chgData name="White, Alex" userId="eff6cc8c-37d8-483b-9c6c-6b27e9afa9bc" providerId="ADAL" clId="{BF04C754-5BF4-4E83-9615-DB14FA25AF8A}" dt="2023-10-12T11:38:20.867" v="298"/>
          <ac:spMkLst>
            <pc:docMk/>
            <pc:sldMk cId="2376958513" sldId="260"/>
            <ac:spMk id="12407" creationId="{A0D057A3-9152-F23A-066C-528867107767}"/>
          </ac:spMkLst>
        </pc:spChg>
        <pc:spChg chg="mod">
          <ac:chgData name="White, Alex" userId="eff6cc8c-37d8-483b-9c6c-6b27e9afa9bc" providerId="ADAL" clId="{BF04C754-5BF4-4E83-9615-DB14FA25AF8A}" dt="2023-10-12T11:38:20.867" v="298"/>
          <ac:spMkLst>
            <pc:docMk/>
            <pc:sldMk cId="2376958513" sldId="260"/>
            <ac:spMk id="12408" creationId="{8855FACB-4D85-3570-C36F-26A0F8D1198F}"/>
          </ac:spMkLst>
        </pc:spChg>
        <pc:spChg chg="mod">
          <ac:chgData name="White, Alex" userId="eff6cc8c-37d8-483b-9c6c-6b27e9afa9bc" providerId="ADAL" clId="{BF04C754-5BF4-4E83-9615-DB14FA25AF8A}" dt="2023-10-12T11:38:20.867" v="298"/>
          <ac:spMkLst>
            <pc:docMk/>
            <pc:sldMk cId="2376958513" sldId="260"/>
            <ac:spMk id="12409" creationId="{CB975330-1BA2-6F19-1B77-9B5C443F8617}"/>
          </ac:spMkLst>
        </pc:spChg>
        <pc:spChg chg="mod">
          <ac:chgData name="White, Alex" userId="eff6cc8c-37d8-483b-9c6c-6b27e9afa9bc" providerId="ADAL" clId="{BF04C754-5BF4-4E83-9615-DB14FA25AF8A}" dt="2023-10-12T11:38:20.867" v="298"/>
          <ac:spMkLst>
            <pc:docMk/>
            <pc:sldMk cId="2376958513" sldId="260"/>
            <ac:spMk id="12410" creationId="{7A7E3FF6-B5F0-AA8C-8109-B0235A482647}"/>
          </ac:spMkLst>
        </pc:spChg>
        <pc:spChg chg="mod">
          <ac:chgData name="White, Alex" userId="eff6cc8c-37d8-483b-9c6c-6b27e9afa9bc" providerId="ADAL" clId="{BF04C754-5BF4-4E83-9615-DB14FA25AF8A}" dt="2023-10-12T11:38:20.867" v="298"/>
          <ac:spMkLst>
            <pc:docMk/>
            <pc:sldMk cId="2376958513" sldId="260"/>
            <ac:spMk id="12411" creationId="{3D9DCDE6-A0DF-6BAF-A40E-FE498C09BE6D}"/>
          </ac:spMkLst>
        </pc:spChg>
        <pc:spChg chg="mod">
          <ac:chgData name="White, Alex" userId="eff6cc8c-37d8-483b-9c6c-6b27e9afa9bc" providerId="ADAL" clId="{BF04C754-5BF4-4E83-9615-DB14FA25AF8A}" dt="2023-10-12T11:38:20.867" v="298"/>
          <ac:spMkLst>
            <pc:docMk/>
            <pc:sldMk cId="2376958513" sldId="260"/>
            <ac:spMk id="12412" creationId="{DB9069F3-BDE4-B3D8-687E-13B4F1DA1888}"/>
          </ac:spMkLst>
        </pc:spChg>
        <pc:spChg chg="mod">
          <ac:chgData name="White, Alex" userId="eff6cc8c-37d8-483b-9c6c-6b27e9afa9bc" providerId="ADAL" clId="{BF04C754-5BF4-4E83-9615-DB14FA25AF8A}" dt="2023-10-12T11:38:20.867" v="298"/>
          <ac:spMkLst>
            <pc:docMk/>
            <pc:sldMk cId="2376958513" sldId="260"/>
            <ac:spMk id="12413" creationId="{E73289F8-EE91-AE17-7D2C-8E62C1211931}"/>
          </ac:spMkLst>
        </pc:spChg>
        <pc:spChg chg="mod">
          <ac:chgData name="White, Alex" userId="eff6cc8c-37d8-483b-9c6c-6b27e9afa9bc" providerId="ADAL" clId="{BF04C754-5BF4-4E83-9615-DB14FA25AF8A}" dt="2023-10-12T11:38:20.867" v="298"/>
          <ac:spMkLst>
            <pc:docMk/>
            <pc:sldMk cId="2376958513" sldId="260"/>
            <ac:spMk id="12414" creationId="{E8663DC7-8C2F-43D9-64D5-B2C217DF82E9}"/>
          </ac:spMkLst>
        </pc:spChg>
        <pc:spChg chg="mod">
          <ac:chgData name="White, Alex" userId="eff6cc8c-37d8-483b-9c6c-6b27e9afa9bc" providerId="ADAL" clId="{BF04C754-5BF4-4E83-9615-DB14FA25AF8A}" dt="2023-10-12T11:38:20.867" v="298"/>
          <ac:spMkLst>
            <pc:docMk/>
            <pc:sldMk cId="2376958513" sldId="260"/>
            <ac:spMk id="12415" creationId="{D0812854-DFC8-BBC1-2C3F-1D5C2F61D7E0}"/>
          </ac:spMkLst>
        </pc:spChg>
        <pc:spChg chg="mod">
          <ac:chgData name="White, Alex" userId="eff6cc8c-37d8-483b-9c6c-6b27e9afa9bc" providerId="ADAL" clId="{BF04C754-5BF4-4E83-9615-DB14FA25AF8A}" dt="2023-10-12T11:38:20.867" v="298"/>
          <ac:spMkLst>
            <pc:docMk/>
            <pc:sldMk cId="2376958513" sldId="260"/>
            <ac:spMk id="12416" creationId="{42FD241A-89FC-58A6-1B62-8C4D03D13EB4}"/>
          </ac:spMkLst>
        </pc:spChg>
        <pc:spChg chg="mod">
          <ac:chgData name="White, Alex" userId="eff6cc8c-37d8-483b-9c6c-6b27e9afa9bc" providerId="ADAL" clId="{BF04C754-5BF4-4E83-9615-DB14FA25AF8A}" dt="2023-10-12T11:38:20.867" v="298"/>
          <ac:spMkLst>
            <pc:docMk/>
            <pc:sldMk cId="2376958513" sldId="260"/>
            <ac:spMk id="12417" creationId="{9FC72197-6272-8620-DF7F-518BFFA43458}"/>
          </ac:spMkLst>
        </pc:spChg>
        <pc:spChg chg="mod">
          <ac:chgData name="White, Alex" userId="eff6cc8c-37d8-483b-9c6c-6b27e9afa9bc" providerId="ADAL" clId="{BF04C754-5BF4-4E83-9615-DB14FA25AF8A}" dt="2023-10-12T11:38:20.867" v="298"/>
          <ac:spMkLst>
            <pc:docMk/>
            <pc:sldMk cId="2376958513" sldId="260"/>
            <ac:spMk id="12418" creationId="{2D78E32D-60D2-C9E6-F7FB-27B69276F616}"/>
          </ac:spMkLst>
        </pc:spChg>
        <pc:spChg chg="mod">
          <ac:chgData name="White, Alex" userId="eff6cc8c-37d8-483b-9c6c-6b27e9afa9bc" providerId="ADAL" clId="{BF04C754-5BF4-4E83-9615-DB14FA25AF8A}" dt="2023-10-12T11:38:20.867" v="298"/>
          <ac:spMkLst>
            <pc:docMk/>
            <pc:sldMk cId="2376958513" sldId="260"/>
            <ac:spMk id="12419" creationId="{D16E9100-9574-AD2C-AF8E-C22EAC83BBBB}"/>
          </ac:spMkLst>
        </pc:spChg>
        <pc:spChg chg="mod">
          <ac:chgData name="White, Alex" userId="eff6cc8c-37d8-483b-9c6c-6b27e9afa9bc" providerId="ADAL" clId="{BF04C754-5BF4-4E83-9615-DB14FA25AF8A}" dt="2023-10-12T11:38:20.867" v="298"/>
          <ac:spMkLst>
            <pc:docMk/>
            <pc:sldMk cId="2376958513" sldId="260"/>
            <ac:spMk id="12420" creationId="{E0CD53B3-6A79-EF14-6CE3-F8F48EFA246B}"/>
          </ac:spMkLst>
        </pc:spChg>
        <pc:spChg chg="mod">
          <ac:chgData name="White, Alex" userId="eff6cc8c-37d8-483b-9c6c-6b27e9afa9bc" providerId="ADAL" clId="{BF04C754-5BF4-4E83-9615-DB14FA25AF8A}" dt="2023-10-12T11:38:20.867" v="298"/>
          <ac:spMkLst>
            <pc:docMk/>
            <pc:sldMk cId="2376958513" sldId="260"/>
            <ac:spMk id="12421" creationId="{16794149-70F1-3401-EBD6-8ADC42DEADAD}"/>
          </ac:spMkLst>
        </pc:spChg>
        <pc:spChg chg="mod">
          <ac:chgData name="White, Alex" userId="eff6cc8c-37d8-483b-9c6c-6b27e9afa9bc" providerId="ADAL" clId="{BF04C754-5BF4-4E83-9615-DB14FA25AF8A}" dt="2023-10-12T11:38:20.867" v="298"/>
          <ac:spMkLst>
            <pc:docMk/>
            <pc:sldMk cId="2376958513" sldId="260"/>
            <ac:spMk id="12422" creationId="{734876FD-DB59-957A-ECD9-CEB7224AE90B}"/>
          </ac:spMkLst>
        </pc:spChg>
        <pc:spChg chg="mod">
          <ac:chgData name="White, Alex" userId="eff6cc8c-37d8-483b-9c6c-6b27e9afa9bc" providerId="ADAL" clId="{BF04C754-5BF4-4E83-9615-DB14FA25AF8A}" dt="2023-10-12T11:38:20.867" v="298"/>
          <ac:spMkLst>
            <pc:docMk/>
            <pc:sldMk cId="2376958513" sldId="260"/>
            <ac:spMk id="12423" creationId="{2BB884F7-AC14-2544-2727-058D1F141AB1}"/>
          </ac:spMkLst>
        </pc:spChg>
        <pc:spChg chg="mod">
          <ac:chgData name="White, Alex" userId="eff6cc8c-37d8-483b-9c6c-6b27e9afa9bc" providerId="ADAL" clId="{BF04C754-5BF4-4E83-9615-DB14FA25AF8A}" dt="2023-10-12T11:38:20.867" v="298"/>
          <ac:spMkLst>
            <pc:docMk/>
            <pc:sldMk cId="2376958513" sldId="260"/>
            <ac:spMk id="12424" creationId="{8A68C1D6-1095-CF62-D631-D03FB17E988E}"/>
          </ac:spMkLst>
        </pc:spChg>
        <pc:spChg chg="mod">
          <ac:chgData name="White, Alex" userId="eff6cc8c-37d8-483b-9c6c-6b27e9afa9bc" providerId="ADAL" clId="{BF04C754-5BF4-4E83-9615-DB14FA25AF8A}" dt="2023-10-12T11:38:20.867" v="298"/>
          <ac:spMkLst>
            <pc:docMk/>
            <pc:sldMk cId="2376958513" sldId="260"/>
            <ac:spMk id="12425" creationId="{60E82A3C-8B53-51D4-794C-9C050736FB52}"/>
          </ac:spMkLst>
        </pc:spChg>
        <pc:spChg chg="mod">
          <ac:chgData name="White, Alex" userId="eff6cc8c-37d8-483b-9c6c-6b27e9afa9bc" providerId="ADAL" clId="{BF04C754-5BF4-4E83-9615-DB14FA25AF8A}" dt="2023-10-12T11:38:20.867" v="298"/>
          <ac:spMkLst>
            <pc:docMk/>
            <pc:sldMk cId="2376958513" sldId="260"/>
            <ac:spMk id="12426" creationId="{0B7CF609-900E-78B7-BD29-91C671BBB1EB}"/>
          </ac:spMkLst>
        </pc:spChg>
        <pc:spChg chg="mod">
          <ac:chgData name="White, Alex" userId="eff6cc8c-37d8-483b-9c6c-6b27e9afa9bc" providerId="ADAL" clId="{BF04C754-5BF4-4E83-9615-DB14FA25AF8A}" dt="2023-10-12T11:38:20.867" v="298"/>
          <ac:spMkLst>
            <pc:docMk/>
            <pc:sldMk cId="2376958513" sldId="260"/>
            <ac:spMk id="12427" creationId="{D2270FFA-C365-1C3E-B896-417F56FD86DB}"/>
          </ac:spMkLst>
        </pc:spChg>
        <pc:spChg chg="mod">
          <ac:chgData name="White, Alex" userId="eff6cc8c-37d8-483b-9c6c-6b27e9afa9bc" providerId="ADAL" clId="{BF04C754-5BF4-4E83-9615-DB14FA25AF8A}" dt="2023-10-12T11:38:20.867" v="298"/>
          <ac:spMkLst>
            <pc:docMk/>
            <pc:sldMk cId="2376958513" sldId="260"/>
            <ac:spMk id="12428" creationId="{F897846A-2271-4DD9-ECAA-721B27339C81}"/>
          </ac:spMkLst>
        </pc:spChg>
        <pc:spChg chg="mod">
          <ac:chgData name="White, Alex" userId="eff6cc8c-37d8-483b-9c6c-6b27e9afa9bc" providerId="ADAL" clId="{BF04C754-5BF4-4E83-9615-DB14FA25AF8A}" dt="2023-10-12T11:38:20.867" v="298"/>
          <ac:spMkLst>
            <pc:docMk/>
            <pc:sldMk cId="2376958513" sldId="260"/>
            <ac:spMk id="12429" creationId="{B38D1925-D975-BD21-1D47-7F32C0457016}"/>
          </ac:spMkLst>
        </pc:spChg>
        <pc:spChg chg="mod">
          <ac:chgData name="White, Alex" userId="eff6cc8c-37d8-483b-9c6c-6b27e9afa9bc" providerId="ADAL" clId="{BF04C754-5BF4-4E83-9615-DB14FA25AF8A}" dt="2023-10-12T11:38:20.867" v="298"/>
          <ac:spMkLst>
            <pc:docMk/>
            <pc:sldMk cId="2376958513" sldId="260"/>
            <ac:spMk id="12430" creationId="{881FBB12-6E76-6FC7-9E7F-529CAF9737B4}"/>
          </ac:spMkLst>
        </pc:spChg>
        <pc:spChg chg="mod">
          <ac:chgData name="White, Alex" userId="eff6cc8c-37d8-483b-9c6c-6b27e9afa9bc" providerId="ADAL" clId="{BF04C754-5BF4-4E83-9615-DB14FA25AF8A}" dt="2023-10-12T11:38:20.867" v="298"/>
          <ac:spMkLst>
            <pc:docMk/>
            <pc:sldMk cId="2376958513" sldId="260"/>
            <ac:spMk id="12431" creationId="{FD7148FB-778B-E789-747F-1BD85BF4E100}"/>
          </ac:spMkLst>
        </pc:spChg>
        <pc:spChg chg="mod">
          <ac:chgData name="White, Alex" userId="eff6cc8c-37d8-483b-9c6c-6b27e9afa9bc" providerId="ADAL" clId="{BF04C754-5BF4-4E83-9615-DB14FA25AF8A}" dt="2023-10-12T11:38:20.867" v="298"/>
          <ac:spMkLst>
            <pc:docMk/>
            <pc:sldMk cId="2376958513" sldId="260"/>
            <ac:spMk id="12432" creationId="{34EFE7E9-E7D9-E2D3-050F-372B926CFC9A}"/>
          </ac:spMkLst>
        </pc:spChg>
        <pc:spChg chg="mod">
          <ac:chgData name="White, Alex" userId="eff6cc8c-37d8-483b-9c6c-6b27e9afa9bc" providerId="ADAL" clId="{BF04C754-5BF4-4E83-9615-DB14FA25AF8A}" dt="2023-10-12T11:38:20.867" v="298"/>
          <ac:spMkLst>
            <pc:docMk/>
            <pc:sldMk cId="2376958513" sldId="260"/>
            <ac:spMk id="12433" creationId="{9116217E-F3B7-7BA2-25AF-FC2192E47BA8}"/>
          </ac:spMkLst>
        </pc:spChg>
        <pc:spChg chg="mod">
          <ac:chgData name="White, Alex" userId="eff6cc8c-37d8-483b-9c6c-6b27e9afa9bc" providerId="ADAL" clId="{BF04C754-5BF4-4E83-9615-DB14FA25AF8A}" dt="2023-10-12T11:38:20.867" v="298"/>
          <ac:spMkLst>
            <pc:docMk/>
            <pc:sldMk cId="2376958513" sldId="260"/>
            <ac:spMk id="12434" creationId="{71B1B2FD-1934-9FEB-FEE2-B3B693F5E094}"/>
          </ac:spMkLst>
        </pc:spChg>
        <pc:spChg chg="mod">
          <ac:chgData name="White, Alex" userId="eff6cc8c-37d8-483b-9c6c-6b27e9afa9bc" providerId="ADAL" clId="{BF04C754-5BF4-4E83-9615-DB14FA25AF8A}" dt="2023-10-12T11:38:20.867" v="298"/>
          <ac:spMkLst>
            <pc:docMk/>
            <pc:sldMk cId="2376958513" sldId="260"/>
            <ac:spMk id="12435" creationId="{2F1F53DE-165B-F413-A878-48D814583725}"/>
          </ac:spMkLst>
        </pc:spChg>
        <pc:spChg chg="mod">
          <ac:chgData name="White, Alex" userId="eff6cc8c-37d8-483b-9c6c-6b27e9afa9bc" providerId="ADAL" clId="{BF04C754-5BF4-4E83-9615-DB14FA25AF8A}" dt="2023-10-12T11:38:20.867" v="298"/>
          <ac:spMkLst>
            <pc:docMk/>
            <pc:sldMk cId="2376958513" sldId="260"/>
            <ac:spMk id="12436" creationId="{CC5D36FC-5B4E-D121-0C5D-FBBAA7F9E1AC}"/>
          </ac:spMkLst>
        </pc:spChg>
        <pc:spChg chg="mod">
          <ac:chgData name="White, Alex" userId="eff6cc8c-37d8-483b-9c6c-6b27e9afa9bc" providerId="ADAL" clId="{BF04C754-5BF4-4E83-9615-DB14FA25AF8A}" dt="2023-10-12T11:38:20.867" v="298"/>
          <ac:spMkLst>
            <pc:docMk/>
            <pc:sldMk cId="2376958513" sldId="260"/>
            <ac:spMk id="12437" creationId="{4FE6FBA6-1386-67B2-F1CF-488A49932060}"/>
          </ac:spMkLst>
        </pc:spChg>
        <pc:spChg chg="mod">
          <ac:chgData name="White, Alex" userId="eff6cc8c-37d8-483b-9c6c-6b27e9afa9bc" providerId="ADAL" clId="{BF04C754-5BF4-4E83-9615-DB14FA25AF8A}" dt="2023-10-12T11:38:20.867" v="298"/>
          <ac:spMkLst>
            <pc:docMk/>
            <pc:sldMk cId="2376958513" sldId="260"/>
            <ac:spMk id="12438" creationId="{FF29749C-5CBF-49AC-907C-422FC6698CA1}"/>
          </ac:spMkLst>
        </pc:spChg>
        <pc:spChg chg="mod">
          <ac:chgData name="White, Alex" userId="eff6cc8c-37d8-483b-9c6c-6b27e9afa9bc" providerId="ADAL" clId="{BF04C754-5BF4-4E83-9615-DB14FA25AF8A}" dt="2023-10-12T11:38:20.867" v="298"/>
          <ac:spMkLst>
            <pc:docMk/>
            <pc:sldMk cId="2376958513" sldId="260"/>
            <ac:spMk id="12439" creationId="{F599FC89-6FBA-72DE-4B84-107249A6BF92}"/>
          </ac:spMkLst>
        </pc:spChg>
        <pc:spChg chg="mod">
          <ac:chgData name="White, Alex" userId="eff6cc8c-37d8-483b-9c6c-6b27e9afa9bc" providerId="ADAL" clId="{BF04C754-5BF4-4E83-9615-DB14FA25AF8A}" dt="2023-10-12T11:38:20.867" v="298"/>
          <ac:spMkLst>
            <pc:docMk/>
            <pc:sldMk cId="2376958513" sldId="260"/>
            <ac:spMk id="12440" creationId="{1627C3A6-C2A0-5C62-A3F6-52A5BA53B6CA}"/>
          </ac:spMkLst>
        </pc:spChg>
        <pc:spChg chg="mod">
          <ac:chgData name="White, Alex" userId="eff6cc8c-37d8-483b-9c6c-6b27e9afa9bc" providerId="ADAL" clId="{BF04C754-5BF4-4E83-9615-DB14FA25AF8A}" dt="2023-10-12T11:38:20.867" v="298"/>
          <ac:spMkLst>
            <pc:docMk/>
            <pc:sldMk cId="2376958513" sldId="260"/>
            <ac:spMk id="12441" creationId="{FF66F16F-E84C-FB36-1C18-5F1B7BE0CAA7}"/>
          </ac:spMkLst>
        </pc:spChg>
        <pc:spChg chg="mod">
          <ac:chgData name="White, Alex" userId="eff6cc8c-37d8-483b-9c6c-6b27e9afa9bc" providerId="ADAL" clId="{BF04C754-5BF4-4E83-9615-DB14FA25AF8A}" dt="2023-10-12T11:38:20.867" v="298"/>
          <ac:spMkLst>
            <pc:docMk/>
            <pc:sldMk cId="2376958513" sldId="260"/>
            <ac:spMk id="12442" creationId="{783327EA-5D28-9F7C-60DD-E70134E5D5E2}"/>
          </ac:spMkLst>
        </pc:spChg>
        <pc:spChg chg="mod">
          <ac:chgData name="White, Alex" userId="eff6cc8c-37d8-483b-9c6c-6b27e9afa9bc" providerId="ADAL" clId="{BF04C754-5BF4-4E83-9615-DB14FA25AF8A}" dt="2023-10-12T11:38:20.867" v="298"/>
          <ac:spMkLst>
            <pc:docMk/>
            <pc:sldMk cId="2376958513" sldId="260"/>
            <ac:spMk id="12443" creationId="{966FC740-43B3-6E39-428F-277356428D50}"/>
          </ac:spMkLst>
        </pc:spChg>
        <pc:spChg chg="mod">
          <ac:chgData name="White, Alex" userId="eff6cc8c-37d8-483b-9c6c-6b27e9afa9bc" providerId="ADAL" clId="{BF04C754-5BF4-4E83-9615-DB14FA25AF8A}" dt="2023-10-12T11:38:20.867" v="298"/>
          <ac:spMkLst>
            <pc:docMk/>
            <pc:sldMk cId="2376958513" sldId="260"/>
            <ac:spMk id="12444" creationId="{E5C4CC11-440A-D168-3816-F02C25FA2F65}"/>
          </ac:spMkLst>
        </pc:spChg>
        <pc:spChg chg="mod">
          <ac:chgData name="White, Alex" userId="eff6cc8c-37d8-483b-9c6c-6b27e9afa9bc" providerId="ADAL" clId="{BF04C754-5BF4-4E83-9615-DB14FA25AF8A}" dt="2023-10-12T11:38:20.867" v="298"/>
          <ac:spMkLst>
            <pc:docMk/>
            <pc:sldMk cId="2376958513" sldId="260"/>
            <ac:spMk id="12445" creationId="{4469E40D-B508-31A5-8619-89C0209F78B2}"/>
          </ac:spMkLst>
        </pc:spChg>
        <pc:spChg chg="mod">
          <ac:chgData name="White, Alex" userId="eff6cc8c-37d8-483b-9c6c-6b27e9afa9bc" providerId="ADAL" clId="{BF04C754-5BF4-4E83-9615-DB14FA25AF8A}" dt="2023-10-12T11:38:20.867" v="298"/>
          <ac:spMkLst>
            <pc:docMk/>
            <pc:sldMk cId="2376958513" sldId="260"/>
            <ac:spMk id="12446" creationId="{4A56F2CA-1A97-9DF3-D80D-A3584D0AA79F}"/>
          </ac:spMkLst>
        </pc:spChg>
        <pc:spChg chg="mod">
          <ac:chgData name="White, Alex" userId="eff6cc8c-37d8-483b-9c6c-6b27e9afa9bc" providerId="ADAL" clId="{BF04C754-5BF4-4E83-9615-DB14FA25AF8A}" dt="2023-10-12T11:38:20.867" v="298"/>
          <ac:spMkLst>
            <pc:docMk/>
            <pc:sldMk cId="2376958513" sldId="260"/>
            <ac:spMk id="12447" creationId="{E61135DB-0792-453D-3B07-5622566F6CA4}"/>
          </ac:spMkLst>
        </pc:spChg>
        <pc:spChg chg="mod">
          <ac:chgData name="White, Alex" userId="eff6cc8c-37d8-483b-9c6c-6b27e9afa9bc" providerId="ADAL" clId="{BF04C754-5BF4-4E83-9615-DB14FA25AF8A}" dt="2023-10-12T11:38:20.867" v="298"/>
          <ac:spMkLst>
            <pc:docMk/>
            <pc:sldMk cId="2376958513" sldId="260"/>
            <ac:spMk id="12448" creationId="{1F1DD5F2-D5AA-9B42-5BDC-681F2D92F8A6}"/>
          </ac:spMkLst>
        </pc:spChg>
        <pc:spChg chg="mod">
          <ac:chgData name="White, Alex" userId="eff6cc8c-37d8-483b-9c6c-6b27e9afa9bc" providerId="ADAL" clId="{BF04C754-5BF4-4E83-9615-DB14FA25AF8A}" dt="2023-10-12T11:38:20.867" v="298"/>
          <ac:spMkLst>
            <pc:docMk/>
            <pc:sldMk cId="2376958513" sldId="260"/>
            <ac:spMk id="12449" creationId="{20338B9F-8498-FE06-8DB0-AF34F247A6DF}"/>
          </ac:spMkLst>
        </pc:spChg>
        <pc:spChg chg="mod">
          <ac:chgData name="White, Alex" userId="eff6cc8c-37d8-483b-9c6c-6b27e9afa9bc" providerId="ADAL" clId="{BF04C754-5BF4-4E83-9615-DB14FA25AF8A}" dt="2023-10-12T11:38:20.867" v="298"/>
          <ac:spMkLst>
            <pc:docMk/>
            <pc:sldMk cId="2376958513" sldId="260"/>
            <ac:spMk id="12450" creationId="{FD593582-82F2-3E8A-52A4-3F441ACF70CB}"/>
          </ac:spMkLst>
        </pc:spChg>
        <pc:spChg chg="mod">
          <ac:chgData name="White, Alex" userId="eff6cc8c-37d8-483b-9c6c-6b27e9afa9bc" providerId="ADAL" clId="{BF04C754-5BF4-4E83-9615-DB14FA25AF8A}" dt="2023-10-12T11:38:20.867" v="298"/>
          <ac:spMkLst>
            <pc:docMk/>
            <pc:sldMk cId="2376958513" sldId="260"/>
            <ac:spMk id="12451" creationId="{8E5332D7-28CA-60A2-C03A-8A8FF064B163}"/>
          </ac:spMkLst>
        </pc:spChg>
        <pc:spChg chg="mod">
          <ac:chgData name="White, Alex" userId="eff6cc8c-37d8-483b-9c6c-6b27e9afa9bc" providerId="ADAL" clId="{BF04C754-5BF4-4E83-9615-DB14FA25AF8A}" dt="2023-10-12T11:38:20.867" v="298"/>
          <ac:spMkLst>
            <pc:docMk/>
            <pc:sldMk cId="2376958513" sldId="260"/>
            <ac:spMk id="12452" creationId="{5A2FF7CB-B695-EB27-5A63-7BA23E5904ED}"/>
          </ac:spMkLst>
        </pc:spChg>
        <pc:spChg chg="mod">
          <ac:chgData name="White, Alex" userId="eff6cc8c-37d8-483b-9c6c-6b27e9afa9bc" providerId="ADAL" clId="{BF04C754-5BF4-4E83-9615-DB14FA25AF8A}" dt="2023-10-12T11:38:20.867" v="298"/>
          <ac:spMkLst>
            <pc:docMk/>
            <pc:sldMk cId="2376958513" sldId="260"/>
            <ac:spMk id="12453" creationId="{FF9648BA-0CCD-4908-5381-1AB88E0B5431}"/>
          </ac:spMkLst>
        </pc:spChg>
        <pc:spChg chg="mod">
          <ac:chgData name="White, Alex" userId="eff6cc8c-37d8-483b-9c6c-6b27e9afa9bc" providerId="ADAL" clId="{BF04C754-5BF4-4E83-9615-DB14FA25AF8A}" dt="2023-10-12T11:38:20.867" v="298"/>
          <ac:spMkLst>
            <pc:docMk/>
            <pc:sldMk cId="2376958513" sldId="260"/>
            <ac:spMk id="12454" creationId="{EE2C892F-E032-45BD-BC14-6CE505D2DBA4}"/>
          </ac:spMkLst>
        </pc:spChg>
        <pc:spChg chg="mod">
          <ac:chgData name="White, Alex" userId="eff6cc8c-37d8-483b-9c6c-6b27e9afa9bc" providerId="ADAL" clId="{BF04C754-5BF4-4E83-9615-DB14FA25AF8A}" dt="2023-10-12T11:38:20.867" v="298"/>
          <ac:spMkLst>
            <pc:docMk/>
            <pc:sldMk cId="2376958513" sldId="260"/>
            <ac:spMk id="12455" creationId="{EA05907C-90F0-A7D3-D4F9-9C5224DBA16A}"/>
          </ac:spMkLst>
        </pc:spChg>
        <pc:spChg chg="mod">
          <ac:chgData name="White, Alex" userId="eff6cc8c-37d8-483b-9c6c-6b27e9afa9bc" providerId="ADAL" clId="{BF04C754-5BF4-4E83-9615-DB14FA25AF8A}" dt="2023-10-12T11:38:20.867" v="298"/>
          <ac:spMkLst>
            <pc:docMk/>
            <pc:sldMk cId="2376958513" sldId="260"/>
            <ac:spMk id="12456" creationId="{CC10077C-68A5-342B-A53D-CAD10E9FB427}"/>
          </ac:spMkLst>
        </pc:spChg>
        <pc:spChg chg="mod">
          <ac:chgData name="White, Alex" userId="eff6cc8c-37d8-483b-9c6c-6b27e9afa9bc" providerId="ADAL" clId="{BF04C754-5BF4-4E83-9615-DB14FA25AF8A}" dt="2023-10-12T11:38:20.867" v="298"/>
          <ac:spMkLst>
            <pc:docMk/>
            <pc:sldMk cId="2376958513" sldId="260"/>
            <ac:spMk id="12457" creationId="{CA06719B-5B0C-BAB9-0BC0-364CD6E108C5}"/>
          </ac:spMkLst>
        </pc:spChg>
        <pc:spChg chg="mod">
          <ac:chgData name="White, Alex" userId="eff6cc8c-37d8-483b-9c6c-6b27e9afa9bc" providerId="ADAL" clId="{BF04C754-5BF4-4E83-9615-DB14FA25AF8A}" dt="2023-10-12T11:38:20.867" v="298"/>
          <ac:spMkLst>
            <pc:docMk/>
            <pc:sldMk cId="2376958513" sldId="260"/>
            <ac:spMk id="12458" creationId="{14150530-45EC-7C93-7AC9-EAFC87783AEA}"/>
          </ac:spMkLst>
        </pc:spChg>
        <pc:spChg chg="mod">
          <ac:chgData name="White, Alex" userId="eff6cc8c-37d8-483b-9c6c-6b27e9afa9bc" providerId="ADAL" clId="{BF04C754-5BF4-4E83-9615-DB14FA25AF8A}" dt="2023-10-12T11:38:20.867" v="298"/>
          <ac:spMkLst>
            <pc:docMk/>
            <pc:sldMk cId="2376958513" sldId="260"/>
            <ac:spMk id="12459" creationId="{BEFEC657-04D2-96D7-9067-B9E23B77762E}"/>
          </ac:spMkLst>
        </pc:spChg>
        <pc:spChg chg="mod">
          <ac:chgData name="White, Alex" userId="eff6cc8c-37d8-483b-9c6c-6b27e9afa9bc" providerId="ADAL" clId="{BF04C754-5BF4-4E83-9615-DB14FA25AF8A}" dt="2023-10-12T11:38:20.867" v="298"/>
          <ac:spMkLst>
            <pc:docMk/>
            <pc:sldMk cId="2376958513" sldId="260"/>
            <ac:spMk id="12460" creationId="{BCDC3DA7-0AE6-369E-4CF5-3272F08F560C}"/>
          </ac:spMkLst>
        </pc:spChg>
        <pc:spChg chg="mod">
          <ac:chgData name="White, Alex" userId="eff6cc8c-37d8-483b-9c6c-6b27e9afa9bc" providerId="ADAL" clId="{BF04C754-5BF4-4E83-9615-DB14FA25AF8A}" dt="2023-10-12T11:38:20.867" v="298"/>
          <ac:spMkLst>
            <pc:docMk/>
            <pc:sldMk cId="2376958513" sldId="260"/>
            <ac:spMk id="12461" creationId="{B22E7B25-2F65-8721-659C-5EF856199781}"/>
          </ac:spMkLst>
        </pc:spChg>
        <pc:spChg chg="mod">
          <ac:chgData name="White, Alex" userId="eff6cc8c-37d8-483b-9c6c-6b27e9afa9bc" providerId="ADAL" clId="{BF04C754-5BF4-4E83-9615-DB14FA25AF8A}" dt="2023-10-12T11:38:20.867" v="298"/>
          <ac:spMkLst>
            <pc:docMk/>
            <pc:sldMk cId="2376958513" sldId="260"/>
            <ac:spMk id="12462" creationId="{5793D871-3F2A-A7DF-FF7D-856F28B47B6B}"/>
          </ac:spMkLst>
        </pc:spChg>
        <pc:spChg chg="mod">
          <ac:chgData name="White, Alex" userId="eff6cc8c-37d8-483b-9c6c-6b27e9afa9bc" providerId="ADAL" clId="{BF04C754-5BF4-4E83-9615-DB14FA25AF8A}" dt="2023-10-12T11:38:20.867" v="298"/>
          <ac:spMkLst>
            <pc:docMk/>
            <pc:sldMk cId="2376958513" sldId="260"/>
            <ac:spMk id="12463" creationId="{CB08FBE5-E12C-1FE5-F4A2-E8B9D4E35255}"/>
          </ac:spMkLst>
        </pc:spChg>
        <pc:spChg chg="mod">
          <ac:chgData name="White, Alex" userId="eff6cc8c-37d8-483b-9c6c-6b27e9afa9bc" providerId="ADAL" clId="{BF04C754-5BF4-4E83-9615-DB14FA25AF8A}" dt="2023-10-12T11:38:20.867" v="298"/>
          <ac:spMkLst>
            <pc:docMk/>
            <pc:sldMk cId="2376958513" sldId="260"/>
            <ac:spMk id="12464" creationId="{690F6B71-135C-31AF-C7C2-CD35B75B1D5D}"/>
          </ac:spMkLst>
        </pc:spChg>
        <pc:spChg chg="mod">
          <ac:chgData name="White, Alex" userId="eff6cc8c-37d8-483b-9c6c-6b27e9afa9bc" providerId="ADAL" clId="{BF04C754-5BF4-4E83-9615-DB14FA25AF8A}" dt="2023-10-12T11:38:20.867" v="298"/>
          <ac:spMkLst>
            <pc:docMk/>
            <pc:sldMk cId="2376958513" sldId="260"/>
            <ac:spMk id="12465" creationId="{F8FD4C9C-CFFB-727F-79C8-01C492BABC6E}"/>
          </ac:spMkLst>
        </pc:spChg>
        <pc:spChg chg="mod">
          <ac:chgData name="White, Alex" userId="eff6cc8c-37d8-483b-9c6c-6b27e9afa9bc" providerId="ADAL" clId="{BF04C754-5BF4-4E83-9615-DB14FA25AF8A}" dt="2023-10-12T11:38:20.867" v="298"/>
          <ac:spMkLst>
            <pc:docMk/>
            <pc:sldMk cId="2376958513" sldId="260"/>
            <ac:spMk id="12466" creationId="{1EB4D663-A191-CC3E-4873-20491D527B96}"/>
          </ac:spMkLst>
        </pc:spChg>
        <pc:spChg chg="mod">
          <ac:chgData name="White, Alex" userId="eff6cc8c-37d8-483b-9c6c-6b27e9afa9bc" providerId="ADAL" clId="{BF04C754-5BF4-4E83-9615-DB14FA25AF8A}" dt="2023-10-12T11:38:20.867" v="298"/>
          <ac:spMkLst>
            <pc:docMk/>
            <pc:sldMk cId="2376958513" sldId="260"/>
            <ac:spMk id="12467" creationId="{4B5B37F4-92BD-B5B3-EE91-9E3C80CAE64E}"/>
          </ac:spMkLst>
        </pc:spChg>
        <pc:spChg chg="mod">
          <ac:chgData name="White, Alex" userId="eff6cc8c-37d8-483b-9c6c-6b27e9afa9bc" providerId="ADAL" clId="{BF04C754-5BF4-4E83-9615-DB14FA25AF8A}" dt="2023-10-12T11:38:20.867" v="298"/>
          <ac:spMkLst>
            <pc:docMk/>
            <pc:sldMk cId="2376958513" sldId="260"/>
            <ac:spMk id="12468" creationId="{E1EFF5AA-8AEE-6D6D-1496-5820A7BEFA47}"/>
          </ac:spMkLst>
        </pc:spChg>
        <pc:spChg chg="mod">
          <ac:chgData name="White, Alex" userId="eff6cc8c-37d8-483b-9c6c-6b27e9afa9bc" providerId="ADAL" clId="{BF04C754-5BF4-4E83-9615-DB14FA25AF8A}" dt="2023-10-12T11:38:20.867" v="298"/>
          <ac:spMkLst>
            <pc:docMk/>
            <pc:sldMk cId="2376958513" sldId="260"/>
            <ac:spMk id="12469" creationId="{494BDB8B-0F19-C716-F9A0-D3D62997B3A5}"/>
          </ac:spMkLst>
        </pc:spChg>
        <pc:spChg chg="mod">
          <ac:chgData name="White, Alex" userId="eff6cc8c-37d8-483b-9c6c-6b27e9afa9bc" providerId="ADAL" clId="{BF04C754-5BF4-4E83-9615-DB14FA25AF8A}" dt="2023-10-12T11:38:20.867" v="298"/>
          <ac:spMkLst>
            <pc:docMk/>
            <pc:sldMk cId="2376958513" sldId="260"/>
            <ac:spMk id="12470" creationId="{ED9109AE-FD9D-DD66-1063-29310030E1DB}"/>
          </ac:spMkLst>
        </pc:spChg>
        <pc:spChg chg="mod">
          <ac:chgData name="White, Alex" userId="eff6cc8c-37d8-483b-9c6c-6b27e9afa9bc" providerId="ADAL" clId="{BF04C754-5BF4-4E83-9615-DB14FA25AF8A}" dt="2023-10-12T11:38:20.867" v="298"/>
          <ac:spMkLst>
            <pc:docMk/>
            <pc:sldMk cId="2376958513" sldId="260"/>
            <ac:spMk id="12471" creationId="{57B97D9E-1053-0E0D-89F4-C7013DBB286F}"/>
          </ac:spMkLst>
        </pc:spChg>
        <pc:spChg chg="mod">
          <ac:chgData name="White, Alex" userId="eff6cc8c-37d8-483b-9c6c-6b27e9afa9bc" providerId="ADAL" clId="{BF04C754-5BF4-4E83-9615-DB14FA25AF8A}" dt="2023-10-12T11:38:20.867" v="298"/>
          <ac:spMkLst>
            <pc:docMk/>
            <pc:sldMk cId="2376958513" sldId="260"/>
            <ac:spMk id="12472" creationId="{34ECA6CD-6325-9A41-88EE-A8D363B8F810}"/>
          </ac:spMkLst>
        </pc:spChg>
        <pc:spChg chg="mod">
          <ac:chgData name="White, Alex" userId="eff6cc8c-37d8-483b-9c6c-6b27e9afa9bc" providerId="ADAL" clId="{BF04C754-5BF4-4E83-9615-DB14FA25AF8A}" dt="2023-10-12T11:38:20.867" v="298"/>
          <ac:spMkLst>
            <pc:docMk/>
            <pc:sldMk cId="2376958513" sldId="260"/>
            <ac:spMk id="12473" creationId="{A3244EA4-A568-411C-4299-6EF403D324B8}"/>
          </ac:spMkLst>
        </pc:spChg>
        <pc:spChg chg="mod">
          <ac:chgData name="White, Alex" userId="eff6cc8c-37d8-483b-9c6c-6b27e9afa9bc" providerId="ADAL" clId="{BF04C754-5BF4-4E83-9615-DB14FA25AF8A}" dt="2023-10-12T11:38:20.867" v="298"/>
          <ac:spMkLst>
            <pc:docMk/>
            <pc:sldMk cId="2376958513" sldId="260"/>
            <ac:spMk id="12474" creationId="{566FF87D-F956-C1BD-F639-4FD6D7F5CB89}"/>
          </ac:spMkLst>
        </pc:spChg>
        <pc:spChg chg="mod">
          <ac:chgData name="White, Alex" userId="eff6cc8c-37d8-483b-9c6c-6b27e9afa9bc" providerId="ADAL" clId="{BF04C754-5BF4-4E83-9615-DB14FA25AF8A}" dt="2023-10-12T11:38:20.867" v="298"/>
          <ac:spMkLst>
            <pc:docMk/>
            <pc:sldMk cId="2376958513" sldId="260"/>
            <ac:spMk id="12475" creationId="{56C773F3-F458-73E7-F3A9-A0BE20AFFA40}"/>
          </ac:spMkLst>
        </pc:spChg>
        <pc:spChg chg="mod">
          <ac:chgData name="White, Alex" userId="eff6cc8c-37d8-483b-9c6c-6b27e9afa9bc" providerId="ADAL" clId="{BF04C754-5BF4-4E83-9615-DB14FA25AF8A}" dt="2023-10-12T11:38:20.867" v="298"/>
          <ac:spMkLst>
            <pc:docMk/>
            <pc:sldMk cId="2376958513" sldId="260"/>
            <ac:spMk id="12476" creationId="{C3ABEDCF-69E5-8D03-ADC7-67FD2CCFF815}"/>
          </ac:spMkLst>
        </pc:spChg>
        <pc:spChg chg="mod">
          <ac:chgData name="White, Alex" userId="eff6cc8c-37d8-483b-9c6c-6b27e9afa9bc" providerId="ADAL" clId="{BF04C754-5BF4-4E83-9615-DB14FA25AF8A}" dt="2023-10-12T11:38:20.867" v="298"/>
          <ac:spMkLst>
            <pc:docMk/>
            <pc:sldMk cId="2376958513" sldId="260"/>
            <ac:spMk id="12477" creationId="{D5E155E6-304C-29D3-2BB2-7EA067C57B3B}"/>
          </ac:spMkLst>
        </pc:spChg>
        <pc:spChg chg="mod">
          <ac:chgData name="White, Alex" userId="eff6cc8c-37d8-483b-9c6c-6b27e9afa9bc" providerId="ADAL" clId="{BF04C754-5BF4-4E83-9615-DB14FA25AF8A}" dt="2023-10-12T11:38:20.867" v="298"/>
          <ac:spMkLst>
            <pc:docMk/>
            <pc:sldMk cId="2376958513" sldId="260"/>
            <ac:spMk id="12478" creationId="{B83F6FA3-FF1B-76E6-98F2-50D340240F8B}"/>
          </ac:spMkLst>
        </pc:spChg>
        <pc:spChg chg="mod">
          <ac:chgData name="White, Alex" userId="eff6cc8c-37d8-483b-9c6c-6b27e9afa9bc" providerId="ADAL" clId="{BF04C754-5BF4-4E83-9615-DB14FA25AF8A}" dt="2023-10-12T11:38:20.867" v="298"/>
          <ac:spMkLst>
            <pc:docMk/>
            <pc:sldMk cId="2376958513" sldId="260"/>
            <ac:spMk id="12479" creationId="{D5A4AFDB-809F-D4E8-06BD-53670A8B007D}"/>
          </ac:spMkLst>
        </pc:spChg>
        <pc:spChg chg="mod">
          <ac:chgData name="White, Alex" userId="eff6cc8c-37d8-483b-9c6c-6b27e9afa9bc" providerId="ADAL" clId="{BF04C754-5BF4-4E83-9615-DB14FA25AF8A}" dt="2023-10-12T11:38:20.867" v="298"/>
          <ac:spMkLst>
            <pc:docMk/>
            <pc:sldMk cId="2376958513" sldId="260"/>
            <ac:spMk id="12480" creationId="{8A673BF8-CCDC-596E-4C84-5699555D2714}"/>
          </ac:spMkLst>
        </pc:spChg>
        <pc:spChg chg="mod">
          <ac:chgData name="White, Alex" userId="eff6cc8c-37d8-483b-9c6c-6b27e9afa9bc" providerId="ADAL" clId="{BF04C754-5BF4-4E83-9615-DB14FA25AF8A}" dt="2023-10-12T11:38:20.867" v="298"/>
          <ac:spMkLst>
            <pc:docMk/>
            <pc:sldMk cId="2376958513" sldId="260"/>
            <ac:spMk id="12481" creationId="{BFD8EDC0-2C47-CA3C-1389-438BA1940C9F}"/>
          </ac:spMkLst>
        </pc:spChg>
        <pc:spChg chg="mod">
          <ac:chgData name="White, Alex" userId="eff6cc8c-37d8-483b-9c6c-6b27e9afa9bc" providerId="ADAL" clId="{BF04C754-5BF4-4E83-9615-DB14FA25AF8A}" dt="2023-10-12T11:38:20.867" v="298"/>
          <ac:spMkLst>
            <pc:docMk/>
            <pc:sldMk cId="2376958513" sldId="260"/>
            <ac:spMk id="12482" creationId="{6382F822-4929-D6E1-5CF2-11D7A5860198}"/>
          </ac:spMkLst>
        </pc:spChg>
        <pc:spChg chg="mod">
          <ac:chgData name="White, Alex" userId="eff6cc8c-37d8-483b-9c6c-6b27e9afa9bc" providerId="ADAL" clId="{BF04C754-5BF4-4E83-9615-DB14FA25AF8A}" dt="2023-10-12T11:38:20.867" v="298"/>
          <ac:spMkLst>
            <pc:docMk/>
            <pc:sldMk cId="2376958513" sldId="260"/>
            <ac:spMk id="12483" creationId="{4B13E31D-3365-CDA7-7BAB-DE1B27B2C1A7}"/>
          </ac:spMkLst>
        </pc:spChg>
        <pc:spChg chg="mod">
          <ac:chgData name="White, Alex" userId="eff6cc8c-37d8-483b-9c6c-6b27e9afa9bc" providerId="ADAL" clId="{BF04C754-5BF4-4E83-9615-DB14FA25AF8A}" dt="2023-10-12T11:38:20.867" v="298"/>
          <ac:spMkLst>
            <pc:docMk/>
            <pc:sldMk cId="2376958513" sldId="260"/>
            <ac:spMk id="12484" creationId="{AE19CCC3-1E99-5D93-984C-04B10840265B}"/>
          </ac:spMkLst>
        </pc:spChg>
        <pc:spChg chg="mod">
          <ac:chgData name="White, Alex" userId="eff6cc8c-37d8-483b-9c6c-6b27e9afa9bc" providerId="ADAL" clId="{BF04C754-5BF4-4E83-9615-DB14FA25AF8A}" dt="2023-10-12T11:38:20.867" v="298"/>
          <ac:spMkLst>
            <pc:docMk/>
            <pc:sldMk cId="2376958513" sldId="260"/>
            <ac:spMk id="12485" creationId="{B7D12181-2303-A43E-571F-193533865838}"/>
          </ac:spMkLst>
        </pc:spChg>
        <pc:spChg chg="mod">
          <ac:chgData name="White, Alex" userId="eff6cc8c-37d8-483b-9c6c-6b27e9afa9bc" providerId="ADAL" clId="{BF04C754-5BF4-4E83-9615-DB14FA25AF8A}" dt="2023-10-12T11:38:20.867" v="298"/>
          <ac:spMkLst>
            <pc:docMk/>
            <pc:sldMk cId="2376958513" sldId="260"/>
            <ac:spMk id="12486" creationId="{5D345D75-B5E8-5182-1C8B-4DF3596D8EAD}"/>
          </ac:spMkLst>
        </pc:spChg>
        <pc:spChg chg="mod">
          <ac:chgData name="White, Alex" userId="eff6cc8c-37d8-483b-9c6c-6b27e9afa9bc" providerId="ADAL" clId="{BF04C754-5BF4-4E83-9615-DB14FA25AF8A}" dt="2023-10-12T11:38:20.867" v="298"/>
          <ac:spMkLst>
            <pc:docMk/>
            <pc:sldMk cId="2376958513" sldId="260"/>
            <ac:spMk id="12487" creationId="{3CFCCA41-08FE-EB8F-F86C-F85BB7D2FBA4}"/>
          </ac:spMkLst>
        </pc:spChg>
        <pc:spChg chg="mod">
          <ac:chgData name="White, Alex" userId="eff6cc8c-37d8-483b-9c6c-6b27e9afa9bc" providerId="ADAL" clId="{BF04C754-5BF4-4E83-9615-DB14FA25AF8A}" dt="2023-10-12T11:38:20.867" v="298"/>
          <ac:spMkLst>
            <pc:docMk/>
            <pc:sldMk cId="2376958513" sldId="260"/>
            <ac:spMk id="12488" creationId="{F384197A-780C-30A8-7145-484C9EBD2ADD}"/>
          </ac:spMkLst>
        </pc:spChg>
        <pc:spChg chg="mod">
          <ac:chgData name="White, Alex" userId="eff6cc8c-37d8-483b-9c6c-6b27e9afa9bc" providerId="ADAL" clId="{BF04C754-5BF4-4E83-9615-DB14FA25AF8A}" dt="2023-10-12T11:38:20.867" v="298"/>
          <ac:spMkLst>
            <pc:docMk/>
            <pc:sldMk cId="2376958513" sldId="260"/>
            <ac:spMk id="12489" creationId="{861CA9F6-3D88-5F55-B618-B2551278DE99}"/>
          </ac:spMkLst>
        </pc:spChg>
        <pc:spChg chg="mod">
          <ac:chgData name="White, Alex" userId="eff6cc8c-37d8-483b-9c6c-6b27e9afa9bc" providerId="ADAL" clId="{BF04C754-5BF4-4E83-9615-DB14FA25AF8A}" dt="2023-10-12T11:38:20.867" v="298"/>
          <ac:spMkLst>
            <pc:docMk/>
            <pc:sldMk cId="2376958513" sldId="260"/>
            <ac:spMk id="12490" creationId="{1A7D3E3E-6F79-904D-D357-38B592F3CBAF}"/>
          </ac:spMkLst>
        </pc:spChg>
        <pc:spChg chg="mod">
          <ac:chgData name="White, Alex" userId="eff6cc8c-37d8-483b-9c6c-6b27e9afa9bc" providerId="ADAL" clId="{BF04C754-5BF4-4E83-9615-DB14FA25AF8A}" dt="2023-10-12T11:38:20.867" v="298"/>
          <ac:spMkLst>
            <pc:docMk/>
            <pc:sldMk cId="2376958513" sldId="260"/>
            <ac:spMk id="12491" creationId="{57D33BFD-66A7-1EA4-2156-CE00D1179996}"/>
          </ac:spMkLst>
        </pc:spChg>
        <pc:spChg chg="mod">
          <ac:chgData name="White, Alex" userId="eff6cc8c-37d8-483b-9c6c-6b27e9afa9bc" providerId="ADAL" clId="{BF04C754-5BF4-4E83-9615-DB14FA25AF8A}" dt="2023-10-12T11:38:20.867" v="298"/>
          <ac:spMkLst>
            <pc:docMk/>
            <pc:sldMk cId="2376958513" sldId="260"/>
            <ac:spMk id="12492" creationId="{DA52EAED-4ADB-5299-620E-2C177D24B944}"/>
          </ac:spMkLst>
        </pc:spChg>
        <pc:spChg chg="mod">
          <ac:chgData name="White, Alex" userId="eff6cc8c-37d8-483b-9c6c-6b27e9afa9bc" providerId="ADAL" clId="{BF04C754-5BF4-4E83-9615-DB14FA25AF8A}" dt="2023-10-12T11:38:20.867" v="298"/>
          <ac:spMkLst>
            <pc:docMk/>
            <pc:sldMk cId="2376958513" sldId="260"/>
            <ac:spMk id="12493" creationId="{C48DEBE4-2F46-CF99-CA8F-D5255D44B8BB}"/>
          </ac:spMkLst>
        </pc:spChg>
        <pc:spChg chg="mod">
          <ac:chgData name="White, Alex" userId="eff6cc8c-37d8-483b-9c6c-6b27e9afa9bc" providerId="ADAL" clId="{BF04C754-5BF4-4E83-9615-DB14FA25AF8A}" dt="2023-10-12T11:38:20.867" v="298"/>
          <ac:spMkLst>
            <pc:docMk/>
            <pc:sldMk cId="2376958513" sldId="260"/>
            <ac:spMk id="12494" creationId="{9B7F407F-A5AC-5DDB-0CBE-BF2CC286271D}"/>
          </ac:spMkLst>
        </pc:spChg>
        <pc:spChg chg="mod">
          <ac:chgData name="White, Alex" userId="eff6cc8c-37d8-483b-9c6c-6b27e9afa9bc" providerId="ADAL" clId="{BF04C754-5BF4-4E83-9615-DB14FA25AF8A}" dt="2023-10-12T11:38:20.867" v="298"/>
          <ac:spMkLst>
            <pc:docMk/>
            <pc:sldMk cId="2376958513" sldId="260"/>
            <ac:spMk id="12495" creationId="{347684C7-4BAD-39C3-D513-5BCBCEBCE767}"/>
          </ac:spMkLst>
        </pc:spChg>
        <pc:spChg chg="mod">
          <ac:chgData name="White, Alex" userId="eff6cc8c-37d8-483b-9c6c-6b27e9afa9bc" providerId="ADAL" clId="{BF04C754-5BF4-4E83-9615-DB14FA25AF8A}" dt="2023-10-12T11:38:20.867" v="298"/>
          <ac:spMkLst>
            <pc:docMk/>
            <pc:sldMk cId="2376958513" sldId="260"/>
            <ac:spMk id="12496" creationId="{E7947A24-539C-50FD-9D4A-28434673B384}"/>
          </ac:spMkLst>
        </pc:spChg>
        <pc:spChg chg="mod">
          <ac:chgData name="White, Alex" userId="eff6cc8c-37d8-483b-9c6c-6b27e9afa9bc" providerId="ADAL" clId="{BF04C754-5BF4-4E83-9615-DB14FA25AF8A}" dt="2023-10-12T11:38:20.867" v="298"/>
          <ac:spMkLst>
            <pc:docMk/>
            <pc:sldMk cId="2376958513" sldId="260"/>
            <ac:spMk id="12497" creationId="{9BB512BB-543A-A528-55C3-3AE8A0221E35}"/>
          </ac:spMkLst>
        </pc:spChg>
        <pc:spChg chg="mod">
          <ac:chgData name="White, Alex" userId="eff6cc8c-37d8-483b-9c6c-6b27e9afa9bc" providerId="ADAL" clId="{BF04C754-5BF4-4E83-9615-DB14FA25AF8A}" dt="2023-10-12T11:38:20.867" v="298"/>
          <ac:spMkLst>
            <pc:docMk/>
            <pc:sldMk cId="2376958513" sldId="260"/>
            <ac:spMk id="12498" creationId="{D22FECE9-EEE5-9A72-6ED8-536D1D5039A9}"/>
          </ac:spMkLst>
        </pc:spChg>
        <pc:spChg chg="mod">
          <ac:chgData name="White, Alex" userId="eff6cc8c-37d8-483b-9c6c-6b27e9afa9bc" providerId="ADAL" clId="{BF04C754-5BF4-4E83-9615-DB14FA25AF8A}" dt="2023-10-12T11:38:20.867" v="298"/>
          <ac:spMkLst>
            <pc:docMk/>
            <pc:sldMk cId="2376958513" sldId="260"/>
            <ac:spMk id="12499" creationId="{E65BFC1B-5F87-8958-A19C-CAB6FDF1B2D0}"/>
          </ac:spMkLst>
        </pc:spChg>
        <pc:spChg chg="mod">
          <ac:chgData name="White, Alex" userId="eff6cc8c-37d8-483b-9c6c-6b27e9afa9bc" providerId="ADAL" clId="{BF04C754-5BF4-4E83-9615-DB14FA25AF8A}" dt="2023-10-12T11:38:20.867" v="298"/>
          <ac:spMkLst>
            <pc:docMk/>
            <pc:sldMk cId="2376958513" sldId="260"/>
            <ac:spMk id="12500" creationId="{79B6ACCF-039E-D5E1-A7C5-CA0A84DE28E2}"/>
          </ac:spMkLst>
        </pc:spChg>
        <pc:spChg chg="mod">
          <ac:chgData name="White, Alex" userId="eff6cc8c-37d8-483b-9c6c-6b27e9afa9bc" providerId="ADAL" clId="{BF04C754-5BF4-4E83-9615-DB14FA25AF8A}" dt="2023-10-12T11:38:20.867" v="298"/>
          <ac:spMkLst>
            <pc:docMk/>
            <pc:sldMk cId="2376958513" sldId="260"/>
            <ac:spMk id="12501" creationId="{65BEE1BA-3BD6-61AE-3693-025F95B16F86}"/>
          </ac:spMkLst>
        </pc:spChg>
        <pc:spChg chg="mod">
          <ac:chgData name="White, Alex" userId="eff6cc8c-37d8-483b-9c6c-6b27e9afa9bc" providerId="ADAL" clId="{BF04C754-5BF4-4E83-9615-DB14FA25AF8A}" dt="2023-10-12T11:38:20.867" v="298"/>
          <ac:spMkLst>
            <pc:docMk/>
            <pc:sldMk cId="2376958513" sldId="260"/>
            <ac:spMk id="12502" creationId="{9D086239-D9DF-75AE-2BEB-52E2B22601DF}"/>
          </ac:spMkLst>
        </pc:spChg>
        <pc:spChg chg="mod">
          <ac:chgData name="White, Alex" userId="eff6cc8c-37d8-483b-9c6c-6b27e9afa9bc" providerId="ADAL" clId="{BF04C754-5BF4-4E83-9615-DB14FA25AF8A}" dt="2023-10-12T11:38:20.867" v="298"/>
          <ac:spMkLst>
            <pc:docMk/>
            <pc:sldMk cId="2376958513" sldId="260"/>
            <ac:spMk id="12503" creationId="{1A50F983-4A4A-F9C5-04C4-B02765DAA4D8}"/>
          </ac:spMkLst>
        </pc:spChg>
        <pc:spChg chg="mod">
          <ac:chgData name="White, Alex" userId="eff6cc8c-37d8-483b-9c6c-6b27e9afa9bc" providerId="ADAL" clId="{BF04C754-5BF4-4E83-9615-DB14FA25AF8A}" dt="2023-10-12T11:38:20.867" v="298"/>
          <ac:spMkLst>
            <pc:docMk/>
            <pc:sldMk cId="2376958513" sldId="260"/>
            <ac:spMk id="12504" creationId="{7DC06D66-4D96-30C8-F13E-7DBF3AF245B1}"/>
          </ac:spMkLst>
        </pc:spChg>
        <pc:spChg chg="mod">
          <ac:chgData name="White, Alex" userId="eff6cc8c-37d8-483b-9c6c-6b27e9afa9bc" providerId="ADAL" clId="{BF04C754-5BF4-4E83-9615-DB14FA25AF8A}" dt="2023-10-12T11:38:20.867" v="298"/>
          <ac:spMkLst>
            <pc:docMk/>
            <pc:sldMk cId="2376958513" sldId="260"/>
            <ac:spMk id="12505" creationId="{CBA07F28-707E-BCA4-13CF-D456BA4CDAE0}"/>
          </ac:spMkLst>
        </pc:spChg>
        <pc:spChg chg="mod">
          <ac:chgData name="White, Alex" userId="eff6cc8c-37d8-483b-9c6c-6b27e9afa9bc" providerId="ADAL" clId="{BF04C754-5BF4-4E83-9615-DB14FA25AF8A}" dt="2023-10-12T11:38:20.867" v="298"/>
          <ac:spMkLst>
            <pc:docMk/>
            <pc:sldMk cId="2376958513" sldId="260"/>
            <ac:spMk id="12506" creationId="{94F1A440-7725-9DC1-7CF2-6431AF2F4E3B}"/>
          </ac:spMkLst>
        </pc:spChg>
        <pc:spChg chg="mod">
          <ac:chgData name="White, Alex" userId="eff6cc8c-37d8-483b-9c6c-6b27e9afa9bc" providerId="ADAL" clId="{BF04C754-5BF4-4E83-9615-DB14FA25AF8A}" dt="2023-10-12T11:38:20.867" v="298"/>
          <ac:spMkLst>
            <pc:docMk/>
            <pc:sldMk cId="2376958513" sldId="260"/>
            <ac:spMk id="12507" creationId="{8CB68AAD-A8CA-52CF-EFB5-244F1405FC7C}"/>
          </ac:spMkLst>
        </pc:spChg>
        <pc:spChg chg="mod">
          <ac:chgData name="White, Alex" userId="eff6cc8c-37d8-483b-9c6c-6b27e9afa9bc" providerId="ADAL" clId="{BF04C754-5BF4-4E83-9615-DB14FA25AF8A}" dt="2023-10-12T11:38:20.867" v="298"/>
          <ac:spMkLst>
            <pc:docMk/>
            <pc:sldMk cId="2376958513" sldId="260"/>
            <ac:spMk id="12508" creationId="{80E8424B-7433-8D30-BCCC-3A86C9064802}"/>
          </ac:spMkLst>
        </pc:spChg>
        <pc:spChg chg="mod">
          <ac:chgData name="White, Alex" userId="eff6cc8c-37d8-483b-9c6c-6b27e9afa9bc" providerId="ADAL" clId="{BF04C754-5BF4-4E83-9615-DB14FA25AF8A}" dt="2023-10-12T11:38:20.867" v="298"/>
          <ac:spMkLst>
            <pc:docMk/>
            <pc:sldMk cId="2376958513" sldId="260"/>
            <ac:spMk id="12509" creationId="{EE0F349A-66A1-6E7E-E578-A0D80C33F815}"/>
          </ac:spMkLst>
        </pc:spChg>
        <pc:spChg chg="mod">
          <ac:chgData name="White, Alex" userId="eff6cc8c-37d8-483b-9c6c-6b27e9afa9bc" providerId="ADAL" clId="{BF04C754-5BF4-4E83-9615-DB14FA25AF8A}" dt="2023-10-12T11:38:20.867" v="298"/>
          <ac:spMkLst>
            <pc:docMk/>
            <pc:sldMk cId="2376958513" sldId="260"/>
            <ac:spMk id="12510" creationId="{37CCB3B5-0A27-DA25-CC45-822B2BDC5082}"/>
          </ac:spMkLst>
        </pc:spChg>
        <pc:spChg chg="mod">
          <ac:chgData name="White, Alex" userId="eff6cc8c-37d8-483b-9c6c-6b27e9afa9bc" providerId="ADAL" clId="{BF04C754-5BF4-4E83-9615-DB14FA25AF8A}" dt="2023-10-12T11:38:20.867" v="298"/>
          <ac:spMkLst>
            <pc:docMk/>
            <pc:sldMk cId="2376958513" sldId="260"/>
            <ac:spMk id="12511" creationId="{FEF4C259-8B9B-D31D-36E1-2B7EA236E1F3}"/>
          </ac:spMkLst>
        </pc:spChg>
        <pc:spChg chg="mod">
          <ac:chgData name="White, Alex" userId="eff6cc8c-37d8-483b-9c6c-6b27e9afa9bc" providerId="ADAL" clId="{BF04C754-5BF4-4E83-9615-DB14FA25AF8A}" dt="2023-10-12T11:38:20.867" v="298"/>
          <ac:spMkLst>
            <pc:docMk/>
            <pc:sldMk cId="2376958513" sldId="260"/>
            <ac:spMk id="12512" creationId="{BFBDE45C-07C1-619C-127E-868659433A5F}"/>
          </ac:spMkLst>
        </pc:spChg>
        <pc:spChg chg="mod">
          <ac:chgData name="White, Alex" userId="eff6cc8c-37d8-483b-9c6c-6b27e9afa9bc" providerId="ADAL" clId="{BF04C754-5BF4-4E83-9615-DB14FA25AF8A}" dt="2023-10-12T11:38:20.867" v="298"/>
          <ac:spMkLst>
            <pc:docMk/>
            <pc:sldMk cId="2376958513" sldId="260"/>
            <ac:spMk id="12513" creationId="{9509E016-22C0-A20E-D481-DC4016A78C7F}"/>
          </ac:spMkLst>
        </pc:spChg>
        <pc:spChg chg="mod">
          <ac:chgData name="White, Alex" userId="eff6cc8c-37d8-483b-9c6c-6b27e9afa9bc" providerId="ADAL" clId="{BF04C754-5BF4-4E83-9615-DB14FA25AF8A}" dt="2023-10-12T11:38:20.867" v="298"/>
          <ac:spMkLst>
            <pc:docMk/>
            <pc:sldMk cId="2376958513" sldId="260"/>
            <ac:spMk id="12514" creationId="{891EC883-73B7-DA17-178E-23DFD045440C}"/>
          </ac:spMkLst>
        </pc:spChg>
        <pc:spChg chg="mod">
          <ac:chgData name="White, Alex" userId="eff6cc8c-37d8-483b-9c6c-6b27e9afa9bc" providerId="ADAL" clId="{BF04C754-5BF4-4E83-9615-DB14FA25AF8A}" dt="2023-10-12T11:38:20.867" v="298"/>
          <ac:spMkLst>
            <pc:docMk/>
            <pc:sldMk cId="2376958513" sldId="260"/>
            <ac:spMk id="12515" creationId="{3AFA7A8F-F313-EBF0-D6AC-DC89969C391A}"/>
          </ac:spMkLst>
        </pc:spChg>
        <pc:spChg chg="mod">
          <ac:chgData name="White, Alex" userId="eff6cc8c-37d8-483b-9c6c-6b27e9afa9bc" providerId="ADAL" clId="{BF04C754-5BF4-4E83-9615-DB14FA25AF8A}" dt="2023-10-12T11:38:20.867" v="298"/>
          <ac:spMkLst>
            <pc:docMk/>
            <pc:sldMk cId="2376958513" sldId="260"/>
            <ac:spMk id="12516" creationId="{FC4FE777-FA51-4842-DD5D-ABB93C0AD901}"/>
          </ac:spMkLst>
        </pc:spChg>
        <pc:spChg chg="mod">
          <ac:chgData name="White, Alex" userId="eff6cc8c-37d8-483b-9c6c-6b27e9afa9bc" providerId="ADAL" clId="{BF04C754-5BF4-4E83-9615-DB14FA25AF8A}" dt="2023-10-12T11:38:20.867" v="298"/>
          <ac:spMkLst>
            <pc:docMk/>
            <pc:sldMk cId="2376958513" sldId="260"/>
            <ac:spMk id="12517" creationId="{0ACC1875-C04A-88E5-EC51-6BD18A165113}"/>
          </ac:spMkLst>
        </pc:spChg>
        <pc:spChg chg="mod">
          <ac:chgData name="White, Alex" userId="eff6cc8c-37d8-483b-9c6c-6b27e9afa9bc" providerId="ADAL" clId="{BF04C754-5BF4-4E83-9615-DB14FA25AF8A}" dt="2023-10-12T11:38:20.867" v="298"/>
          <ac:spMkLst>
            <pc:docMk/>
            <pc:sldMk cId="2376958513" sldId="260"/>
            <ac:spMk id="12518" creationId="{426C672A-54A4-D6DB-A2F1-FF12A4ED32BE}"/>
          </ac:spMkLst>
        </pc:spChg>
        <pc:spChg chg="mod">
          <ac:chgData name="White, Alex" userId="eff6cc8c-37d8-483b-9c6c-6b27e9afa9bc" providerId="ADAL" clId="{BF04C754-5BF4-4E83-9615-DB14FA25AF8A}" dt="2023-10-12T11:38:20.867" v="298"/>
          <ac:spMkLst>
            <pc:docMk/>
            <pc:sldMk cId="2376958513" sldId="260"/>
            <ac:spMk id="12519" creationId="{9501FCBF-8A40-E3B4-A51B-D858AEDE2167}"/>
          </ac:spMkLst>
        </pc:spChg>
        <pc:spChg chg="mod">
          <ac:chgData name="White, Alex" userId="eff6cc8c-37d8-483b-9c6c-6b27e9afa9bc" providerId="ADAL" clId="{BF04C754-5BF4-4E83-9615-DB14FA25AF8A}" dt="2023-10-12T11:38:20.867" v="298"/>
          <ac:spMkLst>
            <pc:docMk/>
            <pc:sldMk cId="2376958513" sldId="260"/>
            <ac:spMk id="12520" creationId="{E64E3E2F-FC16-6741-AEFB-C00FC0511DE0}"/>
          </ac:spMkLst>
        </pc:spChg>
        <pc:spChg chg="mod">
          <ac:chgData name="White, Alex" userId="eff6cc8c-37d8-483b-9c6c-6b27e9afa9bc" providerId="ADAL" clId="{BF04C754-5BF4-4E83-9615-DB14FA25AF8A}" dt="2023-10-12T11:38:20.867" v="298"/>
          <ac:spMkLst>
            <pc:docMk/>
            <pc:sldMk cId="2376958513" sldId="260"/>
            <ac:spMk id="12521" creationId="{D2BA2820-397B-542B-BE56-66CD2DE25F43}"/>
          </ac:spMkLst>
        </pc:spChg>
        <pc:spChg chg="mod">
          <ac:chgData name="White, Alex" userId="eff6cc8c-37d8-483b-9c6c-6b27e9afa9bc" providerId="ADAL" clId="{BF04C754-5BF4-4E83-9615-DB14FA25AF8A}" dt="2023-10-12T11:38:20.867" v="298"/>
          <ac:spMkLst>
            <pc:docMk/>
            <pc:sldMk cId="2376958513" sldId="260"/>
            <ac:spMk id="12522" creationId="{1B795042-4461-E362-1AC7-14B080C45276}"/>
          </ac:spMkLst>
        </pc:spChg>
        <pc:spChg chg="mod">
          <ac:chgData name="White, Alex" userId="eff6cc8c-37d8-483b-9c6c-6b27e9afa9bc" providerId="ADAL" clId="{BF04C754-5BF4-4E83-9615-DB14FA25AF8A}" dt="2023-10-12T11:38:20.867" v="298"/>
          <ac:spMkLst>
            <pc:docMk/>
            <pc:sldMk cId="2376958513" sldId="260"/>
            <ac:spMk id="12523" creationId="{728B0F9F-60EB-F72B-9BE3-B2A6C1AE4E0A}"/>
          </ac:spMkLst>
        </pc:spChg>
        <pc:spChg chg="mod">
          <ac:chgData name="White, Alex" userId="eff6cc8c-37d8-483b-9c6c-6b27e9afa9bc" providerId="ADAL" clId="{BF04C754-5BF4-4E83-9615-DB14FA25AF8A}" dt="2023-10-12T11:38:20.867" v="298"/>
          <ac:spMkLst>
            <pc:docMk/>
            <pc:sldMk cId="2376958513" sldId="260"/>
            <ac:spMk id="12524" creationId="{CED0373A-96FD-1F12-93F6-1F3561E1F610}"/>
          </ac:spMkLst>
        </pc:spChg>
        <pc:spChg chg="mod">
          <ac:chgData name="White, Alex" userId="eff6cc8c-37d8-483b-9c6c-6b27e9afa9bc" providerId="ADAL" clId="{BF04C754-5BF4-4E83-9615-DB14FA25AF8A}" dt="2023-10-12T11:38:20.867" v="298"/>
          <ac:spMkLst>
            <pc:docMk/>
            <pc:sldMk cId="2376958513" sldId="260"/>
            <ac:spMk id="12525" creationId="{01337ECA-22F7-19D0-20DF-4E041E6DC329}"/>
          </ac:spMkLst>
        </pc:spChg>
        <pc:spChg chg="mod">
          <ac:chgData name="White, Alex" userId="eff6cc8c-37d8-483b-9c6c-6b27e9afa9bc" providerId="ADAL" clId="{BF04C754-5BF4-4E83-9615-DB14FA25AF8A}" dt="2023-10-12T11:38:20.867" v="298"/>
          <ac:spMkLst>
            <pc:docMk/>
            <pc:sldMk cId="2376958513" sldId="260"/>
            <ac:spMk id="12526" creationId="{4F5DED3D-1AA0-52CD-EBD1-2920E7CDD6DA}"/>
          </ac:spMkLst>
        </pc:spChg>
        <pc:spChg chg="mod">
          <ac:chgData name="White, Alex" userId="eff6cc8c-37d8-483b-9c6c-6b27e9afa9bc" providerId="ADAL" clId="{BF04C754-5BF4-4E83-9615-DB14FA25AF8A}" dt="2023-10-12T11:38:20.867" v="298"/>
          <ac:spMkLst>
            <pc:docMk/>
            <pc:sldMk cId="2376958513" sldId="260"/>
            <ac:spMk id="12527" creationId="{5BC6D4D0-EC5D-139B-CE84-9746681349DA}"/>
          </ac:spMkLst>
        </pc:spChg>
        <pc:spChg chg="mod">
          <ac:chgData name="White, Alex" userId="eff6cc8c-37d8-483b-9c6c-6b27e9afa9bc" providerId="ADAL" clId="{BF04C754-5BF4-4E83-9615-DB14FA25AF8A}" dt="2023-10-12T11:38:20.867" v="298"/>
          <ac:spMkLst>
            <pc:docMk/>
            <pc:sldMk cId="2376958513" sldId="260"/>
            <ac:spMk id="12528" creationId="{95852FF7-12CB-1D78-E9FA-158A40D029BE}"/>
          </ac:spMkLst>
        </pc:spChg>
        <pc:spChg chg="mod">
          <ac:chgData name="White, Alex" userId="eff6cc8c-37d8-483b-9c6c-6b27e9afa9bc" providerId="ADAL" clId="{BF04C754-5BF4-4E83-9615-DB14FA25AF8A}" dt="2023-10-12T11:38:20.867" v="298"/>
          <ac:spMkLst>
            <pc:docMk/>
            <pc:sldMk cId="2376958513" sldId="260"/>
            <ac:spMk id="12529" creationId="{DAA75DE2-E9E7-2839-24E6-5BAA7E7CD3A1}"/>
          </ac:spMkLst>
        </pc:spChg>
        <pc:spChg chg="mod">
          <ac:chgData name="White, Alex" userId="eff6cc8c-37d8-483b-9c6c-6b27e9afa9bc" providerId="ADAL" clId="{BF04C754-5BF4-4E83-9615-DB14FA25AF8A}" dt="2023-10-12T11:38:20.867" v="298"/>
          <ac:spMkLst>
            <pc:docMk/>
            <pc:sldMk cId="2376958513" sldId="260"/>
            <ac:spMk id="12530" creationId="{16A646A4-1AE4-7A4C-1BBF-72B41BD7C350}"/>
          </ac:spMkLst>
        </pc:spChg>
        <pc:spChg chg="mod">
          <ac:chgData name="White, Alex" userId="eff6cc8c-37d8-483b-9c6c-6b27e9afa9bc" providerId="ADAL" clId="{BF04C754-5BF4-4E83-9615-DB14FA25AF8A}" dt="2023-10-12T11:38:20.867" v="298"/>
          <ac:spMkLst>
            <pc:docMk/>
            <pc:sldMk cId="2376958513" sldId="260"/>
            <ac:spMk id="12531" creationId="{67DE5DC6-57CF-D51B-C9A5-30F0E276C2C1}"/>
          </ac:spMkLst>
        </pc:spChg>
        <pc:spChg chg="mod">
          <ac:chgData name="White, Alex" userId="eff6cc8c-37d8-483b-9c6c-6b27e9afa9bc" providerId="ADAL" clId="{BF04C754-5BF4-4E83-9615-DB14FA25AF8A}" dt="2023-10-12T11:38:20.867" v="298"/>
          <ac:spMkLst>
            <pc:docMk/>
            <pc:sldMk cId="2376958513" sldId="260"/>
            <ac:spMk id="12532" creationId="{0278035B-4D8B-B52B-3DBA-F250B54B086C}"/>
          </ac:spMkLst>
        </pc:spChg>
        <pc:spChg chg="mod">
          <ac:chgData name="White, Alex" userId="eff6cc8c-37d8-483b-9c6c-6b27e9afa9bc" providerId="ADAL" clId="{BF04C754-5BF4-4E83-9615-DB14FA25AF8A}" dt="2023-10-12T11:38:20.867" v="298"/>
          <ac:spMkLst>
            <pc:docMk/>
            <pc:sldMk cId="2376958513" sldId="260"/>
            <ac:spMk id="12533" creationId="{34B5339C-2155-80D7-2206-0BB455C97BD9}"/>
          </ac:spMkLst>
        </pc:spChg>
        <pc:spChg chg="mod">
          <ac:chgData name="White, Alex" userId="eff6cc8c-37d8-483b-9c6c-6b27e9afa9bc" providerId="ADAL" clId="{BF04C754-5BF4-4E83-9615-DB14FA25AF8A}" dt="2023-10-12T11:38:20.867" v="298"/>
          <ac:spMkLst>
            <pc:docMk/>
            <pc:sldMk cId="2376958513" sldId="260"/>
            <ac:spMk id="12534" creationId="{785BD40E-6DF4-D670-E7F4-40E9BE8B23E5}"/>
          </ac:spMkLst>
        </pc:spChg>
        <pc:spChg chg="mod">
          <ac:chgData name="White, Alex" userId="eff6cc8c-37d8-483b-9c6c-6b27e9afa9bc" providerId="ADAL" clId="{BF04C754-5BF4-4E83-9615-DB14FA25AF8A}" dt="2023-10-12T11:38:20.867" v="298"/>
          <ac:spMkLst>
            <pc:docMk/>
            <pc:sldMk cId="2376958513" sldId="260"/>
            <ac:spMk id="12535" creationId="{05870909-14C9-21DB-E1C8-D59EBA1B72AA}"/>
          </ac:spMkLst>
        </pc:spChg>
        <pc:spChg chg="mod">
          <ac:chgData name="White, Alex" userId="eff6cc8c-37d8-483b-9c6c-6b27e9afa9bc" providerId="ADAL" clId="{BF04C754-5BF4-4E83-9615-DB14FA25AF8A}" dt="2023-10-12T11:38:20.867" v="298"/>
          <ac:spMkLst>
            <pc:docMk/>
            <pc:sldMk cId="2376958513" sldId="260"/>
            <ac:spMk id="12536" creationId="{C3417104-21B9-EEB7-595B-5DFF4887F616}"/>
          </ac:spMkLst>
        </pc:spChg>
        <pc:spChg chg="mod">
          <ac:chgData name="White, Alex" userId="eff6cc8c-37d8-483b-9c6c-6b27e9afa9bc" providerId="ADAL" clId="{BF04C754-5BF4-4E83-9615-DB14FA25AF8A}" dt="2023-10-12T11:38:20.867" v="298"/>
          <ac:spMkLst>
            <pc:docMk/>
            <pc:sldMk cId="2376958513" sldId="260"/>
            <ac:spMk id="12537" creationId="{6044030E-D2C0-E0A9-D15C-17310E90B114}"/>
          </ac:spMkLst>
        </pc:spChg>
        <pc:spChg chg="mod">
          <ac:chgData name="White, Alex" userId="eff6cc8c-37d8-483b-9c6c-6b27e9afa9bc" providerId="ADAL" clId="{BF04C754-5BF4-4E83-9615-DB14FA25AF8A}" dt="2023-10-12T11:38:20.867" v="298"/>
          <ac:spMkLst>
            <pc:docMk/>
            <pc:sldMk cId="2376958513" sldId="260"/>
            <ac:spMk id="12538" creationId="{D43EEB88-80E1-F2AE-0E82-8B33763A0F4A}"/>
          </ac:spMkLst>
        </pc:spChg>
        <pc:spChg chg="mod">
          <ac:chgData name="White, Alex" userId="eff6cc8c-37d8-483b-9c6c-6b27e9afa9bc" providerId="ADAL" clId="{BF04C754-5BF4-4E83-9615-DB14FA25AF8A}" dt="2023-10-12T11:38:20.867" v="298"/>
          <ac:spMkLst>
            <pc:docMk/>
            <pc:sldMk cId="2376958513" sldId="260"/>
            <ac:spMk id="12539" creationId="{F57F7877-7D72-91E1-5826-45D640D3BC42}"/>
          </ac:spMkLst>
        </pc:spChg>
        <pc:spChg chg="mod">
          <ac:chgData name="White, Alex" userId="eff6cc8c-37d8-483b-9c6c-6b27e9afa9bc" providerId="ADAL" clId="{BF04C754-5BF4-4E83-9615-DB14FA25AF8A}" dt="2023-10-12T11:38:20.867" v="298"/>
          <ac:spMkLst>
            <pc:docMk/>
            <pc:sldMk cId="2376958513" sldId="260"/>
            <ac:spMk id="12540" creationId="{8DCA4B55-1A81-4935-FC55-8E285879EBA4}"/>
          </ac:spMkLst>
        </pc:spChg>
        <pc:spChg chg="mod">
          <ac:chgData name="White, Alex" userId="eff6cc8c-37d8-483b-9c6c-6b27e9afa9bc" providerId="ADAL" clId="{BF04C754-5BF4-4E83-9615-DB14FA25AF8A}" dt="2023-10-12T11:38:20.867" v="298"/>
          <ac:spMkLst>
            <pc:docMk/>
            <pc:sldMk cId="2376958513" sldId="260"/>
            <ac:spMk id="12541" creationId="{46171996-CC6D-1DB1-A676-B622E0519150}"/>
          </ac:spMkLst>
        </pc:spChg>
        <pc:spChg chg="mod">
          <ac:chgData name="White, Alex" userId="eff6cc8c-37d8-483b-9c6c-6b27e9afa9bc" providerId="ADAL" clId="{BF04C754-5BF4-4E83-9615-DB14FA25AF8A}" dt="2023-10-12T11:38:20.867" v="298"/>
          <ac:spMkLst>
            <pc:docMk/>
            <pc:sldMk cId="2376958513" sldId="260"/>
            <ac:spMk id="12542" creationId="{D58EA050-EE8A-36DA-1503-76C4B569532B}"/>
          </ac:spMkLst>
        </pc:spChg>
        <pc:spChg chg="mod">
          <ac:chgData name="White, Alex" userId="eff6cc8c-37d8-483b-9c6c-6b27e9afa9bc" providerId="ADAL" clId="{BF04C754-5BF4-4E83-9615-DB14FA25AF8A}" dt="2023-10-12T11:38:20.867" v="298"/>
          <ac:spMkLst>
            <pc:docMk/>
            <pc:sldMk cId="2376958513" sldId="260"/>
            <ac:spMk id="12543" creationId="{28697DAA-2993-2AB2-0C4F-DB435DD89FF7}"/>
          </ac:spMkLst>
        </pc:spChg>
        <pc:spChg chg="mod">
          <ac:chgData name="White, Alex" userId="eff6cc8c-37d8-483b-9c6c-6b27e9afa9bc" providerId="ADAL" clId="{BF04C754-5BF4-4E83-9615-DB14FA25AF8A}" dt="2023-10-12T11:38:20.867" v="298"/>
          <ac:spMkLst>
            <pc:docMk/>
            <pc:sldMk cId="2376958513" sldId="260"/>
            <ac:spMk id="12544" creationId="{F5F63886-E63F-B920-AF0B-70F8BD4B7B65}"/>
          </ac:spMkLst>
        </pc:spChg>
        <pc:spChg chg="mod">
          <ac:chgData name="White, Alex" userId="eff6cc8c-37d8-483b-9c6c-6b27e9afa9bc" providerId="ADAL" clId="{BF04C754-5BF4-4E83-9615-DB14FA25AF8A}" dt="2023-10-12T11:38:20.867" v="298"/>
          <ac:spMkLst>
            <pc:docMk/>
            <pc:sldMk cId="2376958513" sldId="260"/>
            <ac:spMk id="12545" creationId="{0D995DDB-9B60-D665-CAE6-A48BB9C3AA3A}"/>
          </ac:spMkLst>
        </pc:spChg>
        <pc:spChg chg="mod">
          <ac:chgData name="White, Alex" userId="eff6cc8c-37d8-483b-9c6c-6b27e9afa9bc" providerId="ADAL" clId="{BF04C754-5BF4-4E83-9615-DB14FA25AF8A}" dt="2023-10-12T11:38:20.867" v="298"/>
          <ac:spMkLst>
            <pc:docMk/>
            <pc:sldMk cId="2376958513" sldId="260"/>
            <ac:spMk id="12546" creationId="{21CBE551-F43C-CEF8-0565-BE90EDE098DB}"/>
          </ac:spMkLst>
        </pc:spChg>
        <pc:spChg chg="mod">
          <ac:chgData name="White, Alex" userId="eff6cc8c-37d8-483b-9c6c-6b27e9afa9bc" providerId="ADAL" clId="{BF04C754-5BF4-4E83-9615-DB14FA25AF8A}" dt="2023-10-12T11:38:20.867" v="298"/>
          <ac:spMkLst>
            <pc:docMk/>
            <pc:sldMk cId="2376958513" sldId="260"/>
            <ac:spMk id="12547" creationId="{C7E10438-9A09-95E7-C9B3-D22CFE221D19}"/>
          </ac:spMkLst>
        </pc:spChg>
        <pc:spChg chg="mod">
          <ac:chgData name="White, Alex" userId="eff6cc8c-37d8-483b-9c6c-6b27e9afa9bc" providerId="ADAL" clId="{BF04C754-5BF4-4E83-9615-DB14FA25AF8A}" dt="2023-10-12T11:38:20.867" v="298"/>
          <ac:spMkLst>
            <pc:docMk/>
            <pc:sldMk cId="2376958513" sldId="260"/>
            <ac:spMk id="12548" creationId="{0CAEA1F0-FE00-2B9B-08A4-6D51E8B3D010}"/>
          </ac:spMkLst>
        </pc:spChg>
        <pc:spChg chg="mod">
          <ac:chgData name="White, Alex" userId="eff6cc8c-37d8-483b-9c6c-6b27e9afa9bc" providerId="ADAL" clId="{BF04C754-5BF4-4E83-9615-DB14FA25AF8A}" dt="2023-10-12T11:38:20.867" v="298"/>
          <ac:spMkLst>
            <pc:docMk/>
            <pc:sldMk cId="2376958513" sldId="260"/>
            <ac:spMk id="12549" creationId="{89A15CC5-3762-379D-8A87-8F3335DB4A8F}"/>
          </ac:spMkLst>
        </pc:spChg>
        <pc:spChg chg="mod">
          <ac:chgData name="White, Alex" userId="eff6cc8c-37d8-483b-9c6c-6b27e9afa9bc" providerId="ADAL" clId="{BF04C754-5BF4-4E83-9615-DB14FA25AF8A}" dt="2023-10-12T11:38:20.867" v="298"/>
          <ac:spMkLst>
            <pc:docMk/>
            <pc:sldMk cId="2376958513" sldId="260"/>
            <ac:spMk id="12550" creationId="{1772C5B5-0C1C-8800-B428-D66F5EB1FC6A}"/>
          </ac:spMkLst>
        </pc:spChg>
        <pc:spChg chg="mod">
          <ac:chgData name="White, Alex" userId="eff6cc8c-37d8-483b-9c6c-6b27e9afa9bc" providerId="ADAL" clId="{BF04C754-5BF4-4E83-9615-DB14FA25AF8A}" dt="2023-10-12T11:38:20.867" v="298"/>
          <ac:spMkLst>
            <pc:docMk/>
            <pc:sldMk cId="2376958513" sldId="260"/>
            <ac:spMk id="12551" creationId="{CA7558EE-BA1E-FF2B-1568-3A2BFADDF79F}"/>
          </ac:spMkLst>
        </pc:spChg>
        <pc:spChg chg="mod">
          <ac:chgData name="White, Alex" userId="eff6cc8c-37d8-483b-9c6c-6b27e9afa9bc" providerId="ADAL" clId="{BF04C754-5BF4-4E83-9615-DB14FA25AF8A}" dt="2023-10-12T11:38:20.867" v="298"/>
          <ac:spMkLst>
            <pc:docMk/>
            <pc:sldMk cId="2376958513" sldId="260"/>
            <ac:spMk id="12552" creationId="{898785B7-A94E-1504-37DC-D1E931B61673}"/>
          </ac:spMkLst>
        </pc:spChg>
        <pc:spChg chg="mod">
          <ac:chgData name="White, Alex" userId="eff6cc8c-37d8-483b-9c6c-6b27e9afa9bc" providerId="ADAL" clId="{BF04C754-5BF4-4E83-9615-DB14FA25AF8A}" dt="2023-10-12T11:38:20.867" v="298"/>
          <ac:spMkLst>
            <pc:docMk/>
            <pc:sldMk cId="2376958513" sldId="260"/>
            <ac:spMk id="12553" creationId="{976D3D42-6814-0AD5-FF83-68D19B92B599}"/>
          </ac:spMkLst>
        </pc:spChg>
        <pc:spChg chg="mod">
          <ac:chgData name="White, Alex" userId="eff6cc8c-37d8-483b-9c6c-6b27e9afa9bc" providerId="ADAL" clId="{BF04C754-5BF4-4E83-9615-DB14FA25AF8A}" dt="2023-10-12T11:38:20.867" v="298"/>
          <ac:spMkLst>
            <pc:docMk/>
            <pc:sldMk cId="2376958513" sldId="260"/>
            <ac:spMk id="12554" creationId="{3A379798-6DCB-71BE-02DE-1DE767490798}"/>
          </ac:spMkLst>
        </pc:spChg>
        <pc:spChg chg="mod">
          <ac:chgData name="White, Alex" userId="eff6cc8c-37d8-483b-9c6c-6b27e9afa9bc" providerId="ADAL" clId="{BF04C754-5BF4-4E83-9615-DB14FA25AF8A}" dt="2023-10-12T11:38:20.867" v="298"/>
          <ac:spMkLst>
            <pc:docMk/>
            <pc:sldMk cId="2376958513" sldId="260"/>
            <ac:spMk id="12555" creationId="{73977A22-9F72-3F25-2BC5-F1578D709E6A}"/>
          </ac:spMkLst>
        </pc:spChg>
        <pc:spChg chg="mod">
          <ac:chgData name="White, Alex" userId="eff6cc8c-37d8-483b-9c6c-6b27e9afa9bc" providerId="ADAL" clId="{BF04C754-5BF4-4E83-9615-DB14FA25AF8A}" dt="2023-10-12T11:38:20.867" v="298"/>
          <ac:spMkLst>
            <pc:docMk/>
            <pc:sldMk cId="2376958513" sldId="260"/>
            <ac:spMk id="12556" creationId="{EA824183-3454-C53A-7517-F1A7D126DE9B}"/>
          </ac:spMkLst>
        </pc:spChg>
        <pc:spChg chg="mod">
          <ac:chgData name="White, Alex" userId="eff6cc8c-37d8-483b-9c6c-6b27e9afa9bc" providerId="ADAL" clId="{BF04C754-5BF4-4E83-9615-DB14FA25AF8A}" dt="2023-10-12T11:38:20.867" v="298"/>
          <ac:spMkLst>
            <pc:docMk/>
            <pc:sldMk cId="2376958513" sldId="260"/>
            <ac:spMk id="12557" creationId="{B891A66F-2275-A691-AF31-408128397C6F}"/>
          </ac:spMkLst>
        </pc:spChg>
        <pc:spChg chg="mod">
          <ac:chgData name="White, Alex" userId="eff6cc8c-37d8-483b-9c6c-6b27e9afa9bc" providerId="ADAL" clId="{BF04C754-5BF4-4E83-9615-DB14FA25AF8A}" dt="2023-10-12T11:38:20.867" v="298"/>
          <ac:spMkLst>
            <pc:docMk/>
            <pc:sldMk cId="2376958513" sldId="260"/>
            <ac:spMk id="12558" creationId="{40130255-CEEA-A7C6-31C3-2753DD8D301B}"/>
          </ac:spMkLst>
        </pc:spChg>
        <pc:spChg chg="mod">
          <ac:chgData name="White, Alex" userId="eff6cc8c-37d8-483b-9c6c-6b27e9afa9bc" providerId="ADAL" clId="{BF04C754-5BF4-4E83-9615-DB14FA25AF8A}" dt="2023-10-12T11:38:20.867" v="298"/>
          <ac:spMkLst>
            <pc:docMk/>
            <pc:sldMk cId="2376958513" sldId="260"/>
            <ac:spMk id="12559" creationId="{D1EAC2A7-BBCB-0AD4-6FD6-A861D210248E}"/>
          </ac:spMkLst>
        </pc:spChg>
        <pc:spChg chg="mod">
          <ac:chgData name="White, Alex" userId="eff6cc8c-37d8-483b-9c6c-6b27e9afa9bc" providerId="ADAL" clId="{BF04C754-5BF4-4E83-9615-DB14FA25AF8A}" dt="2023-10-12T11:38:20.867" v="298"/>
          <ac:spMkLst>
            <pc:docMk/>
            <pc:sldMk cId="2376958513" sldId="260"/>
            <ac:spMk id="12560" creationId="{840D6B57-E983-3BA4-1F6C-918C46033414}"/>
          </ac:spMkLst>
        </pc:spChg>
        <pc:spChg chg="mod">
          <ac:chgData name="White, Alex" userId="eff6cc8c-37d8-483b-9c6c-6b27e9afa9bc" providerId="ADAL" clId="{BF04C754-5BF4-4E83-9615-DB14FA25AF8A}" dt="2023-10-12T11:38:20.867" v="298"/>
          <ac:spMkLst>
            <pc:docMk/>
            <pc:sldMk cId="2376958513" sldId="260"/>
            <ac:spMk id="12561" creationId="{7CCF2363-7E48-1C4B-AAB6-B19F66AC816E}"/>
          </ac:spMkLst>
        </pc:spChg>
        <pc:spChg chg="mod">
          <ac:chgData name="White, Alex" userId="eff6cc8c-37d8-483b-9c6c-6b27e9afa9bc" providerId="ADAL" clId="{BF04C754-5BF4-4E83-9615-DB14FA25AF8A}" dt="2023-10-12T11:38:20.867" v="298"/>
          <ac:spMkLst>
            <pc:docMk/>
            <pc:sldMk cId="2376958513" sldId="260"/>
            <ac:spMk id="12562" creationId="{35FE3EC1-3774-93CE-B7D9-1361F88BD5A4}"/>
          </ac:spMkLst>
        </pc:spChg>
        <pc:spChg chg="mod">
          <ac:chgData name="White, Alex" userId="eff6cc8c-37d8-483b-9c6c-6b27e9afa9bc" providerId="ADAL" clId="{BF04C754-5BF4-4E83-9615-DB14FA25AF8A}" dt="2023-10-12T11:38:20.867" v="298"/>
          <ac:spMkLst>
            <pc:docMk/>
            <pc:sldMk cId="2376958513" sldId="260"/>
            <ac:spMk id="12563" creationId="{EE58508D-72F1-4259-81C5-09252E97EBFC}"/>
          </ac:spMkLst>
        </pc:spChg>
        <pc:spChg chg="mod">
          <ac:chgData name="White, Alex" userId="eff6cc8c-37d8-483b-9c6c-6b27e9afa9bc" providerId="ADAL" clId="{BF04C754-5BF4-4E83-9615-DB14FA25AF8A}" dt="2023-10-12T11:38:20.867" v="298"/>
          <ac:spMkLst>
            <pc:docMk/>
            <pc:sldMk cId="2376958513" sldId="260"/>
            <ac:spMk id="12564" creationId="{0EF57727-2AA7-D9D4-4F03-EE31EFA7676D}"/>
          </ac:spMkLst>
        </pc:spChg>
        <pc:spChg chg="mod">
          <ac:chgData name="White, Alex" userId="eff6cc8c-37d8-483b-9c6c-6b27e9afa9bc" providerId="ADAL" clId="{BF04C754-5BF4-4E83-9615-DB14FA25AF8A}" dt="2023-10-12T11:38:20.867" v="298"/>
          <ac:spMkLst>
            <pc:docMk/>
            <pc:sldMk cId="2376958513" sldId="260"/>
            <ac:spMk id="12565" creationId="{26B2D44F-3C98-A37D-0CB9-9A1CBC9C7314}"/>
          </ac:spMkLst>
        </pc:spChg>
        <pc:spChg chg="mod">
          <ac:chgData name="White, Alex" userId="eff6cc8c-37d8-483b-9c6c-6b27e9afa9bc" providerId="ADAL" clId="{BF04C754-5BF4-4E83-9615-DB14FA25AF8A}" dt="2023-10-12T11:38:20.867" v="298"/>
          <ac:spMkLst>
            <pc:docMk/>
            <pc:sldMk cId="2376958513" sldId="260"/>
            <ac:spMk id="12566" creationId="{DC774B86-E699-53AF-BA63-AAAB67398994}"/>
          </ac:spMkLst>
        </pc:spChg>
        <pc:spChg chg="mod">
          <ac:chgData name="White, Alex" userId="eff6cc8c-37d8-483b-9c6c-6b27e9afa9bc" providerId="ADAL" clId="{BF04C754-5BF4-4E83-9615-DB14FA25AF8A}" dt="2023-10-12T11:38:20.867" v="298"/>
          <ac:spMkLst>
            <pc:docMk/>
            <pc:sldMk cId="2376958513" sldId="260"/>
            <ac:spMk id="12567" creationId="{07E1F32D-986C-4393-AFD4-3D588E7784DE}"/>
          </ac:spMkLst>
        </pc:spChg>
        <pc:spChg chg="mod">
          <ac:chgData name="White, Alex" userId="eff6cc8c-37d8-483b-9c6c-6b27e9afa9bc" providerId="ADAL" clId="{BF04C754-5BF4-4E83-9615-DB14FA25AF8A}" dt="2023-10-12T11:38:20.867" v="298"/>
          <ac:spMkLst>
            <pc:docMk/>
            <pc:sldMk cId="2376958513" sldId="260"/>
            <ac:spMk id="12568" creationId="{32EE4333-421D-6F80-FF6B-BF8E91FA3873}"/>
          </ac:spMkLst>
        </pc:spChg>
        <pc:spChg chg="mod">
          <ac:chgData name="White, Alex" userId="eff6cc8c-37d8-483b-9c6c-6b27e9afa9bc" providerId="ADAL" clId="{BF04C754-5BF4-4E83-9615-DB14FA25AF8A}" dt="2023-10-12T11:38:20.867" v="298"/>
          <ac:spMkLst>
            <pc:docMk/>
            <pc:sldMk cId="2376958513" sldId="260"/>
            <ac:spMk id="12569" creationId="{951FE115-CDA2-2B52-51D5-BE0767B4DD0E}"/>
          </ac:spMkLst>
        </pc:spChg>
        <pc:spChg chg="mod">
          <ac:chgData name="White, Alex" userId="eff6cc8c-37d8-483b-9c6c-6b27e9afa9bc" providerId="ADAL" clId="{BF04C754-5BF4-4E83-9615-DB14FA25AF8A}" dt="2023-10-12T11:38:20.867" v="298"/>
          <ac:spMkLst>
            <pc:docMk/>
            <pc:sldMk cId="2376958513" sldId="260"/>
            <ac:spMk id="12570" creationId="{0E448A34-44F8-D399-34DC-7F5DAA20EE1A}"/>
          </ac:spMkLst>
        </pc:spChg>
        <pc:spChg chg="mod">
          <ac:chgData name="White, Alex" userId="eff6cc8c-37d8-483b-9c6c-6b27e9afa9bc" providerId="ADAL" clId="{BF04C754-5BF4-4E83-9615-DB14FA25AF8A}" dt="2023-10-12T11:38:20.867" v="298"/>
          <ac:spMkLst>
            <pc:docMk/>
            <pc:sldMk cId="2376958513" sldId="260"/>
            <ac:spMk id="12571" creationId="{65716DBA-D6DE-C198-4B4D-CABD26B19A75}"/>
          </ac:spMkLst>
        </pc:spChg>
        <pc:spChg chg="mod">
          <ac:chgData name="White, Alex" userId="eff6cc8c-37d8-483b-9c6c-6b27e9afa9bc" providerId="ADAL" clId="{BF04C754-5BF4-4E83-9615-DB14FA25AF8A}" dt="2023-10-12T11:38:20.867" v="298"/>
          <ac:spMkLst>
            <pc:docMk/>
            <pc:sldMk cId="2376958513" sldId="260"/>
            <ac:spMk id="12572" creationId="{90CC1466-2ACB-1A1B-8DF2-F8D162541D82}"/>
          </ac:spMkLst>
        </pc:spChg>
        <pc:spChg chg="mod">
          <ac:chgData name="White, Alex" userId="eff6cc8c-37d8-483b-9c6c-6b27e9afa9bc" providerId="ADAL" clId="{BF04C754-5BF4-4E83-9615-DB14FA25AF8A}" dt="2023-10-12T11:38:20.867" v="298"/>
          <ac:spMkLst>
            <pc:docMk/>
            <pc:sldMk cId="2376958513" sldId="260"/>
            <ac:spMk id="12573" creationId="{58AE478E-52A0-3336-C6DD-D66254CFFCE2}"/>
          </ac:spMkLst>
        </pc:spChg>
        <pc:spChg chg="mod">
          <ac:chgData name="White, Alex" userId="eff6cc8c-37d8-483b-9c6c-6b27e9afa9bc" providerId="ADAL" clId="{BF04C754-5BF4-4E83-9615-DB14FA25AF8A}" dt="2023-10-12T11:38:20.867" v="298"/>
          <ac:spMkLst>
            <pc:docMk/>
            <pc:sldMk cId="2376958513" sldId="260"/>
            <ac:spMk id="12574" creationId="{9F233BDB-691E-0A57-D475-B8E8D588E23F}"/>
          </ac:spMkLst>
        </pc:spChg>
        <pc:spChg chg="mod">
          <ac:chgData name="White, Alex" userId="eff6cc8c-37d8-483b-9c6c-6b27e9afa9bc" providerId="ADAL" clId="{BF04C754-5BF4-4E83-9615-DB14FA25AF8A}" dt="2023-10-12T11:38:20.867" v="298"/>
          <ac:spMkLst>
            <pc:docMk/>
            <pc:sldMk cId="2376958513" sldId="260"/>
            <ac:spMk id="12575" creationId="{0D762BD8-39E0-2A85-08F7-E6A333A6AFEA}"/>
          </ac:spMkLst>
        </pc:spChg>
        <pc:spChg chg="mod">
          <ac:chgData name="White, Alex" userId="eff6cc8c-37d8-483b-9c6c-6b27e9afa9bc" providerId="ADAL" clId="{BF04C754-5BF4-4E83-9615-DB14FA25AF8A}" dt="2023-10-12T11:38:20.867" v="298"/>
          <ac:spMkLst>
            <pc:docMk/>
            <pc:sldMk cId="2376958513" sldId="260"/>
            <ac:spMk id="12576" creationId="{FC36CE88-F16A-9B27-1B03-ECAEF0840C32}"/>
          </ac:spMkLst>
        </pc:spChg>
        <pc:spChg chg="mod">
          <ac:chgData name="White, Alex" userId="eff6cc8c-37d8-483b-9c6c-6b27e9afa9bc" providerId="ADAL" clId="{BF04C754-5BF4-4E83-9615-DB14FA25AF8A}" dt="2023-10-12T11:38:20.867" v="298"/>
          <ac:spMkLst>
            <pc:docMk/>
            <pc:sldMk cId="2376958513" sldId="260"/>
            <ac:spMk id="12577" creationId="{DBC2FAB1-D3DD-988D-7B7B-73E60E956A3B}"/>
          </ac:spMkLst>
        </pc:spChg>
        <pc:spChg chg="mod">
          <ac:chgData name="White, Alex" userId="eff6cc8c-37d8-483b-9c6c-6b27e9afa9bc" providerId="ADAL" clId="{BF04C754-5BF4-4E83-9615-DB14FA25AF8A}" dt="2023-10-12T11:38:20.867" v="298"/>
          <ac:spMkLst>
            <pc:docMk/>
            <pc:sldMk cId="2376958513" sldId="260"/>
            <ac:spMk id="12578" creationId="{D8B9F13B-7AD6-4D22-00EF-E5B922B5687A}"/>
          </ac:spMkLst>
        </pc:spChg>
        <pc:spChg chg="mod">
          <ac:chgData name="White, Alex" userId="eff6cc8c-37d8-483b-9c6c-6b27e9afa9bc" providerId="ADAL" clId="{BF04C754-5BF4-4E83-9615-DB14FA25AF8A}" dt="2023-10-12T11:38:20.867" v="298"/>
          <ac:spMkLst>
            <pc:docMk/>
            <pc:sldMk cId="2376958513" sldId="260"/>
            <ac:spMk id="12579" creationId="{8D4D96BF-5FB7-F04D-A2E8-4F46BE200736}"/>
          </ac:spMkLst>
        </pc:spChg>
        <pc:spChg chg="mod">
          <ac:chgData name="White, Alex" userId="eff6cc8c-37d8-483b-9c6c-6b27e9afa9bc" providerId="ADAL" clId="{BF04C754-5BF4-4E83-9615-DB14FA25AF8A}" dt="2023-10-12T11:38:20.867" v="298"/>
          <ac:spMkLst>
            <pc:docMk/>
            <pc:sldMk cId="2376958513" sldId="260"/>
            <ac:spMk id="12580" creationId="{0FE046B3-10D4-63CF-6A5A-5A0374E134B9}"/>
          </ac:spMkLst>
        </pc:spChg>
        <pc:spChg chg="mod">
          <ac:chgData name="White, Alex" userId="eff6cc8c-37d8-483b-9c6c-6b27e9afa9bc" providerId="ADAL" clId="{BF04C754-5BF4-4E83-9615-DB14FA25AF8A}" dt="2023-10-12T11:38:20.867" v="298"/>
          <ac:spMkLst>
            <pc:docMk/>
            <pc:sldMk cId="2376958513" sldId="260"/>
            <ac:spMk id="12581" creationId="{4B33741A-C112-4B71-DADE-2364CC75ED17}"/>
          </ac:spMkLst>
        </pc:spChg>
        <pc:spChg chg="mod">
          <ac:chgData name="White, Alex" userId="eff6cc8c-37d8-483b-9c6c-6b27e9afa9bc" providerId="ADAL" clId="{BF04C754-5BF4-4E83-9615-DB14FA25AF8A}" dt="2023-10-12T11:38:20.867" v="298"/>
          <ac:spMkLst>
            <pc:docMk/>
            <pc:sldMk cId="2376958513" sldId="260"/>
            <ac:spMk id="12582" creationId="{054DB2C0-193D-25A9-B690-656D3F6A6DD4}"/>
          </ac:spMkLst>
        </pc:spChg>
        <pc:spChg chg="mod">
          <ac:chgData name="White, Alex" userId="eff6cc8c-37d8-483b-9c6c-6b27e9afa9bc" providerId="ADAL" clId="{BF04C754-5BF4-4E83-9615-DB14FA25AF8A}" dt="2023-10-12T11:38:20.867" v="298"/>
          <ac:spMkLst>
            <pc:docMk/>
            <pc:sldMk cId="2376958513" sldId="260"/>
            <ac:spMk id="12583" creationId="{AD688902-8DE4-E6CA-2444-3127E8F2BDBF}"/>
          </ac:spMkLst>
        </pc:spChg>
        <pc:spChg chg="mod">
          <ac:chgData name="White, Alex" userId="eff6cc8c-37d8-483b-9c6c-6b27e9afa9bc" providerId="ADAL" clId="{BF04C754-5BF4-4E83-9615-DB14FA25AF8A}" dt="2023-10-12T11:38:20.867" v="298"/>
          <ac:spMkLst>
            <pc:docMk/>
            <pc:sldMk cId="2376958513" sldId="260"/>
            <ac:spMk id="12584" creationId="{1A38142D-4DD7-647A-19FE-271DF3C0A948}"/>
          </ac:spMkLst>
        </pc:spChg>
        <pc:spChg chg="mod">
          <ac:chgData name="White, Alex" userId="eff6cc8c-37d8-483b-9c6c-6b27e9afa9bc" providerId="ADAL" clId="{BF04C754-5BF4-4E83-9615-DB14FA25AF8A}" dt="2023-10-12T11:38:20.867" v="298"/>
          <ac:spMkLst>
            <pc:docMk/>
            <pc:sldMk cId="2376958513" sldId="260"/>
            <ac:spMk id="12585" creationId="{7396BFAB-B6E6-78F4-4AD9-0E5D62A5010E}"/>
          </ac:spMkLst>
        </pc:spChg>
        <pc:spChg chg="mod">
          <ac:chgData name="White, Alex" userId="eff6cc8c-37d8-483b-9c6c-6b27e9afa9bc" providerId="ADAL" clId="{BF04C754-5BF4-4E83-9615-DB14FA25AF8A}" dt="2023-10-12T11:38:20.867" v="298"/>
          <ac:spMkLst>
            <pc:docMk/>
            <pc:sldMk cId="2376958513" sldId="260"/>
            <ac:spMk id="12586" creationId="{07A77B1B-2D1B-AF61-DBD4-88B329FA32AD}"/>
          </ac:spMkLst>
        </pc:spChg>
        <pc:spChg chg="mod">
          <ac:chgData name="White, Alex" userId="eff6cc8c-37d8-483b-9c6c-6b27e9afa9bc" providerId="ADAL" clId="{BF04C754-5BF4-4E83-9615-DB14FA25AF8A}" dt="2023-10-12T11:38:20.867" v="298"/>
          <ac:spMkLst>
            <pc:docMk/>
            <pc:sldMk cId="2376958513" sldId="260"/>
            <ac:spMk id="12587" creationId="{B789848A-DC93-C2BC-F4BD-3F206B344D92}"/>
          </ac:spMkLst>
        </pc:spChg>
        <pc:spChg chg="mod">
          <ac:chgData name="White, Alex" userId="eff6cc8c-37d8-483b-9c6c-6b27e9afa9bc" providerId="ADAL" clId="{BF04C754-5BF4-4E83-9615-DB14FA25AF8A}" dt="2023-10-12T11:38:20.867" v="298"/>
          <ac:spMkLst>
            <pc:docMk/>
            <pc:sldMk cId="2376958513" sldId="260"/>
            <ac:spMk id="12588" creationId="{DBC82485-4022-3A01-52EE-2C8A1E9F6A37}"/>
          </ac:spMkLst>
        </pc:spChg>
        <pc:spChg chg="mod">
          <ac:chgData name="White, Alex" userId="eff6cc8c-37d8-483b-9c6c-6b27e9afa9bc" providerId="ADAL" clId="{BF04C754-5BF4-4E83-9615-DB14FA25AF8A}" dt="2023-10-12T11:38:20.867" v="298"/>
          <ac:spMkLst>
            <pc:docMk/>
            <pc:sldMk cId="2376958513" sldId="260"/>
            <ac:spMk id="12589" creationId="{01404A5D-18FB-4CF7-42CE-811B8CBECBA2}"/>
          </ac:spMkLst>
        </pc:spChg>
        <pc:spChg chg="mod">
          <ac:chgData name="White, Alex" userId="eff6cc8c-37d8-483b-9c6c-6b27e9afa9bc" providerId="ADAL" clId="{BF04C754-5BF4-4E83-9615-DB14FA25AF8A}" dt="2023-10-12T11:38:20.867" v="298"/>
          <ac:spMkLst>
            <pc:docMk/>
            <pc:sldMk cId="2376958513" sldId="260"/>
            <ac:spMk id="12590" creationId="{08207254-F329-8DA9-AEA7-E2AB8DC7E785}"/>
          </ac:spMkLst>
        </pc:spChg>
        <pc:spChg chg="mod">
          <ac:chgData name="White, Alex" userId="eff6cc8c-37d8-483b-9c6c-6b27e9afa9bc" providerId="ADAL" clId="{BF04C754-5BF4-4E83-9615-DB14FA25AF8A}" dt="2023-10-12T11:38:20.867" v="298"/>
          <ac:spMkLst>
            <pc:docMk/>
            <pc:sldMk cId="2376958513" sldId="260"/>
            <ac:spMk id="12591" creationId="{96611123-0E15-CF28-BBB2-5EAFA4984E36}"/>
          </ac:spMkLst>
        </pc:spChg>
        <pc:spChg chg="mod">
          <ac:chgData name="White, Alex" userId="eff6cc8c-37d8-483b-9c6c-6b27e9afa9bc" providerId="ADAL" clId="{BF04C754-5BF4-4E83-9615-DB14FA25AF8A}" dt="2023-10-12T11:38:20.867" v="298"/>
          <ac:spMkLst>
            <pc:docMk/>
            <pc:sldMk cId="2376958513" sldId="260"/>
            <ac:spMk id="12592" creationId="{C063BC12-6B95-C2FB-A34D-2CE1432F7108}"/>
          </ac:spMkLst>
        </pc:spChg>
        <pc:spChg chg="mod">
          <ac:chgData name="White, Alex" userId="eff6cc8c-37d8-483b-9c6c-6b27e9afa9bc" providerId="ADAL" clId="{BF04C754-5BF4-4E83-9615-DB14FA25AF8A}" dt="2023-10-12T11:38:20.867" v="298"/>
          <ac:spMkLst>
            <pc:docMk/>
            <pc:sldMk cId="2376958513" sldId="260"/>
            <ac:spMk id="12593" creationId="{50C585A2-69D4-E80C-0E37-02C791407C2E}"/>
          </ac:spMkLst>
        </pc:spChg>
        <pc:spChg chg="mod">
          <ac:chgData name="White, Alex" userId="eff6cc8c-37d8-483b-9c6c-6b27e9afa9bc" providerId="ADAL" clId="{BF04C754-5BF4-4E83-9615-DB14FA25AF8A}" dt="2023-10-12T11:38:20.867" v="298"/>
          <ac:spMkLst>
            <pc:docMk/>
            <pc:sldMk cId="2376958513" sldId="260"/>
            <ac:spMk id="12594" creationId="{381C6601-0E4F-DDA3-2D95-7DC954208A6E}"/>
          </ac:spMkLst>
        </pc:spChg>
        <pc:spChg chg="mod">
          <ac:chgData name="White, Alex" userId="eff6cc8c-37d8-483b-9c6c-6b27e9afa9bc" providerId="ADAL" clId="{BF04C754-5BF4-4E83-9615-DB14FA25AF8A}" dt="2023-10-12T11:38:20.867" v="298"/>
          <ac:spMkLst>
            <pc:docMk/>
            <pc:sldMk cId="2376958513" sldId="260"/>
            <ac:spMk id="12595" creationId="{FC44FC34-034A-FBD6-4636-A1C26EC2DF2E}"/>
          </ac:spMkLst>
        </pc:spChg>
        <pc:spChg chg="mod">
          <ac:chgData name="White, Alex" userId="eff6cc8c-37d8-483b-9c6c-6b27e9afa9bc" providerId="ADAL" clId="{BF04C754-5BF4-4E83-9615-DB14FA25AF8A}" dt="2023-10-12T11:38:20.867" v="298"/>
          <ac:spMkLst>
            <pc:docMk/>
            <pc:sldMk cId="2376958513" sldId="260"/>
            <ac:spMk id="12596" creationId="{E7B3AE99-8DD3-6337-EFCC-0EF2C654374A}"/>
          </ac:spMkLst>
        </pc:spChg>
        <pc:spChg chg="mod">
          <ac:chgData name="White, Alex" userId="eff6cc8c-37d8-483b-9c6c-6b27e9afa9bc" providerId="ADAL" clId="{BF04C754-5BF4-4E83-9615-DB14FA25AF8A}" dt="2023-10-12T11:38:20.867" v="298"/>
          <ac:spMkLst>
            <pc:docMk/>
            <pc:sldMk cId="2376958513" sldId="260"/>
            <ac:spMk id="12597" creationId="{1C4A6CF4-F2D3-BDAE-0A12-D1247F68FAA7}"/>
          </ac:spMkLst>
        </pc:spChg>
        <pc:spChg chg="mod">
          <ac:chgData name="White, Alex" userId="eff6cc8c-37d8-483b-9c6c-6b27e9afa9bc" providerId="ADAL" clId="{BF04C754-5BF4-4E83-9615-DB14FA25AF8A}" dt="2023-10-12T11:38:20.867" v="298"/>
          <ac:spMkLst>
            <pc:docMk/>
            <pc:sldMk cId="2376958513" sldId="260"/>
            <ac:spMk id="12598" creationId="{F1E567EC-9657-B659-4A71-093E4A65E452}"/>
          </ac:spMkLst>
        </pc:spChg>
        <pc:spChg chg="mod">
          <ac:chgData name="White, Alex" userId="eff6cc8c-37d8-483b-9c6c-6b27e9afa9bc" providerId="ADAL" clId="{BF04C754-5BF4-4E83-9615-DB14FA25AF8A}" dt="2023-10-12T11:38:20.867" v="298"/>
          <ac:spMkLst>
            <pc:docMk/>
            <pc:sldMk cId="2376958513" sldId="260"/>
            <ac:spMk id="12599" creationId="{7769132B-657D-B6F8-255A-B8460B98DAC6}"/>
          </ac:spMkLst>
        </pc:spChg>
        <pc:spChg chg="mod">
          <ac:chgData name="White, Alex" userId="eff6cc8c-37d8-483b-9c6c-6b27e9afa9bc" providerId="ADAL" clId="{BF04C754-5BF4-4E83-9615-DB14FA25AF8A}" dt="2023-10-12T11:38:20.867" v="298"/>
          <ac:spMkLst>
            <pc:docMk/>
            <pc:sldMk cId="2376958513" sldId="260"/>
            <ac:spMk id="12600" creationId="{658039F6-7993-EA18-CBCB-C756F0BB3FEA}"/>
          </ac:spMkLst>
        </pc:spChg>
        <pc:spChg chg="mod">
          <ac:chgData name="White, Alex" userId="eff6cc8c-37d8-483b-9c6c-6b27e9afa9bc" providerId="ADAL" clId="{BF04C754-5BF4-4E83-9615-DB14FA25AF8A}" dt="2023-10-12T11:38:20.867" v="298"/>
          <ac:spMkLst>
            <pc:docMk/>
            <pc:sldMk cId="2376958513" sldId="260"/>
            <ac:spMk id="12601" creationId="{9CDE81F9-D10B-A3DD-EBBE-4263603E324A}"/>
          </ac:spMkLst>
        </pc:spChg>
        <pc:spChg chg="mod">
          <ac:chgData name="White, Alex" userId="eff6cc8c-37d8-483b-9c6c-6b27e9afa9bc" providerId="ADAL" clId="{BF04C754-5BF4-4E83-9615-DB14FA25AF8A}" dt="2023-10-12T11:38:20.867" v="298"/>
          <ac:spMkLst>
            <pc:docMk/>
            <pc:sldMk cId="2376958513" sldId="260"/>
            <ac:spMk id="12602" creationId="{F4B6A5BE-33A5-7D9E-7E36-2923172E2B83}"/>
          </ac:spMkLst>
        </pc:spChg>
        <pc:spChg chg="mod">
          <ac:chgData name="White, Alex" userId="eff6cc8c-37d8-483b-9c6c-6b27e9afa9bc" providerId="ADAL" clId="{BF04C754-5BF4-4E83-9615-DB14FA25AF8A}" dt="2023-10-12T11:38:20.867" v="298"/>
          <ac:spMkLst>
            <pc:docMk/>
            <pc:sldMk cId="2376958513" sldId="260"/>
            <ac:spMk id="12603" creationId="{9457D504-3140-AE1B-E4D4-E4E6C44FFB31}"/>
          </ac:spMkLst>
        </pc:spChg>
        <pc:spChg chg="mod">
          <ac:chgData name="White, Alex" userId="eff6cc8c-37d8-483b-9c6c-6b27e9afa9bc" providerId="ADAL" clId="{BF04C754-5BF4-4E83-9615-DB14FA25AF8A}" dt="2023-10-12T11:38:20.867" v="298"/>
          <ac:spMkLst>
            <pc:docMk/>
            <pc:sldMk cId="2376958513" sldId="260"/>
            <ac:spMk id="12604" creationId="{0A8D7E53-5737-0311-1D57-433B20250AE3}"/>
          </ac:spMkLst>
        </pc:spChg>
        <pc:spChg chg="mod">
          <ac:chgData name="White, Alex" userId="eff6cc8c-37d8-483b-9c6c-6b27e9afa9bc" providerId="ADAL" clId="{BF04C754-5BF4-4E83-9615-DB14FA25AF8A}" dt="2023-10-12T11:38:20.867" v="298"/>
          <ac:spMkLst>
            <pc:docMk/>
            <pc:sldMk cId="2376958513" sldId="260"/>
            <ac:spMk id="12605" creationId="{BFAF9BFA-6712-4CA1-C4FB-7756905CA4DC}"/>
          </ac:spMkLst>
        </pc:spChg>
        <pc:spChg chg="mod">
          <ac:chgData name="White, Alex" userId="eff6cc8c-37d8-483b-9c6c-6b27e9afa9bc" providerId="ADAL" clId="{BF04C754-5BF4-4E83-9615-DB14FA25AF8A}" dt="2023-10-12T11:38:20.867" v="298"/>
          <ac:spMkLst>
            <pc:docMk/>
            <pc:sldMk cId="2376958513" sldId="260"/>
            <ac:spMk id="12606" creationId="{DFFEE78E-F519-E776-A040-8BC81C12A84F}"/>
          </ac:spMkLst>
        </pc:spChg>
        <pc:spChg chg="mod">
          <ac:chgData name="White, Alex" userId="eff6cc8c-37d8-483b-9c6c-6b27e9afa9bc" providerId="ADAL" clId="{BF04C754-5BF4-4E83-9615-DB14FA25AF8A}" dt="2023-10-12T11:38:20.867" v="298"/>
          <ac:spMkLst>
            <pc:docMk/>
            <pc:sldMk cId="2376958513" sldId="260"/>
            <ac:spMk id="12607" creationId="{B0D70030-774A-C303-00FF-47F6A4BBB083}"/>
          </ac:spMkLst>
        </pc:spChg>
        <pc:spChg chg="mod">
          <ac:chgData name="White, Alex" userId="eff6cc8c-37d8-483b-9c6c-6b27e9afa9bc" providerId="ADAL" clId="{BF04C754-5BF4-4E83-9615-DB14FA25AF8A}" dt="2023-10-12T11:38:20.867" v="298"/>
          <ac:spMkLst>
            <pc:docMk/>
            <pc:sldMk cId="2376958513" sldId="260"/>
            <ac:spMk id="12608" creationId="{D04C609A-9DF3-8D86-1906-23142FF731B8}"/>
          </ac:spMkLst>
        </pc:spChg>
        <pc:spChg chg="mod">
          <ac:chgData name="White, Alex" userId="eff6cc8c-37d8-483b-9c6c-6b27e9afa9bc" providerId="ADAL" clId="{BF04C754-5BF4-4E83-9615-DB14FA25AF8A}" dt="2023-10-12T11:38:20.867" v="298"/>
          <ac:spMkLst>
            <pc:docMk/>
            <pc:sldMk cId="2376958513" sldId="260"/>
            <ac:spMk id="12609" creationId="{E7A72180-85DC-FFEE-D102-611D00B158EC}"/>
          </ac:spMkLst>
        </pc:spChg>
        <pc:spChg chg="mod">
          <ac:chgData name="White, Alex" userId="eff6cc8c-37d8-483b-9c6c-6b27e9afa9bc" providerId="ADAL" clId="{BF04C754-5BF4-4E83-9615-DB14FA25AF8A}" dt="2023-10-12T11:38:20.867" v="298"/>
          <ac:spMkLst>
            <pc:docMk/>
            <pc:sldMk cId="2376958513" sldId="260"/>
            <ac:spMk id="12610" creationId="{F5D3C23E-D55B-97A9-18E9-CC61F525B00D}"/>
          </ac:spMkLst>
        </pc:spChg>
        <pc:spChg chg="mod">
          <ac:chgData name="White, Alex" userId="eff6cc8c-37d8-483b-9c6c-6b27e9afa9bc" providerId="ADAL" clId="{BF04C754-5BF4-4E83-9615-DB14FA25AF8A}" dt="2023-10-12T11:38:20.867" v="298"/>
          <ac:spMkLst>
            <pc:docMk/>
            <pc:sldMk cId="2376958513" sldId="260"/>
            <ac:spMk id="12611" creationId="{F8A9626F-08BE-F802-1F92-DC37B3897A5E}"/>
          </ac:spMkLst>
        </pc:spChg>
        <pc:spChg chg="mod">
          <ac:chgData name="White, Alex" userId="eff6cc8c-37d8-483b-9c6c-6b27e9afa9bc" providerId="ADAL" clId="{BF04C754-5BF4-4E83-9615-DB14FA25AF8A}" dt="2023-10-12T11:38:20.867" v="298"/>
          <ac:spMkLst>
            <pc:docMk/>
            <pc:sldMk cId="2376958513" sldId="260"/>
            <ac:spMk id="12612" creationId="{37DFC16C-902D-3C1D-7BEB-DED931C98A03}"/>
          </ac:spMkLst>
        </pc:spChg>
        <pc:spChg chg="mod">
          <ac:chgData name="White, Alex" userId="eff6cc8c-37d8-483b-9c6c-6b27e9afa9bc" providerId="ADAL" clId="{BF04C754-5BF4-4E83-9615-DB14FA25AF8A}" dt="2023-10-12T11:38:20.867" v="298"/>
          <ac:spMkLst>
            <pc:docMk/>
            <pc:sldMk cId="2376958513" sldId="260"/>
            <ac:spMk id="12613" creationId="{45BBAD04-CDB3-77DD-29F1-9ED3371327F0}"/>
          </ac:spMkLst>
        </pc:spChg>
        <pc:spChg chg="mod">
          <ac:chgData name="White, Alex" userId="eff6cc8c-37d8-483b-9c6c-6b27e9afa9bc" providerId="ADAL" clId="{BF04C754-5BF4-4E83-9615-DB14FA25AF8A}" dt="2023-10-12T11:38:20.867" v="298"/>
          <ac:spMkLst>
            <pc:docMk/>
            <pc:sldMk cId="2376958513" sldId="260"/>
            <ac:spMk id="12614" creationId="{132963F9-0A35-05F2-B12C-A5BA80058F20}"/>
          </ac:spMkLst>
        </pc:spChg>
        <pc:spChg chg="mod">
          <ac:chgData name="White, Alex" userId="eff6cc8c-37d8-483b-9c6c-6b27e9afa9bc" providerId="ADAL" clId="{BF04C754-5BF4-4E83-9615-DB14FA25AF8A}" dt="2023-10-12T11:38:20.867" v="298"/>
          <ac:spMkLst>
            <pc:docMk/>
            <pc:sldMk cId="2376958513" sldId="260"/>
            <ac:spMk id="12615" creationId="{EF984179-4751-BAB5-6EC1-A173BEEEF4FA}"/>
          </ac:spMkLst>
        </pc:spChg>
        <pc:spChg chg="mod">
          <ac:chgData name="White, Alex" userId="eff6cc8c-37d8-483b-9c6c-6b27e9afa9bc" providerId="ADAL" clId="{BF04C754-5BF4-4E83-9615-DB14FA25AF8A}" dt="2023-10-12T11:38:20.867" v="298"/>
          <ac:spMkLst>
            <pc:docMk/>
            <pc:sldMk cId="2376958513" sldId="260"/>
            <ac:spMk id="12616" creationId="{9F7EBD28-8EEA-6081-6533-6F26081F3E7E}"/>
          </ac:spMkLst>
        </pc:spChg>
        <pc:spChg chg="mod">
          <ac:chgData name="White, Alex" userId="eff6cc8c-37d8-483b-9c6c-6b27e9afa9bc" providerId="ADAL" clId="{BF04C754-5BF4-4E83-9615-DB14FA25AF8A}" dt="2023-10-12T11:38:20.867" v="298"/>
          <ac:spMkLst>
            <pc:docMk/>
            <pc:sldMk cId="2376958513" sldId="260"/>
            <ac:spMk id="12617" creationId="{C708AD10-E4E9-1A4F-0317-92C82315BE90}"/>
          </ac:spMkLst>
        </pc:spChg>
        <pc:spChg chg="mod">
          <ac:chgData name="White, Alex" userId="eff6cc8c-37d8-483b-9c6c-6b27e9afa9bc" providerId="ADAL" clId="{BF04C754-5BF4-4E83-9615-DB14FA25AF8A}" dt="2023-10-12T11:38:20.867" v="298"/>
          <ac:spMkLst>
            <pc:docMk/>
            <pc:sldMk cId="2376958513" sldId="260"/>
            <ac:spMk id="12618" creationId="{040572CB-072D-5A38-B28B-D9A2EE5C11BB}"/>
          </ac:spMkLst>
        </pc:spChg>
        <pc:spChg chg="mod">
          <ac:chgData name="White, Alex" userId="eff6cc8c-37d8-483b-9c6c-6b27e9afa9bc" providerId="ADAL" clId="{BF04C754-5BF4-4E83-9615-DB14FA25AF8A}" dt="2023-10-12T11:38:20.867" v="298"/>
          <ac:spMkLst>
            <pc:docMk/>
            <pc:sldMk cId="2376958513" sldId="260"/>
            <ac:spMk id="12619" creationId="{6CA35D98-D246-D3DD-12E0-EA0BDFD7893D}"/>
          </ac:spMkLst>
        </pc:spChg>
        <pc:spChg chg="mod">
          <ac:chgData name="White, Alex" userId="eff6cc8c-37d8-483b-9c6c-6b27e9afa9bc" providerId="ADAL" clId="{BF04C754-5BF4-4E83-9615-DB14FA25AF8A}" dt="2023-10-12T11:38:20.867" v="298"/>
          <ac:spMkLst>
            <pc:docMk/>
            <pc:sldMk cId="2376958513" sldId="260"/>
            <ac:spMk id="12620" creationId="{FE2246F5-E1BD-4637-47B3-FEFA6AE939BD}"/>
          </ac:spMkLst>
        </pc:spChg>
        <pc:spChg chg="mod">
          <ac:chgData name="White, Alex" userId="eff6cc8c-37d8-483b-9c6c-6b27e9afa9bc" providerId="ADAL" clId="{BF04C754-5BF4-4E83-9615-DB14FA25AF8A}" dt="2023-10-12T11:38:20.867" v="298"/>
          <ac:spMkLst>
            <pc:docMk/>
            <pc:sldMk cId="2376958513" sldId="260"/>
            <ac:spMk id="12621" creationId="{0E46634C-F0A4-F6C8-6033-8F4435CC1E2A}"/>
          </ac:spMkLst>
        </pc:spChg>
        <pc:spChg chg="mod">
          <ac:chgData name="White, Alex" userId="eff6cc8c-37d8-483b-9c6c-6b27e9afa9bc" providerId="ADAL" clId="{BF04C754-5BF4-4E83-9615-DB14FA25AF8A}" dt="2023-10-12T11:38:20.867" v="298"/>
          <ac:spMkLst>
            <pc:docMk/>
            <pc:sldMk cId="2376958513" sldId="260"/>
            <ac:spMk id="12622" creationId="{F26E79B5-0627-61DB-FBB4-87E2DA18EA1C}"/>
          </ac:spMkLst>
        </pc:spChg>
        <pc:spChg chg="mod">
          <ac:chgData name="White, Alex" userId="eff6cc8c-37d8-483b-9c6c-6b27e9afa9bc" providerId="ADAL" clId="{BF04C754-5BF4-4E83-9615-DB14FA25AF8A}" dt="2023-10-12T11:38:20.867" v="298"/>
          <ac:spMkLst>
            <pc:docMk/>
            <pc:sldMk cId="2376958513" sldId="260"/>
            <ac:spMk id="12623" creationId="{07495E00-E387-58C0-A707-70EC3A6FA3F5}"/>
          </ac:spMkLst>
        </pc:spChg>
        <pc:spChg chg="mod">
          <ac:chgData name="White, Alex" userId="eff6cc8c-37d8-483b-9c6c-6b27e9afa9bc" providerId="ADAL" clId="{BF04C754-5BF4-4E83-9615-DB14FA25AF8A}" dt="2023-10-12T11:38:20.867" v="298"/>
          <ac:spMkLst>
            <pc:docMk/>
            <pc:sldMk cId="2376958513" sldId="260"/>
            <ac:spMk id="12624" creationId="{9A6E9F9A-3576-BFB7-B367-C0D63A8D558E}"/>
          </ac:spMkLst>
        </pc:spChg>
        <pc:spChg chg="mod">
          <ac:chgData name="White, Alex" userId="eff6cc8c-37d8-483b-9c6c-6b27e9afa9bc" providerId="ADAL" clId="{BF04C754-5BF4-4E83-9615-DB14FA25AF8A}" dt="2023-10-12T11:38:20.867" v="298"/>
          <ac:spMkLst>
            <pc:docMk/>
            <pc:sldMk cId="2376958513" sldId="260"/>
            <ac:spMk id="12625" creationId="{D709DD54-1377-7C67-2930-13DF3942966C}"/>
          </ac:spMkLst>
        </pc:spChg>
        <pc:spChg chg="mod">
          <ac:chgData name="White, Alex" userId="eff6cc8c-37d8-483b-9c6c-6b27e9afa9bc" providerId="ADAL" clId="{BF04C754-5BF4-4E83-9615-DB14FA25AF8A}" dt="2023-10-12T11:38:20.867" v="298"/>
          <ac:spMkLst>
            <pc:docMk/>
            <pc:sldMk cId="2376958513" sldId="260"/>
            <ac:spMk id="12626" creationId="{37423171-799E-81A8-AA78-D43F69098B87}"/>
          </ac:spMkLst>
        </pc:spChg>
        <pc:spChg chg="mod">
          <ac:chgData name="White, Alex" userId="eff6cc8c-37d8-483b-9c6c-6b27e9afa9bc" providerId="ADAL" clId="{BF04C754-5BF4-4E83-9615-DB14FA25AF8A}" dt="2023-10-12T11:38:20.867" v="298"/>
          <ac:spMkLst>
            <pc:docMk/>
            <pc:sldMk cId="2376958513" sldId="260"/>
            <ac:spMk id="12627" creationId="{ACE6DA3B-9CCB-D188-2010-D3F31E0C629B}"/>
          </ac:spMkLst>
        </pc:spChg>
        <pc:spChg chg="mod">
          <ac:chgData name="White, Alex" userId="eff6cc8c-37d8-483b-9c6c-6b27e9afa9bc" providerId="ADAL" clId="{BF04C754-5BF4-4E83-9615-DB14FA25AF8A}" dt="2023-10-12T11:38:20.867" v="298"/>
          <ac:spMkLst>
            <pc:docMk/>
            <pc:sldMk cId="2376958513" sldId="260"/>
            <ac:spMk id="12628" creationId="{F2180A2A-9341-CC43-EAA8-51753C8C71D1}"/>
          </ac:spMkLst>
        </pc:spChg>
        <pc:spChg chg="mod">
          <ac:chgData name="White, Alex" userId="eff6cc8c-37d8-483b-9c6c-6b27e9afa9bc" providerId="ADAL" clId="{BF04C754-5BF4-4E83-9615-DB14FA25AF8A}" dt="2023-10-12T11:38:20.867" v="298"/>
          <ac:spMkLst>
            <pc:docMk/>
            <pc:sldMk cId="2376958513" sldId="260"/>
            <ac:spMk id="12629" creationId="{9B85875F-37B1-895B-97F7-232AE34892C1}"/>
          </ac:spMkLst>
        </pc:spChg>
        <pc:spChg chg="mod">
          <ac:chgData name="White, Alex" userId="eff6cc8c-37d8-483b-9c6c-6b27e9afa9bc" providerId="ADAL" clId="{BF04C754-5BF4-4E83-9615-DB14FA25AF8A}" dt="2023-10-12T11:38:20.867" v="298"/>
          <ac:spMkLst>
            <pc:docMk/>
            <pc:sldMk cId="2376958513" sldId="260"/>
            <ac:spMk id="12630" creationId="{443B2139-0B10-279D-3F00-2B55F7141AE9}"/>
          </ac:spMkLst>
        </pc:spChg>
        <pc:spChg chg="mod">
          <ac:chgData name="White, Alex" userId="eff6cc8c-37d8-483b-9c6c-6b27e9afa9bc" providerId="ADAL" clId="{BF04C754-5BF4-4E83-9615-DB14FA25AF8A}" dt="2023-10-12T11:38:20.867" v="298"/>
          <ac:spMkLst>
            <pc:docMk/>
            <pc:sldMk cId="2376958513" sldId="260"/>
            <ac:spMk id="12631" creationId="{A688E2B6-A3AD-06D4-9B1C-FCEA0C232398}"/>
          </ac:spMkLst>
        </pc:spChg>
        <pc:spChg chg="mod">
          <ac:chgData name="White, Alex" userId="eff6cc8c-37d8-483b-9c6c-6b27e9afa9bc" providerId="ADAL" clId="{BF04C754-5BF4-4E83-9615-DB14FA25AF8A}" dt="2023-10-12T11:38:20.867" v="298"/>
          <ac:spMkLst>
            <pc:docMk/>
            <pc:sldMk cId="2376958513" sldId="260"/>
            <ac:spMk id="12632" creationId="{402B3B99-1513-4F3B-7E09-0C0DCBC6C8AA}"/>
          </ac:spMkLst>
        </pc:spChg>
        <pc:spChg chg="mod">
          <ac:chgData name="White, Alex" userId="eff6cc8c-37d8-483b-9c6c-6b27e9afa9bc" providerId="ADAL" clId="{BF04C754-5BF4-4E83-9615-DB14FA25AF8A}" dt="2023-10-12T11:38:20.867" v="298"/>
          <ac:spMkLst>
            <pc:docMk/>
            <pc:sldMk cId="2376958513" sldId="260"/>
            <ac:spMk id="12633" creationId="{46A31CCA-6D49-E327-42BC-A7297F6EB65D}"/>
          </ac:spMkLst>
        </pc:spChg>
        <pc:spChg chg="mod">
          <ac:chgData name="White, Alex" userId="eff6cc8c-37d8-483b-9c6c-6b27e9afa9bc" providerId="ADAL" clId="{BF04C754-5BF4-4E83-9615-DB14FA25AF8A}" dt="2023-10-12T11:38:20.867" v="298"/>
          <ac:spMkLst>
            <pc:docMk/>
            <pc:sldMk cId="2376958513" sldId="260"/>
            <ac:spMk id="12634" creationId="{A10B1551-5848-3ACB-1F43-FA555F11831A}"/>
          </ac:spMkLst>
        </pc:spChg>
        <pc:spChg chg="mod">
          <ac:chgData name="White, Alex" userId="eff6cc8c-37d8-483b-9c6c-6b27e9afa9bc" providerId="ADAL" clId="{BF04C754-5BF4-4E83-9615-DB14FA25AF8A}" dt="2023-10-12T11:38:20.867" v="298"/>
          <ac:spMkLst>
            <pc:docMk/>
            <pc:sldMk cId="2376958513" sldId="260"/>
            <ac:spMk id="12635" creationId="{9DF7D224-1446-136E-D9E0-B96182D0E949}"/>
          </ac:spMkLst>
        </pc:spChg>
        <pc:spChg chg="mod">
          <ac:chgData name="White, Alex" userId="eff6cc8c-37d8-483b-9c6c-6b27e9afa9bc" providerId="ADAL" clId="{BF04C754-5BF4-4E83-9615-DB14FA25AF8A}" dt="2023-10-12T11:38:20.867" v="298"/>
          <ac:spMkLst>
            <pc:docMk/>
            <pc:sldMk cId="2376958513" sldId="260"/>
            <ac:spMk id="12636" creationId="{81218FC0-3ABC-83EC-E845-FD122D4C8913}"/>
          </ac:spMkLst>
        </pc:spChg>
        <pc:spChg chg="mod">
          <ac:chgData name="White, Alex" userId="eff6cc8c-37d8-483b-9c6c-6b27e9afa9bc" providerId="ADAL" clId="{BF04C754-5BF4-4E83-9615-DB14FA25AF8A}" dt="2023-10-12T11:38:20.867" v="298"/>
          <ac:spMkLst>
            <pc:docMk/>
            <pc:sldMk cId="2376958513" sldId="260"/>
            <ac:spMk id="12637" creationId="{27592904-E639-4473-09E8-95FE28BE829D}"/>
          </ac:spMkLst>
        </pc:spChg>
        <pc:spChg chg="mod">
          <ac:chgData name="White, Alex" userId="eff6cc8c-37d8-483b-9c6c-6b27e9afa9bc" providerId="ADAL" clId="{BF04C754-5BF4-4E83-9615-DB14FA25AF8A}" dt="2023-10-12T11:38:20.867" v="298"/>
          <ac:spMkLst>
            <pc:docMk/>
            <pc:sldMk cId="2376958513" sldId="260"/>
            <ac:spMk id="12638" creationId="{1803E5B2-4096-9FF0-740F-E8B09037F100}"/>
          </ac:spMkLst>
        </pc:spChg>
        <pc:spChg chg="mod">
          <ac:chgData name="White, Alex" userId="eff6cc8c-37d8-483b-9c6c-6b27e9afa9bc" providerId="ADAL" clId="{BF04C754-5BF4-4E83-9615-DB14FA25AF8A}" dt="2023-10-12T11:38:20.867" v="298"/>
          <ac:spMkLst>
            <pc:docMk/>
            <pc:sldMk cId="2376958513" sldId="260"/>
            <ac:spMk id="12639" creationId="{F54F260D-60AD-5EA1-5FF3-238478739BD1}"/>
          </ac:spMkLst>
        </pc:spChg>
        <pc:spChg chg="mod">
          <ac:chgData name="White, Alex" userId="eff6cc8c-37d8-483b-9c6c-6b27e9afa9bc" providerId="ADAL" clId="{BF04C754-5BF4-4E83-9615-DB14FA25AF8A}" dt="2023-10-12T11:38:20.867" v="298"/>
          <ac:spMkLst>
            <pc:docMk/>
            <pc:sldMk cId="2376958513" sldId="260"/>
            <ac:spMk id="12640" creationId="{B7BF2D73-A66F-A249-919E-8EBB04C13C12}"/>
          </ac:spMkLst>
        </pc:spChg>
        <pc:spChg chg="mod">
          <ac:chgData name="White, Alex" userId="eff6cc8c-37d8-483b-9c6c-6b27e9afa9bc" providerId="ADAL" clId="{BF04C754-5BF4-4E83-9615-DB14FA25AF8A}" dt="2023-10-12T11:38:20.867" v="298"/>
          <ac:spMkLst>
            <pc:docMk/>
            <pc:sldMk cId="2376958513" sldId="260"/>
            <ac:spMk id="12641" creationId="{7153FD34-CE20-871D-F7AC-213CD4C18CB1}"/>
          </ac:spMkLst>
        </pc:spChg>
        <pc:spChg chg="mod">
          <ac:chgData name="White, Alex" userId="eff6cc8c-37d8-483b-9c6c-6b27e9afa9bc" providerId="ADAL" clId="{BF04C754-5BF4-4E83-9615-DB14FA25AF8A}" dt="2023-10-12T11:38:20.867" v="298"/>
          <ac:spMkLst>
            <pc:docMk/>
            <pc:sldMk cId="2376958513" sldId="260"/>
            <ac:spMk id="12642" creationId="{40F25B2E-47F8-7A11-89F1-5A0674F4999E}"/>
          </ac:spMkLst>
        </pc:spChg>
        <pc:spChg chg="mod">
          <ac:chgData name="White, Alex" userId="eff6cc8c-37d8-483b-9c6c-6b27e9afa9bc" providerId="ADAL" clId="{BF04C754-5BF4-4E83-9615-DB14FA25AF8A}" dt="2023-10-12T11:38:20.867" v="298"/>
          <ac:spMkLst>
            <pc:docMk/>
            <pc:sldMk cId="2376958513" sldId="260"/>
            <ac:spMk id="12643" creationId="{FAF60EDD-7BC8-CEC4-F1F6-C3E331576A2D}"/>
          </ac:spMkLst>
        </pc:spChg>
        <pc:spChg chg="mod">
          <ac:chgData name="White, Alex" userId="eff6cc8c-37d8-483b-9c6c-6b27e9afa9bc" providerId="ADAL" clId="{BF04C754-5BF4-4E83-9615-DB14FA25AF8A}" dt="2023-10-12T11:38:20.867" v="298"/>
          <ac:spMkLst>
            <pc:docMk/>
            <pc:sldMk cId="2376958513" sldId="260"/>
            <ac:spMk id="12644" creationId="{9351EB02-DCCB-732A-732A-1A97A6204822}"/>
          </ac:spMkLst>
        </pc:spChg>
        <pc:spChg chg="mod">
          <ac:chgData name="White, Alex" userId="eff6cc8c-37d8-483b-9c6c-6b27e9afa9bc" providerId="ADAL" clId="{BF04C754-5BF4-4E83-9615-DB14FA25AF8A}" dt="2023-10-12T11:38:20.867" v="298"/>
          <ac:spMkLst>
            <pc:docMk/>
            <pc:sldMk cId="2376958513" sldId="260"/>
            <ac:spMk id="12645" creationId="{6695ACD1-3AE0-D8B4-8466-583428FC0581}"/>
          </ac:spMkLst>
        </pc:spChg>
        <pc:spChg chg="mod">
          <ac:chgData name="White, Alex" userId="eff6cc8c-37d8-483b-9c6c-6b27e9afa9bc" providerId="ADAL" clId="{BF04C754-5BF4-4E83-9615-DB14FA25AF8A}" dt="2023-10-12T11:38:20.867" v="298"/>
          <ac:spMkLst>
            <pc:docMk/>
            <pc:sldMk cId="2376958513" sldId="260"/>
            <ac:spMk id="12646" creationId="{F7AADEA7-275B-767E-5801-F888980BD15C}"/>
          </ac:spMkLst>
        </pc:spChg>
        <pc:spChg chg="mod">
          <ac:chgData name="White, Alex" userId="eff6cc8c-37d8-483b-9c6c-6b27e9afa9bc" providerId="ADAL" clId="{BF04C754-5BF4-4E83-9615-DB14FA25AF8A}" dt="2023-10-12T11:38:20.867" v="298"/>
          <ac:spMkLst>
            <pc:docMk/>
            <pc:sldMk cId="2376958513" sldId="260"/>
            <ac:spMk id="12647" creationId="{6F03527A-57D2-5464-F31B-DF166E4FE3CD}"/>
          </ac:spMkLst>
        </pc:spChg>
        <pc:spChg chg="mod">
          <ac:chgData name="White, Alex" userId="eff6cc8c-37d8-483b-9c6c-6b27e9afa9bc" providerId="ADAL" clId="{BF04C754-5BF4-4E83-9615-DB14FA25AF8A}" dt="2023-10-12T11:38:20.867" v="298"/>
          <ac:spMkLst>
            <pc:docMk/>
            <pc:sldMk cId="2376958513" sldId="260"/>
            <ac:spMk id="12648" creationId="{19F74C49-C9C6-1417-C94E-7D998D12AA62}"/>
          </ac:spMkLst>
        </pc:spChg>
        <pc:spChg chg="mod">
          <ac:chgData name="White, Alex" userId="eff6cc8c-37d8-483b-9c6c-6b27e9afa9bc" providerId="ADAL" clId="{BF04C754-5BF4-4E83-9615-DB14FA25AF8A}" dt="2023-10-12T11:38:20.867" v="298"/>
          <ac:spMkLst>
            <pc:docMk/>
            <pc:sldMk cId="2376958513" sldId="260"/>
            <ac:spMk id="12649" creationId="{2270414B-B323-51B7-3E30-029C1A63E46A}"/>
          </ac:spMkLst>
        </pc:spChg>
        <pc:spChg chg="mod">
          <ac:chgData name="White, Alex" userId="eff6cc8c-37d8-483b-9c6c-6b27e9afa9bc" providerId="ADAL" clId="{BF04C754-5BF4-4E83-9615-DB14FA25AF8A}" dt="2023-10-12T11:38:20.867" v="298"/>
          <ac:spMkLst>
            <pc:docMk/>
            <pc:sldMk cId="2376958513" sldId="260"/>
            <ac:spMk id="12650" creationId="{6E27E6EE-E3A9-C3A0-279E-11C513CC03DB}"/>
          </ac:spMkLst>
        </pc:spChg>
        <pc:spChg chg="mod">
          <ac:chgData name="White, Alex" userId="eff6cc8c-37d8-483b-9c6c-6b27e9afa9bc" providerId="ADAL" clId="{BF04C754-5BF4-4E83-9615-DB14FA25AF8A}" dt="2023-10-12T11:38:20.867" v="298"/>
          <ac:spMkLst>
            <pc:docMk/>
            <pc:sldMk cId="2376958513" sldId="260"/>
            <ac:spMk id="12651" creationId="{567E7EE7-7E14-47C2-C0C1-918047C2DB82}"/>
          </ac:spMkLst>
        </pc:spChg>
        <pc:spChg chg="mod">
          <ac:chgData name="White, Alex" userId="eff6cc8c-37d8-483b-9c6c-6b27e9afa9bc" providerId="ADAL" clId="{BF04C754-5BF4-4E83-9615-DB14FA25AF8A}" dt="2023-10-12T11:38:20.867" v="298"/>
          <ac:spMkLst>
            <pc:docMk/>
            <pc:sldMk cId="2376958513" sldId="260"/>
            <ac:spMk id="12652" creationId="{68FF37C1-2EBA-E4C9-C9A6-C94A2EFA61F1}"/>
          </ac:spMkLst>
        </pc:spChg>
        <pc:spChg chg="mod">
          <ac:chgData name="White, Alex" userId="eff6cc8c-37d8-483b-9c6c-6b27e9afa9bc" providerId="ADAL" clId="{BF04C754-5BF4-4E83-9615-DB14FA25AF8A}" dt="2023-10-12T11:38:20.867" v="298"/>
          <ac:spMkLst>
            <pc:docMk/>
            <pc:sldMk cId="2376958513" sldId="260"/>
            <ac:spMk id="12653" creationId="{3AC67953-E0AA-6BB2-A148-6E1AF69BA46D}"/>
          </ac:spMkLst>
        </pc:spChg>
        <pc:spChg chg="mod">
          <ac:chgData name="White, Alex" userId="eff6cc8c-37d8-483b-9c6c-6b27e9afa9bc" providerId="ADAL" clId="{BF04C754-5BF4-4E83-9615-DB14FA25AF8A}" dt="2023-10-12T11:38:20.867" v="298"/>
          <ac:spMkLst>
            <pc:docMk/>
            <pc:sldMk cId="2376958513" sldId="260"/>
            <ac:spMk id="12654" creationId="{F5556D35-BD0C-475D-82A7-490D8F7D21A3}"/>
          </ac:spMkLst>
        </pc:spChg>
        <pc:spChg chg="mod">
          <ac:chgData name="White, Alex" userId="eff6cc8c-37d8-483b-9c6c-6b27e9afa9bc" providerId="ADAL" clId="{BF04C754-5BF4-4E83-9615-DB14FA25AF8A}" dt="2023-10-12T11:38:20.867" v="298"/>
          <ac:spMkLst>
            <pc:docMk/>
            <pc:sldMk cId="2376958513" sldId="260"/>
            <ac:spMk id="12655" creationId="{5D25C779-BC19-501A-A5B7-22A733015149}"/>
          </ac:spMkLst>
        </pc:spChg>
        <pc:spChg chg="mod">
          <ac:chgData name="White, Alex" userId="eff6cc8c-37d8-483b-9c6c-6b27e9afa9bc" providerId="ADAL" clId="{BF04C754-5BF4-4E83-9615-DB14FA25AF8A}" dt="2023-10-12T11:38:20.867" v="298"/>
          <ac:spMkLst>
            <pc:docMk/>
            <pc:sldMk cId="2376958513" sldId="260"/>
            <ac:spMk id="12656" creationId="{4BF191BE-2F03-E695-438C-FD903320CA67}"/>
          </ac:spMkLst>
        </pc:spChg>
        <pc:spChg chg="mod">
          <ac:chgData name="White, Alex" userId="eff6cc8c-37d8-483b-9c6c-6b27e9afa9bc" providerId="ADAL" clId="{BF04C754-5BF4-4E83-9615-DB14FA25AF8A}" dt="2023-10-12T11:38:20.867" v="298"/>
          <ac:spMkLst>
            <pc:docMk/>
            <pc:sldMk cId="2376958513" sldId="260"/>
            <ac:spMk id="12657" creationId="{17ACE608-2E31-26D7-56DA-88C9D79D4F7A}"/>
          </ac:spMkLst>
        </pc:spChg>
        <pc:spChg chg="mod">
          <ac:chgData name="White, Alex" userId="eff6cc8c-37d8-483b-9c6c-6b27e9afa9bc" providerId="ADAL" clId="{BF04C754-5BF4-4E83-9615-DB14FA25AF8A}" dt="2023-10-12T11:38:20.867" v="298"/>
          <ac:spMkLst>
            <pc:docMk/>
            <pc:sldMk cId="2376958513" sldId="260"/>
            <ac:spMk id="12658" creationId="{499FCE20-1857-BD2C-9182-8D866BE90DFD}"/>
          </ac:spMkLst>
        </pc:spChg>
        <pc:spChg chg="mod">
          <ac:chgData name="White, Alex" userId="eff6cc8c-37d8-483b-9c6c-6b27e9afa9bc" providerId="ADAL" clId="{BF04C754-5BF4-4E83-9615-DB14FA25AF8A}" dt="2023-10-12T11:38:20.867" v="298"/>
          <ac:spMkLst>
            <pc:docMk/>
            <pc:sldMk cId="2376958513" sldId="260"/>
            <ac:spMk id="12659" creationId="{01EFB989-AF52-8337-7BD5-96CB11319711}"/>
          </ac:spMkLst>
        </pc:spChg>
        <pc:spChg chg="mod">
          <ac:chgData name="White, Alex" userId="eff6cc8c-37d8-483b-9c6c-6b27e9afa9bc" providerId="ADAL" clId="{BF04C754-5BF4-4E83-9615-DB14FA25AF8A}" dt="2023-10-12T11:38:20.867" v="298"/>
          <ac:spMkLst>
            <pc:docMk/>
            <pc:sldMk cId="2376958513" sldId="260"/>
            <ac:spMk id="12660" creationId="{0606D726-DA29-2EBA-1511-FA92BA744573}"/>
          </ac:spMkLst>
        </pc:spChg>
        <pc:spChg chg="mod">
          <ac:chgData name="White, Alex" userId="eff6cc8c-37d8-483b-9c6c-6b27e9afa9bc" providerId="ADAL" clId="{BF04C754-5BF4-4E83-9615-DB14FA25AF8A}" dt="2023-10-12T11:38:20.867" v="298"/>
          <ac:spMkLst>
            <pc:docMk/>
            <pc:sldMk cId="2376958513" sldId="260"/>
            <ac:spMk id="12661" creationId="{46CF5A54-44D3-F914-BC19-FA9A6B634121}"/>
          </ac:spMkLst>
        </pc:spChg>
        <pc:spChg chg="mod">
          <ac:chgData name="White, Alex" userId="eff6cc8c-37d8-483b-9c6c-6b27e9afa9bc" providerId="ADAL" clId="{BF04C754-5BF4-4E83-9615-DB14FA25AF8A}" dt="2023-10-12T11:38:20.867" v="298"/>
          <ac:spMkLst>
            <pc:docMk/>
            <pc:sldMk cId="2376958513" sldId="260"/>
            <ac:spMk id="12662" creationId="{78E92768-3293-ECB6-150D-553E3DE4D365}"/>
          </ac:spMkLst>
        </pc:spChg>
        <pc:spChg chg="mod">
          <ac:chgData name="White, Alex" userId="eff6cc8c-37d8-483b-9c6c-6b27e9afa9bc" providerId="ADAL" clId="{BF04C754-5BF4-4E83-9615-DB14FA25AF8A}" dt="2023-10-12T11:38:20.867" v="298"/>
          <ac:spMkLst>
            <pc:docMk/>
            <pc:sldMk cId="2376958513" sldId="260"/>
            <ac:spMk id="12663" creationId="{67A93C11-5F3F-DA80-39AD-C9B8D5F9B384}"/>
          </ac:spMkLst>
        </pc:spChg>
        <pc:spChg chg="mod">
          <ac:chgData name="White, Alex" userId="eff6cc8c-37d8-483b-9c6c-6b27e9afa9bc" providerId="ADAL" clId="{BF04C754-5BF4-4E83-9615-DB14FA25AF8A}" dt="2023-10-12T11:38:20.867" v="298"/>
          <ac:spMkLst>
            <pc:docMk/>
            <pc:sldMk cId="2376958513" sldId="260"/>
            <ac:spMk id="12664" creationId="{8D4274D6-CD5B-60DE-0FD9-030DE8ACBD18}"/>
          </ac:spMkLst>
        </pc:spChg>
        <pc:spChg chg="mod">
          <ac:chgData name="White, Alex" userId="eff6cc8c-37d8-483b-9c6c-6b27e9afa9bc" providerId="ADAL" clId="{BF04C754-5BF4-4E83-9615-DB14FA25AF8A}" dt="2023-10-12T11:38:20.867" v="298"/>
          <ac:spMkLst>
            <pc:docMk/>
            <pc:sldMk cId="2376958513" sldId="260"/>
            <ac:spMk id="12665" creationId="{9720D629-F379-7F09-7DAC-2966DB37A76A}"/>
          </ac:spMkLst>
        </pc:spChg>
        <pc:spChg chg="mod">
          <ac:chgData name="White, Alex" userId="eff6cc8c-37d8-483b-9c6c-6b27e9afa9bc" providerId="ADAL" clId="{BF04C754-5BF4-4E83-9615-DB14FA25AF8A}" dt="2023-10-12T11:38:20.867" v="298"/>
          <ac:spMkLst>
            <pc:docMk/>
            <pc:sldMk cId="2376958513" sldId="260"/>
            <ac:spMk id="12666" creationId="{668F0916-FA16-92D4-D3DD-BB8946AFE47C}"/>
          </ac:spMkLst>
        </pc:spChg>
        <pc:spChg chg="mod">
          <ac:chgData name="White, Alex" userId="eff6cc8c-37d8-483b-9c6c-6b27e9afa9bc" providerId="ADAL" clId="{BF04C754-5BF4-4E83-9615-DB14FA25AF8A}" dt="2023-10-12T11:38:20.867" v="298"/>
          <ac:spMkLst>
            <pc:docMk/>
            <pc:sldMk cId="2376958513" sldId="260"/>
            <ac:spMk id="12667" creationId="{1E022711-F8A8-5413-0E47-41F2385D8EAE}"/>
          </ac:spMkLst>
        </pc:spChg>
        <pc:spChg chg="mod">
          <ac:chgData name="White, Alex" userId="eff6cc8c-37d8-483b-9c6c-6b27e9afa9bc" providerId="ADAL" clId="{BF04C754-5BF4-4E83-9615-DB14FA25AF8A}" dt="2023-10-12T11:38:20.867" v="298"/>
          <ac:spMkLst>
            <pc:docMk/>
            <pc:sldMk cId="2376958513" sldId="260"/>
            <ac:spMk id="12668" creationId="{CEF6D5B7-AD10-77CF-1875-38EC96674716}"/>
          </ac:spMkLst>
        </pc:spChg>
        <pc:spChg chg="mod">
          <ac:chgData name="White, Alex" userId="eff6cc8c-37d8-483b-9c6c-6b27e9afa9bc" providerId="ADAL" clId="{BF04C754-5BF4-4E83-9615-DB14FA25AF8A}" dt="2023-10-12T11:38:20.867" v="298"/>
          <ac:spMkLst>
            <pc:docMk/>
            <pc:sldMk cId="2376958513" sldId="260"/>
            <ac:spMk id="12669" creationId="{1F2E32F9-7970-B955-42A3-833D0F7768D6}"/>
          </ac:spMkLst>
        </pc:spChg>
        <pc:spChg chg="mod">
          <ac:chgData name="White, Alex" userId="eff6cc8c-37d8-483b-9c6c-6b27e9afa9bc" providerId="ADAL" clId="{BF04C754-5BF4-4E83-9615-DB14FA25AF8A}" dt="2023-10-12T11:38:20.867" v="298"/>
          <ac:spMkLst>
            <pc:docMk/>
            <pc:sldMk cId="2376958513" sldId="260"/>
            <ac:spMk id="12670" creationId="{34D032F4-E5CE-F994-4904-B2CB0F6CECD8}"/>
          </ac:spMkLst>
        </pc:spChg>
        <pc:spChg chg="mod">
          <ac:chgData name="White, Alex" userId="eff6cc8c-37d8-483b-9c6c-6b27e9afa9bc" providerId="ADAL" clId="{BF04C754-5BF4-4E83-9615-DB14FA25AF8A}" dt="2023-10-12T11:38:20.867" v="298"/>
          <ac:spMkLst>
            <pc:docMk/>
            <pc:sldMk cId="2376958513" sldId="260"/>
            <ac:spMk id="12671" creationId="{ED776803-9E50-6220-0640-34BC56F1DD36}"/>
          </ac:spMkLst>
        </pc:spChg>
        <pc:spChg chg="mod">
          <ac:chgData name="White, Alex" userId="eff6cc8c-37d8-483b-9c6c-6b27e9afa9bc" providerId="ADAL" clId="{BF04C754-5BF4-4E83-9615-DB14FA25AF8A}" dt="2023-10-12T11:38:20.867" v="298"/>
          <ac:spMkLst>
            <pc:docMk/>
            <pc:sldMk cId="2376958513" sldId="260"/>
            <ac:spMk id="12672" creationId="{5C51D579-C6B0-3CE4-F76C-410080FC910B}"/>
          </ac:spMkLst>
        </pc:spChg>
        <pc:spChg chg="mod">
          <ac:chgData name="White, Alex" userId="eff6cc8c-37d8-483b-9c6c-6b27e9afa9bc" providerId="ADAL" clId="{BF04C754-5BF4-4E83-9615-DB14FA25AF8A}" dt="2023-10-12T11:38:20.867" v="298"/>
          <ac:spMkLst>
            <pc:docMk/>
            <pc:sldMk cId="2376958513" sldId="260"/>
            <ac:spMk id="12673" creationId="{25D8FEE0-5BFC-C655-F0AE-A24A3CDEDDA0}"/>
          </ac:spMkLst>
        </pc:spChg>
        <pc:spChg chg="mod">
          <ac:chgData name="White, Alex" userId="eff6cc8c-37d8-483b-9c6c-6b27e9afa9bc" providerId="ADAL" clId="{BF04C754-5BF4-4E83-9615-DB14FA25AF8A}" dt="2023-10-12T11:38:20.867" v="298"/>
          <ac:spMkLst>
            <pc:docMk/>
            <pc:sldMk cId="2376958513" sldId="260"/>
            <ac:spMk id="12674" creationId="{323E9215-56BC-76BB-13AD-651D39354429}"/>
          </ac:spMkLst>
        </pc:spChg>
        <pc:spChg chg="mod">
          <ac:chgData name="White, Alex" userId="eff6cc8c-37d8-483b-9c6c-6b27e9afa9bc" providerId="ADAL" clId="{BF04C754-5BF4-4E83-9615-DB14FA25AF8A}" dt="2023-10-12T11:38:20.867" v="298"/>
          <ac:spMkLst>
            <pc:docMk/>
            <pc:sldMk cId="2376958513" sldId="260"/>
            <ac:spMk id="12675" creationId="{F4D8AD36-9F92-7A9A-7DE6-0239670A0A9C}"/>
          </ac:spMkLst>
        </pc:spChg>
        <pc:spChg chg="mod">
          <ac:chgData name="White, Alex" userId="eff6cc8c-37d8-483b-9c6c-6b27e9afa9bc" providerId="ADAL" clId="{BF04C754-5BF4-4E83-9615-DB14FA25AF8A}" dt="2023-10-12T11:38:20.867" v="298"/>
          <ac:spMkLst>
            <pc:docMk/>
            <pc:sldMk cId="2376958513" sldId="260"/>
            <ac:spMk id="12676" creationId="{AF7F71FE-0632-B191-B252-2F5619FBD919}"/>
          </ac:spMkLst>
        </pc:spChg>
        <pc:spChg chg="mod">
          <ac:chgData name="White, Alex" userId="eff6cc8c-37d8-483b-9c6c-6b27e9afa9bc" providerId="ADAL" clId="{BF04C754-5BF4-4E83-9615-DB14FA25AF8A}" dt="2023-10-12T11:38:20.867" v="298"/>
          <ac:spMkLst>
            <pc:docMk/>
            <pc:sldMk cId="2376958513" sldId="260"/>
            <ac:spMk id="12677" creationId="{E668C017-9E57-1A3A-85D8-D333186C5D6B}"/>
          </ac:spMkLst>
        </pc:spChg>
        <pc:spChg chg="mod">
          <ac:chgData name="White, Alex" userId="eff6cc8c-37d8-483b-9c6c-6b27e9afa9bc" providerId="ADAL" clId="{BF04C754-5BF4-4E83-9615-DB14FA25AF8A}" dt="2023-10-12T11:38:20.867" v="298"/>
          <ac:spMkLst>
            <pc:docMk/>
            <pc:sldMk cId="2376958513" sldId="260"/>
            <ac:spMk id="12678" creationId="{090FB44D-FC56-B4D8-A78F-94394847A915}"/>
          </ac:spMkLst>
        </pc:spChg>
        <pc:spChg chg="mod">
          <ac:chgData name="White, Alex" userId="eff6cc8c-37d8-483b-9c6c-6b27e9afa9bc" providerId="ADAL" clId="{BF04C754-5BF4-4E83-9615-DB14FA25AF8A}" dt="2023-10-12T11:38:20.867" v="298"/>
          <ac:spMkLst>
            <pc:docMk/>
            <pc:sldMk cId="2376958513" sldId="260"/>
            <ac:spMk id="12679" creationId="{4F8B27EE-9F7A-6A48-8DB3-5DADE8A027E1}"/>
          </ac:spMkLst>
        </pc:spChg>
        <pc:spChg chg="mod">
          <ac:chgData name="White, Alex" userId="eff6cc8c-37d8-483b-9c6c-6b27e9afa9bc" providerId="ADAL" clId="{BF04C754-5BF4-4E83-9615-DB14FA25AF8A}" dt="2023-10-12T11:38:20.867" v="298"/>
          <ac:spMkLst>
            <pc:docMk/>
            <pc:sldMk cId="2376958513" sldId="260"/>
            <ac:spMk id="12680" creationId="{710E62BF-9496-7368-1E38-2F2809526AE0}"/>
          </ac:spMkLst>
        </pc:spChg>
        <pc:spChg chg="mod">
          <ac:chgData name="White, Alex" userId="eff6cc8c-37d8-483b-9c6c-6b27e9afa9bc" providerId="ADAL" clId="{BF04C754-5BF4-4E83-9615-DB14FA25AF8A}" dt="2023-10-12T11:38:20.867" v="298"/>
          <ac:spMkLst>
            <pc:docMk/>
            <pc:sldMk cId="2376958513" sldId="260"/>
            <ac:spMk id="12681" creationId="{F01F77C9-3C27-586A-B538-990C378B50AA}"/>
          </ac:spMkLst>
        </pc:spChg>
        <pc:spChg chg="mod">
          <ac:chgData name="White, Alex" userId="eff6cc8c-37d8-483b-9c6c-6b27e9afa9bc" providerId="ADAL" clId="{BF04C754-5BF4-4E83-9615-DB14FA25AF8A}" dt="2023-10-12T11:38:20.867" v="298"/>
          <ac:spMkLst>
            <pc:docMk/>
            <pc:sldMk cId="2376958513" sldId="260"/>
            <ac:spMk id="12682" creationId="{EB546A25-34C8-3295-7FC9-A5B3B1FC1C48}"/>
          </ac:spMkLst>
        </pc:spChg>
        <pc:spChg chg="mod">
          <ac:chgData name="White, Alex" userId="eff6cc8c-37d8-483b-9c6c-6b27e9afa9bc" providerId="ADAL" clId="{BF04C754-5BF4-4E83-9615-DB14FA25AF8A}" dt="2023-10-12T11:38:20.867" v="298"/>
          <ac:spMkLst>
            <pc:docMk/>
            <pc:sldMk cId="2376958513" sldId="260"/>
            <ac:spMk id="12683" creationId="{22D94808-1848-1344-533C-21CCA740893F}"/>
          </ac:spMkLst>
        </pc:spChg>
        <pc:spChg chg="mod">
          <ac:chgData name="White, Alex" userId="eff6cc8c-37d8-483b-9c6c-6b27e9afa9bc" providerId="ADAL" clId="{BF04C754-5BF4-4E83-9615-DB14FA25AF8A}" dt="2023-10-12T11:38:20.867" v="298"/>
          <ac:spMkLst>
            <pc:docMk/>
            <pc:sldMk cId="2376958513" sldId="260"/>
            <ac:spMk id="12684" creationId="{573CDDFF-7277-FD0A-942D-7125870D6FAB}"/>
          </ac:spMkLst>
        </pc:spChg>
        <pc:spChg chg="mod">
          <ac:chgData name="White, Alex" userId="eff6cc8c-37d8-483b-9c6c-6b27e9afa9bc" providerId="ADAL" clId="{BF04C754-5BF4-4E83-9615-DB14FA25AF8A}" dt="2023-10-12T11:38:20.867" v="298"/>
          <ac:spMkLst>
            <pc:docMk/>
            <pc:sldMk cId="2376958513" sldId="260"/>
            <ac:spMk id="12685" creationId="{A3A85FA3-C8A2-BB68-BF00-6F402610CFA7}"/>
          </ac:spMkLst>
        </pc:spChg>
        <pc:spChg chg="mod">
          <ac:chgData name="White, Alex" userId="eff6cc8c-37d8-483b-9c6c-6b27e9afa9bc" providerId="ADAL" clId="{BF04C754-5BF4-4E83-9615-DB14FA25AF8A}" dt="2023-10-12T11:38:20.867" v="298"/>
          <ac:spMkLst>
            <pc:docMk/>
            <pc:sldMk cId="2376958513" sldId="260"/>
            <ac:spMk id="12686" creationId="{CB082504-3056-C645-B372-688A96936542}"/>
          </ac:spMkLst>
        </pc:spChg>
        <pc:spChg chg="mod">
          <ac:chgData name="White, Alex" userId="eff6cc8c-37d8-483b-9c6c-6b27e9afa9bc" providerId="ADAL" clId="{BF04C754-5BF4-4E83-9615-DB14FA25AF8A}" dt="2023-10-12T11:38:20.867" v="298"/>
          <ac:spMkLst>
            <pc:docMk/>
            <pc:sldMk cId="2376958513" sldId="260"/>
            <ac:spMk id="12687" creationId="{C46DE31E-4677-D6BE-4807-654F13BAC79C}"/>
          </ac:spMkLst>
        </pc:spChg>
        <pc:spChg chg="mod">
          <ac:chgData name="White, Alex" userId="eff6cc8c-37d8-483b-9c6c-6b27e9afa9bc" providerId="ADAL" clId="{BF04C754-5BF4-4E83-9615-DB14FA25AF8A}" dt="2023-10-12T11:38:20.867" v="298"/>
          <ac:spMkLst>
            <pc:docMk/>
            <pc:sldMk cId="2376958513" sldId="260"/>
            <ac:spMk id="12688" creationId="{49DF8910-4D36-317D-E53D-9F9ECAEFB29B}"/>
          </ac:spMkLst>
        </pc:spChg>
        <pc:spChg chg="mod">
          <ac:chgData name="White, Alex" userId="eff6cc8c-37d8-483b-9c6c-6b27e9afa9bc" providerId="ADAL" clId="{BF04C754-5BF4-4E83-9615-DB14FA25AF8A}" dt="2023-10-12T11:38:20.867" v="298"/>
          <ac:spMkLst>
            <pc:docMk/>
            <pc:sldMk cId="2376958513" sldId="260"/>
            <ac:spMk id="12689" creationId="{D608323B-3BEB-9C06-BD96-268E30D05493}"/>
          </ac:spMkLst>
        </pc:spChg>
        <pc:spChg chg="mod">
          <ac:chgData name="White, Alex" userId="eff6cc8c-37d8-483b-9c6c-6b27e9afa9bc" providerId="ADAL" clId="{BF04C754-5BF4-4E83-9615-DB14FA25AF8A}" dt="2023-10-12T11:38:20.867" v="298"/>
          <ac:spMkLst>
            <pc:docMk/>
            <pc:sldMk cId="2376958513" sldId="260"/>
            <ac:spMk id="12690" creationId="{5EDCF996-5EE3-D483-459B-6AA0C51B7312}"/>
          </ac:spMkLst>
        </pc:spChg>
        <pc:spChg chg="mod">
          <ac:chgData name="White, Alex" userId="eff6cc8c-37d8-483b-9c6c-6b27e9afa9bc" providerId="ADAL" clId="{BF04C754-5BF4-4E83-9615-DB14FA25AF8A}" dt="2023-10-12T11:38:20.867" v="298"/>
          <ac:spMkLst>
            <pc:docMk/>
            <pc:sldMk cId="2376958513" sldId="260"/>
            <ac:spMk id="12691" creationId="{D5A5EFFA-4B1E-8920-76C0-E5D31C7CDF94}"/>
          </ac:spMkLst>
        </pc:spChg>
        <pc:spChg chg="mod">
          <ac:chgData name="White, Alex" userId="eff6cc8c-37d8-483b-9c6c-6b27e9afa9bc" providerId="ADAL" clId="{BF04C754-5BF4-4E83-9615-DB14FA25AF8A}" dt="2023-10-12T11:38:20.867" v="298"/>
          <ac:spMkLst>
            <pc:docMk/>
            <pc:sldMk cId="2376958513" sldId="260"/>
            <ac:spMk id="12692" creationId="{08988515-D17D-E120-D9C1-FDB342FF4AAD}"/>
          </ac:spMkLst>
        </pc:spChg>
        <pc:spChg chg="mod">
          <ac:chgData name="White, Alex" userId="eff6cc8c-37d8-483b-9c6c-6b27e9afa9bc" providerId="ADAL" clId="{BF04C754-5BF4-4E83-9615-DB14FA25AF8A}" dt="2023-10-12T11:38:20.867" v="298"/>
          <ac:spMkLst>
            <pc:docMk/>
            <pc:sldMk cId="2376958513" sldId="260"/>
            <ac:spMk id="12693" creationId="{19B07BCB-9B6C-172F-6468-6BD26C2CDCD7}"/>
          </ac:spMkLst>
        </pc:spChg>
        <pc:spChg chg="mod">
          <ac:chgData name="White, Alex" userId="eff6cc8c-37d8-483b-9c6c-6b27e9afa9bc" providerId="ADAL" clId="{BF04C754-5BF4-4E83-9615-DB14FA25AF8A}" dt="2023-10-12T11:38:20.867" v="298"/>
          <ac:spMkLst>
            <pc:docMk/>
            <pc:sldMk cId="2376958513" sldId="260"/>
            <ac:spMk id="12694" creationId="{2536861C-EE43-181E-CFDE-DE23DD24E34A}"/>
          </ac:spMkLst>
        </pc:spChg>
        <pc:spChg chg="mod">
          <ac:chgData name="White, Alex" userId="eff6cc8c-37d8-483b-9c6c-6b27e9afa9bc" providerId="ADAL" clId="{BF04C754-5BF4-4E83-9615-DB14FA25AF8A}" dt="2023-10-12T11:38:20.867" v="298"/>
          <ac:spMkLst>
            <pc:docMk/>
            <pc:sldMk cId="2376958513" sldId="260"/>
            <ac:spMk id="12695" creationId="{BC7D5C2B-CE23-8D1D-F143-F47C5E6C4DC5}"/>
          </ac:spMkLst>
        </pc:spChg>
        <pc:spChg chg="mod">
          <ac:chgData name="White, Alex" userId="eff6cc8c-37d8-483b-9c6c-6b27e9afa9bc" providerId="ADAL" clId="{BF04C754-5BF4-4E83-9615-DB14FA25AF8A}" dt="2023-10-12T11:38:20.867" v="298"/>
          <ac:spMkLst>
            <pc:docMk/>
            <pc:sldMk cId="2376958513" sldId="260"/>
            <ac:spMk id="12696" creationId="{7CFA879E-7AA9-CF9D-18AB-FC32AD7B174B}"/>
          </ac:spMkLst>
        </pc:spChg>
        <pc:spChg chg="mod">
          <ac:chgData name="White, Alex" userId="eff6cc8c-37d8-483b-9c6c-6b27e9afa9bc" providerId="ADAL" clId="{BF04C754-5BF4-4E83-9615-DB14FA25AF8A}" dt="2023-10-12T11:38:20.867" v="298"/>
          <ac:spMkLst>
            <pc:docMk/>
            <pc:sldMk cId="2376958513" sldId="260"/>
            <ac:spMk id="12697" creationId="{EBC002FC-DEF8-43A3-662E-B55AEA7ECC7A}"/>
          </ac:spMkLst>
        </pc:spChg>
        <pc:spChg chg="mod">
          <ac:chgData name="White, Alex" userId="eff6cc8c-37d8-483b-9c6c-6b27e9afa9bc" providerId="ADAL" clId="{BF04C754-5BF4-4E83-9615-DB14FA25AF8A}" dt="2023-10-12T11:38:20.867" v="298"/>
          <ac:spMkLst>
            <pc:docMk/>
            <pc:sldMk cId="2376958513" sldId="260"/>
            <ac:spMk id="12698" creationId="{52419357-6651-7818-101F-40D2FEB6DCE2}"/>
          </ac:spMkLst>
        </pc:spChg>
        <pc:spChg chg="mod">
          <ac:chgData name="White, Alex" userId="eff6cc8c-37d8-483b-9c6c-6b27e9afa9bc" providerId="ADAL" clId="{BF04C754-5BF4-4E83-9615-DB14FA25AF8A}" dt="2023-10-12T11:38:42.377" v="307"/>
          <ac:spMkLst>
            <pc:docMk/>
            <pc:sldMk cId="2376958513" sldId="260"/>
            <ac:spMk id="12710" creationId="{D18EA0B9-9537-E0AE-7B0B-C1906F63961A}"/>
          </ac:spMkLst>
        </pc:spChg>
        <pc:spChg chg="mod">
          <ac:chgData name="White, Alex" userId="eff6cc8c-37d8-483b-9c6c-6b27e9afa9bc" providerId="ADAL" clId="{BF04C754-5BF4-4E83-9615-DB14FA25AF8A}" dt="2023-10-12T11:38:42.377" v="307"/>
          <ac:spMkLst>
            <pc:docMk/>
            <pc:sldMk cId="2376958513" sldId="260"/>
            <ac:spMk id="12711" creationId="{CEE5B644-3C6D-22F1-9539-1588E5C82D97}"/>
          </ac:spMkLst>
        </pc:spChg>
        <pc:spChg chg="mod">
          <ac:chgData name="White, Alex" userId="eff6cc8c-37d8-483b-9c6c-6b27e9afa9bc" providerId="ADAL" clId="{BF04C754-5BF4-4E83-9615-DB14FA25AF8A}" dt="2023-10-12T11:38:42.377" v="307"/>
          <ac:spMkLst>
            <pc:docMk/>
            <pc:sldMk cId="2376958513" sldId="260"/>
            <ac:spMk id="12712" creationId="{BD80E86A-56E7-09CE-84DE-5C287649E629}"/>
          </ac:spMkLst>
        </pc:spChg>
        <pc:spChg chg="mod">
          <ac:chgData name="White, Alex" userId="eff6cc8c-37d8-483b-9c6c-6b27e9afa9bc" providerId="ADAL" clId="{BF04C754-5BF4-4E83-9615-DB14FA25AF8A}" dt="2023-10-12T11:38:42.377" v="307"/>
          <ac:spMkLst>
            <pc:docMk/>
            <pc:sldMk cId="2376958513" sldId="260"/>
            <ac:spMk id="12713" creationId="{B6BAAC07-D8FF-CF01-7179-B3E69898056B}"/>
          </ac:spMkLst>
        </pc:spChg>
        <pc:spChg chg="mod">
          <ac:chgData name="White, Alex" userId="eff6cc8c-37d8-483b-9c6c-6b27e9afa9bc" providerId="ADAL" clId="{BF04C754-5BF4-4E83-9615-DB14FA25AF8A}" dt="2023-10-12T11:38:42.377" v="307"/>
          <ac:spMkLst>
            <pc:docMk/>
            <pc:sldMk cId="2376958513" sldId="260"/>
            <ac:spMk id="12714" creationId="{BC055784-2C52-DF2E-F90E-BEB592FD0084}"/>
          </ac:spMkLst>
        </pc:spChg>
        <pc:spChg chg="mod">
          <ac:chgData name="White, Alex" userId="eff6cc8c-37d8-483b-9c6c-6b27e9afa9bc" providerId="ADAL" clId="{BF04C754-5BF4-4E83-9615-DB14FA25AF8A}" dt="2023-10-12T11:38:42.377" v="307"/>
          <ac:spMkLst>
            <pc:docMk/>
            <pc:sldMk cId="2376958513" sldId="260"/>
            <ac:spMk id="12715" creationId="{D794129C-7694-59F5-864F-DEEC80BB3B88}"/>
          </ac:spMkLst>
        </pc:spChg>
        <pc:spChg chg="mod">
          <ac:chgData name="White, Alex" userId="eff6cc8c-37d8-483b-9c6c-6b27e9afa9bc" providerId="ADAL" clId="{BF04C754-5BF4-4E83-9615-DB14FA25AF8A}" dt="2023-10-12T11:38:42.377" v="307"/>
          <ac:spMkLst>
            <pc:docMk/>
            <pc:sldMk cId="2376958513" sldId="260"/>
            <ac:spMk id="12716" creationId="{19153398-D661-C3F9-2323-CBA59F53412D}"/>
          </ac:spMkLst>
        </pc:spChg>
        <pc:spChg chg="mod">
          <ac:chgData name="White, Alex" userId="eff6cc8c-37d8-483b-9c6c-6b27e9afa9bc" providerId="ADAL" clId="{BF04C754-5BF4-4E83-9615-DB14FA25AF8A}" dt="2023-10-12T11:38:42.377" v="307"/>
          <ac:spMkLst>
            <pc:docMk/>
            <pc:sldMk cId="2376958513" sldId="260"/>
            <ac:spMk id="12717" creationId="{3E0A3E09-C714-9DB6-93D7-267C02A4B7A2}"/>
          </ac:spMkLst>
        </pc:spChg>
        <pc:spChg chg="mod">
          <ac:chgData name="White, Alex" userId="eff6cc8c-37d8-483b-9c6c-6b27e9afa9bc" providerId="ADAL" clId="{BF04C754-5BF4-4E83-9615-DB14FA25AF8A}" dt="2023-10-12T11:38:42.377" v="307"/>
          <ac:spMkLst>
            <pc:docMk/>
            <pc:sldMk cId="2376958513" sldId="260"/>
            <ac:spMk id="12718" creationId="{84EDFBBE-5DC2-56C2-8727-FE41A06F373B}"/>
          </ac:spMkLst>
        </pc:spChg>
        <pc:spChg chg="mod">
          <ac:chgData name="White, Alex" userId="eff6cc8c-37d8-483b-9c6c-6b27e9afa9bc" providerId="ADAL" clId="{BF04C754-5BF4-4E83-9615-DB14FA25AF8A}" dt="2023-10-12T11:38:42.377" v="307"/>
          <ac:spMkLst>
            <pc:docMk/>
            <pc:sldMk cId="2376958513" sldId="260"/>
            <ac:spMk id="12719" creationId="{A768116E-59D3-69D6-3279-D380EBF82DBB}"/>
          </ac:spMkLst>
        </pc:spChg>
        <pc:spChg chg="mod">
          <ac:chgData name="White, Alex" userId="eff6cc8c-37d8-483b-9c6c-6b27e9afa9bc" providerId="ADAL" clId="{BF04C754-5BF4-4E83-9615-DB14FA25AF8A}" dt="2023-10-12T11:38:42.377" v="307"/>
          <ac:spMkLst>
            <pc:docMk/>
            <pc:sldMk cId="2376958513" sldId="260"/>
            <ac:spMk id="12720" creationId="{34019626-775A-5000-B4C7-678188458508}"/>
          </ac:spMkLst>
        </pc:spChg>
        <pc:spChg chg="mod">
          <ac:chgData name="White, Alex" userId="eff6cc8c-37d8-483b-9c6c-6b27e9afa9bc" providerId="ADAL" clId="{BF04C754-5BF4-4E83-9615-DB14FA25AF8A}" dt="2023-10-12T11:38:42.377" v="307"/>
          <ac:spMkLst>
            <pc:docMk/>
            <pc:sldMk cId="2376958513" sldId="260"/>
            <ac:spMk id="12721" creationId="{3B082399-B134-F4FE-79AC-FF83C470687B}"/>
          </ac:spMkLst>
        </pc:spChg>
        <pc:spChg chg="mod">
          <ac:chgData name="White, Alex" userId="eff6cc8c-37d8-483b-9c6c-6b27e9afa9bc" providerId="ADAL" clId="{BF04C754-5BF4-4E83-9615-DB14FA25AF8A}" dt="2023-10-12T11:38:42.377" v="307"/>
          <ac:spMkLst>
            <pc:docMk/>
            <pc:sldMk cId="2376958513" sldId="260"/>
            <ac:spMk id="12722" creationId="{AF4C3989-858E-759E-4CF5-08B353572FD6}"/>
          </ac:spMkLst>
        </pc:spChg>
        <pc:spChg chg="mod">
          <ac:chgData name="White, Alex" userId="eff6cc8c-37d8-483b-9c6c-6b27e9afa9bc" providerId="ADAL" clId="{BF04C754-5BF4-4E83-9615-DB14FA25AF8A}" dt="2023-10-12T11:38:42.377" v="307"/>
          <ac:spMkLst>
            <pc:docMk/>
            <pc:sldMk cId="2376958513" sldId="260"/>
            <ac:spMk id="12723" creationId="{FF4C2158-589E-46FB-70CD-E1F6DE865820}"/>
          </ac:spMkLst>
        </pc:spChg>
        <pc:spChg chg="mod">
          <ac:chgData name="White, Alex" userId="eff6cc8c-37d8-483b-9c6c-6b27e9afa9bc" providerId="ADAL" clId="{BF04C754-5BF4-4E83-9615-DB14FA25AF8A}" dt="2023-10-12T11:38:42.377" v="307"/>
          <ac:spMkLst>
            <pc:docMk/>
            <pc:sldMk cId="2376958513" sldId="260"/>
            <ac:spMk id="12724" creationId="{5C138728-6EDA-BC2D-5370-086F4E18F50C}"/>
          </ac:spMkLst>
        </pc:spChg>
        <pc:spChg chg="mod">
          <ac:chgData name="White, Alex" userId="eff6cc8c-37d8-483b-9c6c-6b27e9afa9bc" providerId="ADAL" clId="{BF04C754-5BF4-4E83-9615-DB14FA25AF8A}" dt="2023-10-12T11:38:42.377" v="307"/>
          <ac:spMkLst>
            <pc:docMk/>
            <pc:sldMk cId="2376958513" sldId="260"/>
            <ac:spMk id="12725" creationId="{70265428-8753-308A-71B3-62CAAD25EB66}"/>
          </ac:spMkLst>
        </pc:spChg>
        <pc:spChg chg="mod">
          <ac:chgData name="White, Alex" userId="eff6cc8c-37d8-483b-9c6c-6b27e9afa9bc" providerId="ADAL" clId="{BF04C754-5BF4-4E83-9615-DB14FA25AF8A}" dt="2023-10-12T11:38:42.377" v="307"/>
          <ac:spMkLst>
            <pc:docMk/>
            <pc:sldMk cId="2376958513" sldId="260"/>
            <ac:spMk id="12726" creationId="{8E4A365A-4282-439F-3C38-3097D4DA0048}"/>
          </ac:spMkLst>
        </pc:spChg>
        <pc:spChg chg="mod">
          <ac:chgData name="White, Alex" userId="eff6cc8c-37d8-483b-9c6c-6b27e9afa9bc" providerId="ADAL" clId="{BF04C754-5BF4-4E83-9615-DB14FA25AF8A}" dt="2023-10-12T11:38:42.377" v="307"/>
          <ac:spMkLst>
            <pc:docMk/>
            <pc:sldMk cId="2376958513" sldId="260"/>
            <ac:spMk id="12727" creationId="{751D7002-DC84-3298-FA0D-2E8F82BA4B31}"/>
          </ac:spMkLst>
        </pc:spChg>
        <pc:spChg chg="mod">
          <ac:chgData name="White, Alex" userId="eff6cc8c-37d8-483b-9c6c-6b27e9afa9bc" providerId="ADAL" clId="{BF04C754-5BF4-4E83-9615-DB14FA25AF8A}" dt="2023-10-12T11:38:42.377" v="307"/>
          <ac:spMkLst>
            <pc:docMk/>
            <pc:sldMk cId="2376958513" sldId="260"/>
            <ac:spMk id="12728" creationId="{D446EC36-400D-D265-5C4C-89DF28CEF62E}"/>
          </ac:spMkLst>
        </pc:spChg>
        <pc:spChg chg="mod">
          <ac:chgData name="White, Alex" userId="eff6cc8c-37d8-483b-9c6c-6b27e9afa9bc" providerId="ADAL" clId="{BF04C754-5BF4-4E83-9615-DB14FA25AF8A}" dt="2023-10-12T11:38:42.377" v="307"/>
          <ac:spMkLst>
            <pc:docMk/>
            <pc:sldMk cId="2376958513" sldId="260"/>
            <ac:spMk id="12729" creationId="{C2EAE15B-09A5-2CCE-3E5F-AD202D01BC00}"/>
          </ac:spMkLst>
        </pc:spChg>
        <pc:spChg chg="mod">
          <ac:chgData name="White, Alex" userId="eff6cc8c-37d8-483b-9c6c-6b27e9afa9bc" providerId="ADAL" clId="{BF04C754-5BF4-4E83-9615-DB14FA25AF8A}" dt="2023-10-12T11:38:42.377" v="307"/>
          <ac:spMkLst>
            <pc:docMk/>
            <pc:sldMk cId="2376958513" sldId="260"/>
            <ac:spMk id="12730" creationId="{4F6C4712-2BF3-E971-52D8-40401B9CE31C}"/>
          </ac:spMkLst>
        </pc:spChg>
        <pc:spChg chg="mod">
          <ac:chgData name="White, Alex" userId="eff6cc8c-37d8-483b-9c6c-6b27e9afa9bc" providerId="ADAL" clId="{BF04C754-5BF4-4E83-9615-DB14FA25AF8A}" dt="2023-10-12T11:38:42.377" v="307"/>
          <ac:spMkLst>
            <pc:docMk/>
            <pc:sldMk cId="2376958513" sldId="260"/>
            <ac:spMk id="12731" creationId="{9BC4840C-2E51-D0B9-35BD-34647F56E323}"/>
          </ac:spMkLst>
        </pc:spChg>
        <pc:spChg chg="mod">
          <ac:chgData name="White, Alex" userId="eff6cc8c-37d8-483b-9c6c-6b27e9afa9bc" providerId="ADAL" clId="{BF04C754-5BF4-4E83-9615-DB14FA25AF8A}" dt="2023-10-12T11:38:42.377" v="307"/>
          <ac:spMkLst>
            <pc:docMk/>
            <pc:sldMk cId="2376958513" sldId="260"/>
            <ac:spMk id="12732" creationId="{33EE5A99-A1BC-73B1-0A08-9603664486E9}"/>
          </ac:spMkLst>
        </pc:spChg>
        <pc:spChg chg="mod">
          <ac:chgData name="White, Alex" userId="eff6cc8c-37d8-483b-9c6c-6b27e9afa9bc" providerId="ADAL" clId="{BF04C754-5BF4-4E83-9615-DB14FA25AF8A}" dt="2023-10-12T11:38:42.377" v="307"/>
          <ac:spMkLst>
            <pc:docMk/>
            <pc:sldMk cId="2376958513" sldId="260"/>
            <ac:spMk id="12733" creationId="{F4661ADD-3847-6FC8-51B0-5DB4ED3EC17F}"/>
          </ac:spMkLst>
        </pc:spChg>
        <pc:spChg chg="mod">
          <ac:chgData name="White, Alex" userId="eff6cc8c-37d8-483b-9c6c-6b27e9afa9bc" providerId="ADAL" clId="{BF04C754-5BF4-4E83-9615-DB14FA25AF8A}" dt="2023-10-12T11:38:42.377" v="307"/>
          <ac:spMkLst>
            <pc:docMk/>
            <pc:sldMk cId="2376958513" sldId="260"/>
            <ac:spMk id="12734" creationId="{03D5CC08-1DF9-725F-93A5-4FBF121A8512}"/>
          </ac:spMkLst>
        </pc:spChg>
        <pc:spChg chg="mod">
          <ac:chgData name="White, Alex" userId="eff6cc8c-37d8-483b-9c6c-6b27e9afa9bc" providerId="ADAL" clId="{BF04C754-5BF4-4E83-9615-DB14FA25AF8A}" dt="2023-10-12T11:38:42.377" v="307"/>
          <ac:spMkLst>
            <pc:docMk/>
            <pc:sldMk cId="2376958513" sldId="260"/>
            <ac:spMk id="12735" creationId="{ABD8022C-AF36-61EF-6922-19E7BD35CEB7}"/>
          </ac:spMkLst>
        </pc:spChg>
        <pc:spChg chg="mod">
          <ac:chgData name="White, Alex" userId="eff6cc8c-37d8-483b-9c6c-6b27e9afa9bc" providerId="ADAL" clId="{BF04C754-5BF4-4E83-9615-DB14FA25AF8A}" dt="2023-10-12T11:38:42.377" v="307"/>
          <ac:spMkLst>
            <pc:docMk/>
            <pc:sldMk cId="2376958513" sldId="260"/>
            <ac:spMk id="12736" creationId="{57807ADB-DCDA-8DFB-041B-8AB190E552E4}"/>
          </ac:spMkLst>
        </pc:spChg>
        <pc:spChg chg="mod">
          <ac:chgData name="White, Alex" userId="eff6cc8c-37d8-483b-9c6c-6b27e9afa9bc" providerId="ADAL" clId="{BF04C754-5BF4-4E83-9615-DB14FA25AF8A}" dt="2023-10-12T11:38:42.377" v="307"/>
          <ac:spMkLst>
            <pc:docMk/>
            <pc:sldMk cId="2376958513" sldId="260"/>
            <ac:spMk id="12737" creationId="{5B8CEF93-B48E-DAA6-BE8D-0E5FEC775FD5}"/>
          </ac:spMkLst>
        </pc:spChg>
        <pc:spChg chg="mod">
          <ac:chgData name="White, Alex" userId="eff6cc8c-37d8-483b-9c6c-6b27e9afa9bc" providerId="ADAL" clId="{BF04C754-5BF4-4E83-9615-DB14FA25AF8A}" dt="2023-10-12T11:38:42.377" v="307"/>
          <ac:spMkLst>
            <pc:docMk/>
            <pc:sldMk cId="2376958513" sldId="260"/>
            <ac:spMk id="12738" creationId="{B05A3764-2333-5AE8-641B-3375C1ACAC7F}"/>
          </ac:spMkLst>
        </pc:spChg>
        <pc:spChg chg="mod">
          <ac:chgData name="White, Alex" userId="eff6cc8c-37d8-483b-9c6c-6b27e9afa9bc" providerId="ADAL" clId="{BF04C754-5BF4-4E83-9615-DB14FA25AF8A}" dt="2023-10-12T11:38:42.377" v="307"/>
          <ac:spMkLst>
            <pc:docMk/>
            <pc:sldMk cId="2376958513" sldId="260"/>
            <ac:spMk id="12739" creationId="{33D5F445-11E2-E32A-3ABF-F698A412C1F3}"/>
          </ac:spMkLst>
        </pc:spChg>
        <pc:spChg chg="mod">
          <ac:chgData name="White, Alex" userId="eff6cc8c-37d8-483b-9c6c-6b27e9afa9bc" providerId="ADAL" clId="{BF04C754-5BF4-4E83-9615-DB14FA25AF8A}" dt="2023-10-12T11:38:42.377" v="307"/>
          <ac:spMkLst>
            <pc:docMk/>
            <pc:sldMk cId="2376958513" sldId="260"/>
            <ac:spMk id="12740" creationId="{C02E6808-FBA9-D98A-9D69-DC771B160EFD}"/>
          </ac:spMkLst>
        </pc:spChg>
        <pc:spChg chg="mod">
          <ac:chgData name="White, Alex" userId="eff6cc8c-37d8-483b-9c6c-6b27e9afa9bc" providerId="ADAL" clId="{BF04C754-5BF4-4E83-9615-DB14FA25AF8A}" dt="2023-10-12T11:38:42.377" v="307"/>
          <ac:spMkLst>
            <pc:docMk/>
            <pc:sldMk cId="2376958513" sldId="260"/>
            <ac:spMk id="12741" creationId="{FA54BB59-086F-B8E7-367F-8E01FB1AB146}"/>
          </ac:spMkLst>
        </pc:spChg>
        <pc:spChg chg="mod">
          <ac:chgData name="White, Alex" userId="eff6cc8c-37d8-483b-9c6c-6b27e9afa9bc" providerId="ADAL" clId="{BF04C754-5BF4-4E83-9615-DB14FA25AF8A}" dt="2023-10-12T11:38:42.377" v="307"/>
          <ac:spMkLst>
            <pc:docMk/>
            <pc:sldMk cId="2376958513" sldId="260"/>
            <ac:spMk id="12742" creationId="{1D900550-1A1E-ED22-222A-8577814C41D3}"/>
          </ac:spMkLst>
        </pc:spChg>
        <pc:spChg chg="mod">
          <ac:chgData name="White, Alex" userId="eff6cc8c-37d8-483b-9c6c-6b27e9afa9bc" providerId="ADAL" clId="{BF04C754-5BF4-4E83-9615-DB14FA25AF8A}" dt="2023-10-12T11:38:42.377" v="307"/>
          <ac:spMkLst>
            <pc:docMk/>
            <pc:sldMk cId="2376958513" sldId="260"/>
            <ac:spMk id="12743" creationId="{117EBD1F-9348-32C4-3E76-1AECD91D5408}"/>
          </ac:spMkLst>
        </pc:spChg>
        <pc:spChg chg="mod">
          <ac:chgData name="White, Alex" userId="eff6cc8c-37d8-483b-9c6c-6b27e9afa9bc" providerId="ADAL" clId="{BF04C754-5BF4-4E83-9615-DB14FA25AF8A}" dt="2023-10-12T11:38:42.377" v="307"/>
          <ac:spMkLst>
            <pc:docMk/>
            <pc:sldMk cId="2376958513" sldId="260"/>
            <ac:spMk id="12744" creationId="{D871A314-3F0D-AA43-9F15-A915A4427325}"/>
          </ac:spMkLst>
        </pc:spChg>
        <pc:spChg chg="mod">
          <ac:chgData name="White, Alex" userId="eff6cc8c-37d8-483b-9c6c-6b27e9afa9bc" providerId="ADAL" clId="{BF04C754-5BF4-4E83-9615-DB14FA25AF8A}" dt="2023-10-12T11:38:42.377" v="307"/>
          <ac:spMkLst>
            <pc:docMk/>
            <pc:sldMk cId="2376958513" sldId="260"/>
            <ac:spMk id="12745" creationId="{17492850-585F-A460-C605-3C801F21169E}"/>
          </ac:spMkLst>
        </pc:spChg>
        <pc:spChg chg="mod">
          <ac:chgData name="White, Alex" userId="eff6cc8c-37d8-483b-9c6c-6b27e9afa9bc" providerId="ADAL" clId="{BF04C754-5BF4-4E83-9615-DB14FA25AF8A}" dt="2023-10-12T11:38:42.377" v="307"/>
          <ac:spMkLst>
            <pc:docMk/>
            <pc:sldMk cId="2376958513" sldId="260"/>
            <ac:spMk id="12746" creationId="{1AA98649-0450-961B-2186-740174F4A79B}"/>
          </ac:spMkLst>
        </pc:spChg>
        <pc:spChg chg="mod">
          <ac:chgData name="White, Alex" userId="eff6cc8c-37d8-483b-9c6c-6b27e9afa9bc" providerId="ADAL" clId="{BF04C754-5BF4-4E83-9615-DB14FA25AF8A}" dt="2023-10-12T11:38:42.377" v="307"/>
          <ac:spMkLst>
            <pc:docMk/>
            <pc:sldMk cId="2376958513" sldId="260"/>
            <ac:spMk id="12747" creationId="{4CCFB544-93F6-66DE-BAC9-23C7EB78EE23}"/>
          </ac:spMkLst>
        </pc:spChg>
        <pc:spChg chg="mod">
          <ac:chgData name="White, Alex" userId="eff6cc8c-37d8-483b-9c6c-6b27e9afa9bc" providerId="ADAL" clId="{BF04C754-5BF4-4E83-9615-DB14FA25AF8A}" dt="2023-10-12T11:38:42.377" v="307"/>
          <ac:spMkLst>
            <pc:docMk/>
            <pc:sldMk cId="2376958513" sldId="260"/>
            <ac:spMk id="12748" creationId="{34017EA4-FCD7-68C2-20BA-52583694B867}"/>
          </ac:spMkLst>
        </pc:spChg>
        <pc:spChg chg="mod">
          <ac:chgData name="White, Alex" userId="eff6cc8c-37d8-483b-9c6c-6b27e9afa9bc" providerId="ADAL" clId="{BF04C754-5BF4-4E83-9615-DB14FA25AF8A}" dt="2023-10-12T11:38:42.377" v="307"/>
          <ac:spMkLst>
            <pc:docMk/>
            <pc:sldMk cId="2376958513" sldId="260"/>
            <ac:spMk id="12749" creationId="{6A8E7DB3-93BA-DB2A-A5BD-6BD173589F27}"/>
          </ac:spMkLst>
        </pc:spChg>
        <pc:spChg chg="mod">
          <ac:chgData name="White, Alex" userId="eff6cc8c-37d8-483b-9c6c-6b27e9afa9bc" providerId="ADAL" clId="{BF04C754-5BF4-4E83-9615-DB14FA25AF8A}" dt="2023-10-12T11:38:42.377" v="307"/>
          <ac:spMkLst>
            <pc:docMk/>
            <pc:sldMk cId="2376958513" sldId="260"/>
            <ac:spMk id="12750" creationId="{BB36DC29-6B65-30CA-204D-8F8CE8A1F428}"/>
          </ac:spMkLst>
        </pc:spChg>
        <pc:spChg chg="mod">
          <ac:chgData name="White, Alex" userId="eff6cc8c-37d8-483b-9c6c-6b27e9afa9bc" providerId="ADAL" clId="{BF04C754-5BF4-4E83-9615-DB14FA25AF8A}" dt="2023-10-12T11:38:42.377" v="307"/>
          <ac:spMkLst>
            <pc:docMk/>
            <pc:sldMk cId="2376958513" sldId="260"/>
            <ac:spMk id="12751" creationId="{5443740F-01CB-D0E8-98EE-B6B7A5A86A88}"/>
          </ac:spMkLst>
        </pc:spChg>
        <pc:spChg chg="mod">
          <ac:chgData name="White, Alex" userId="eff6cc8c-37d8-483b-9c6c-6b27e9afa9bc" providerId="ADAL" clId="{BF04C754-5BF4-4E83-9615-DB14FA25AF8A}" dt="2023-10-12T11:38:42.377" v="307"/>
          <ac:spMkLst>
            <pc:docMk/>
            <pc:sldMk cId="2376958513" sldId="260"/>
            <ac:spMk id="12752" creationId="{B3176171-7C33-CF8C-25A3-366E0021DA82}"/>
          </ac:spMkLst>
        </pc:spChg>
        <pc:spChg chg="mod">
          <ac:chgData name="White, Alex" userId="eff6cc8c-37d8-483b-9c6c-6b27e9afa9bc" providerId="ADAL" clId="{BF04C754-5BF4-4E83-9615-DB14FA25AF8A}" dt="2023-10-12T11:38:42.377" v="307"/>
          <ac:spMkLst>
            <pc:docMk/>
            <pc:sldMk cId="2376958513" sldId="260"/>
            <ac:spMk id="12753" creationId="{79521D94-71C2-B775-C740-FFBFCA05DF39}"/>
          </ac:spMkLst>
        </pc:spChg>
        <pc:spChg chg="mod">
          <ac:chgData name="White, Alex" userId="eff6cc8c-37d8-483b-9c6c-6b27e9afa9bc" providerId="ADAL" clId="{BF04C754-5BF4-4E83-9615-DB14FA25AF8A}" dt="2023-10-12T11:38:42.377" v="307"/>
          <ac:spMkLst>
            <pc:docMk/>
            <pc:sldMk cId="2376958513" sldId="260"/>
            <ac:spMk id="12754" creationId="{C0580A45-5BF6-ABA9-E25E-7BC9EA531287}"/>
          </ac:spMkLst>
        </pc:spChg>
        <pc:spChg chg="mod">
          <ac:chgData name="White, Alex" userId="eff6cc8c-37d8-483b-9c6c-6b27e9afa9bc" providerId="ADAL" clId="{BF04C754-5BF4-4E83-9615-DB14FA25AF8A}" dt="2023-10-12T11:38:42.377" v="307"/>
          <ac:spMkLst>
            <pc:docMk/>
            <pc:sldMk cId="2376958513" sldId="260"/>
            <ac:spMk id="12755" creationId="{C4F9270E-54AE-3AC9-9C48-490D76217F86}"/>
          </ac:spMkLst>
        </pc:spChg>
        <pc:spChg chg="mod">
          <ac:chgData name="White, Alex" userId="eff6cc8c-37d8-483b-9c6c-6b27e9afa9bc" providerId="ADAL" clId="{BF04C754-5BF4-4E83-9615-DB14FA25AF8A}" dt="2023-10-12T11:38:42.377" v="307"/>
          <ac:spMkLst>
            <pc:docMk/>
            <pc:sldMk cId="2376958513" sldId="260"/>
            <ac:spMk id="12756" creationId="{125FDC18-EF90-F934-6ED3-13311CBF98E5}"/>
          </ac:spMkLst>
        </pc:spChg>
        <pc:spChg chg="mod">
          <ac:chgData name="White, Alex" userId="eff6cc8c-37d8-483b-9c6c-6b27e9afa9bc" providerId="ADAL" clId="{BF04C754-5BF4-4E83-9615-DB14FA25AF8A}" dt="2023-10-12T11:38:42.377" v="307"/>
          <ac:spMkLst>
            <pc:docMk/>
            <pc:sldMk cId="2376958513" sldId="260"/>
            <ac:spMk id="12757" creationId="{1E363608-6D2D-DE60-3782-4339BB62BD0A}"/>
          </ac:spMkLst>
        </pc:spChg>
        <pc:spChg chg="mod">
          <ac:chgData name="White, Alex" userId="eff6cc8c-37d8-483b-9c6c-6b27e9afa9bc" providerId="ADAL" clId="{BF04C754-5BF4-4E83-9615-DB14FA25AF8A}" dt="2023-10-12T11:38:42.377" v="307"/>
          <ac:spMkLst>
            <pc:docMk/>
            <pc:sldMk cId="2376958513" sldId="260"/>
            <ac:spMk id="12758" creationId="{2B247588-7543-EA7D-12C4-18D7B5C5D2F5}"/>
          </ac:spMkLst>
        </pc:spChg>
        <pc:spChg chg="mod">
          <ac:chgData name="White, Alex" userId="eff6cc8c-37d8-483b-9c6c-6b27e9afa9bc" providerId="ADAL" clId="{BF04C754-5BF4-4E83-9615-DB14FA25AF8A}" dt="2023-10-12T11:38:42.377" v="307"/>
          <ac:spMkLst>
            <pc:docMk/>
            <pc:sldMk cId="2376958513" sldId="260"/>
            <ac:spMk id="12759" creationId="{51F3F1F2-61C8-32EC-58F4-896B4007EF06}"/>
          </ac:spMkLst>
        </pc:spChg>
        <pc:spChg chg="mod">
          <ac:chgData name="White, Alex" userId="eff6cc8c-37d8-483b-9c6c-6b27e9afa9bc" providerId="ADAL" clId="{BF04C754-5BF4-4E83-9615-DB14FA25AF8A}" dt="2023-10-12T11:38:42.377" v="307"/>
          <ac:spMkLst>
            <pc:docMk/>
            <pc:sldMk cId="2376958513" sldId="260"/>
            <ac:spMk id="12760" creationId="{0E06F1A7-D834-AF00-8E78-0274003953BB}"/>
          </ac:spMkLst>
        </pc:spChg>
        <pc:spChg chg="mod">
          <ac:chgData name="White, Alex" userId="eff6cc8c-37d8-483b-9c6c-6b27e9afa9bc" providerId="ADAL" clId="{BF04C754-5BF4-4E83-9615-DB14FA25AF8A}" dt="2023-10-12T11:38:42.377" v="307"/>
          <ac:spMkLst>
            <pc:docMk/>
            <pc:sldMk cId="2376958513" sldId="260"/>
            <ac:spMk id="12761" creationId="{8029A462-957A-BC9D-B9D2-2FB28C923C40}"/>
          </ac:spMkLst>
        </pc:spChg>
        <pc:spChg chg="mod">
          <ac:chgData name="White, Alex" userId="eff6cc8c-37d8-483b-9c6c-6b27e9afa9bc" providerId="ADAL" clId="{BF04C754-5BF4-4E83-9615-DB14FA25AF8A}" dt="2023-10-12T11:38:42.377" v="307"/>
          <ac:spMkLst>
            <pc:docMk/>
            <pc:sldMk cId="2376958513" sldId="260"/>
            <ac:spMk id="12762" creationId="{C326F837-1EBA-D263-85BD-4DA5B67A2F2D}"/>
          </ac:spMkLst>
        </pc:spChg>
        <pc:spChg chg="mod">
          <ac:chgData name="White, Alex" userId="eff6cc8c-37d8-483b-9c6c-6b27e9afa9bc" providerId="ADAL" clId="{BF04C754-5BF4-4E83-9615-DB14FA25AF8A}" dt="2023-10-12T11:38:42.377" v="307"/>
          <ac:spMkLst>
            <pc:docMk/>
            <pc:sldMk cId="2376958513" sldId="260"/>
            <ac:spMk id="12763" creationId="{F3EB8530-C3DC-5CBF-B45B-6E825F53145F}"/>
          </ac:spMkLst>
        </pc:spChg>
        <pc:spChg chg="mod">
          <ac:chgData name="White, Alex" userId="eff6cc8c-37d8-483b-9c6c-6b27e9afa9bc" providerId="ADAL" clId="{BF04C754-5BF4-4E83-9615-DB14FA25AF8A}" dt="2023-10-12T11:38:42.377" v="307"/>
          <ac:spMkLst>
            <pc:docMk/>
            <pc:sldMk cId="2376958513" sldId="260"/>
            <ac:spMk id="12764" creationId="{BABC97CE-3FB0-02EF-31A3-B07962E86437}"/>
          </ac:spMkLst>
        </pc:spChg>
        <pc:spChg chg="mod">
          <ac:chgData name="White, Alex" userId="eff6cc8c-37d8-483b-9c6c-6b27e9afa9bc" providerId="ADAL" clId="{BF04C754-5BF4-4E83-9615-DB14FA25AF8A}" dt="2023-10-12T11:38:42.377" v="307"/>
          <ac:spMkLst>
            <pc:docMk/>
            <pc:sldMk cId="2376958513" sldId="260"/>
            <ac:spMk id="12765" creationId="{601D616C-9A2D-C7E7-0CAA-E447BA8E3F23}"/>
          </ac:spMkLst>
        </pc:spChg>
        <pc:spChg chg="mod">
          <ac:chgData name="White, Alex" userId="eff6cc8c-37d8-483b-9c6c-6b27e9afa9bc" providerId="ADAL" clId="{BF04C754-5BF4-4E83-9615-DB14FA25AF8A}" dt="2023-10-12T11:38:42.377" v="307"/>
          <ac:spMkLst>
            <pc:docMk/>
            <pc:sldMk cId="2376958513" sldId="260"/>
            <ac:spMk id="12766" creationId="{82EF222B-5BEB-D0D4-7C03-A67BAB98E2E9}"/>
          </ac:spMkLst>
        </pc:spChg>
        <pc:spChg chg="mod">
          <ac:chgData name="White, Alex" userId="eff6cc8c-37d8-483b-9c6c-6b27e9afa9bc" providerId="ADAL" clId="{BF04C754-5BF4-4E83-9615-DB14FA25AF8A}" dt="2023-10-12T11:38:42.377" v="307"/>
          <ac:spMkLst>
            <pc:docMk/>
            <pc:sldMk cId="2376958513" sldId="260"/>
            <ac:spMk id="12767" creationId="{35D4C44E-9D68-3CF1-844F-C20C25B93EA5}"/>
          </ac:spMkLst>
        </pc:spChg>
        <pc:spChg chg="mod">
          <ac:chgData name="White, Alex" userId="eff6cc8c-37d8-483b-9c6c-6b27e9afa9bc" providerId="ADAL" clId="{BF04C754-5BF4-4E83-9615-DB14FA25AF8A}" dt="2023-10-12T11:38:42.377" v="307"/>
          <ac:spMkLst>
            <pc:docMk/>
            <pc:sldMk cId="2376958513" sldId="260"/>
            <ac:spMk id="12768" creationId="{0CAA00A2-A14D-A965-B640-EC95ADF04D24}"/>
          </ac:spMkLst>
        </pc:spChg>
        <pc:spChg chg="mod">
          <ac:chgData name="White, Alex" userId="eff6cc8c-37d8-483b-9c6c-6b27e9afa9bc" providerId="ADAL" clId="{BF04C754-5BF4-4E83-9615-DB14FA25AF8A}" dt="2023-10-12T11:38:42.377" v="307"/>
          <ac:spMkLst>
            <pc:docMk/>
            <pc:sldMk cId="2376958513" sldId="260"/>
            <ac:spMk id="12769" creationId="{F1E59E8A-0DB5-40B3-390B-96878F7F93C8}"/>
          </ac:spMkLst>
        </pc:spChg>
        <pc:spChg chg="mod">
          <ac:chgData name="White, Alex" userId="eff6cc8c-37d8-483b-9c6c-6b27e9afa9bc" providerId="ADAL" clId="{BF04C754-5BF4-4E83-9615-DB14FA25AF8A}" dt="2023-10-12T11:38:42.377" v="307"/>
          <ac:spMkLst>
            <pc:docMk/>
            <pc:sldMk cId="2376958513" sldId="260"/>
            <ac:spMk id="12770" creationId="{88BDB872-A870-1B50-784D-3B21710F7A6C}"/>
          </ac:spMkLst>
        </pc:spChg>
        <pc:spChg chg="mod">
          <ac:chgData name="White, Alex" userId="eff6cc8c-37d8-483b-9c6c-6b27e9afa9bc" providerId="ADAL" clId="{BF04C754-5BF4-4E83-9615-DB14FA25AF8A}" dt="2023-10-12T11:38:42.377" v="307"/>
          <ac:spMkLst>
            <pc:docMk/>
            <pc:sldMk cId="2376958513" sldId="260"/>
            <ac:spMk id="12771" creationId="{F1D737ED-06C8-C88C-170F-BA397404A64A}"/>
          </ac:spMkLst>
        </pc:spChg>
        <pc:spChg chg="mod">
          <ac:chgData name="White, Alex" userId="eff6cc8c-37d8-483b-9c6c-6b27e9afa9bc" providerId="ADAL" clId="{BF04C754-5BF4-4E83-9615-DB14FA25AF8A}" dt="2023-10-12T11:38:42.377" v="307"/>
          <ac:spMkLst>
            <pc:docMk/>
            <pc:sldMk cId="2376958513" sldId="260"/>
            <ac:spMk id="12772" creationId="{00740928-E3BF-A19E-9F0B-94B62367D7C9}"/>
          </ac:spMkLst>
        </pc:spChg>
        <pc:spChg chg="mod">
          <ac:chgData name="White, Alex" userId="eff6cc8c-37d8-483b-9c6c-6b27e9afa9bc" providerId="ADAL" clId="{BF04C754-5BF4-4E83-9615-DB14FA25AF8A}" dt="2023-10-12T11:38:42.377" v="307"/>
          <ac:spMkLst>
            <pc:docMk/>
            <pc:sldMk cId="2376958513" sldId="260"/>
            <ac:spMk id="12773" creationId="{DD4C07DB-F0E7-D17A-8254-822C5AD4A2B2}"/>
          </ac:spMkLst>
        </pc:spChg>
        <pc:spChg chg="mod">
          <ac:chgData name="White, Alex" userId="eff6cc8c-37d8-483b-9c6c-6b27e9afa9bc" providerId="ADAL" clId="{BF04C754-5BF4-4E83-9615-DB14FA25AF8A}" dt="2023-10-12T11:38:42.377" v="307"/>
          <ac:spMkLst>
            <pc:docMk/>
            <pc:sldMk cId="2376958513" sldId="260"/>
            <ac:spMk id="12774" creationId="{6B27B848-BE2A-F13C-E4A2-D55AC50A2492}"/>
          </ac:spMkLst>
        </pc:spChg>
        <pc:spChg chg="mod">
          <ac:chgData name="White, Alex" userId="eff6cc8c-37d8-483b-9c6c-6b27e9afa9bc" providerId="ADAL" clId="{BF04C754-5BF4-4E83-9615-DB14FA25AF8A}" dt="2023-10-12T11:38:42.377" v="307"/>
          <ac:spMkLst>
            <pc:docMk/>
            <pc:sldMk cId="2376958513" sldId="260"/>
            <ac:spMk id="12775" creationId="{A4CDC01B-78D7-60FE-9DE3-F55898F89195}"/>
          </ac:spMkLst>
        </pc:spChg>
        <pc:spChg chg="mod">
          <ac:chgData name="White, Alex" userId="eff6cc8c-37d8-483b-9c6c-6b27e9afa9bc" providerId="ADAL" clId="{BF04C754-5BF4-4E83-9615-DB14FA25AF8A}" dt="2023-10-12T11:38:42.377" v="307"/>
          <ac:spMkLst>
            <pc:docMk/>
            <pc:sldMk cId="2376958513" sldId="260"/>
            <ac:spMk id="12776" creationId="{68ECD391-799A-F2B5-DA92-8A0239BA5FCD}"/>
          </ac:spMkLst>
        </pc:spChg>
        <pc:spChg chg="mod">
          <ac:chgData name="White, Alex" userId="eff6cc8c-37d8-483b-9c6c-6b27e9afa9bc" providerId="ADAL" clId="{BF04C754-5BF4-4E83-9615-DB14FA25AF8A}" dt="2023-10-12T11:38:42.377" v="307"/>
          <ac:spMkLst>
            <pc:docMk/>
            <pc:sldMk cId="2376958513" sldId="260"/>
            <ac:spMk id="12777" creationId="{F5C162C6-60A1-84CE-F383-F2B5900B4CAD}"/>
          </ac:spMkLst>
        </pc:spChg>
        <pc:spChg chg="mod">
          <ac:chgData name="White, Alex" userId="eff6cc8c-37d8-483b-9c6c-6b27e9afa9bc" providerId="ADAL" clId="{BF04C754-5BF4-4E83-9615-DB14FA25AF8A}" dt="2023-10-12T11:38:42.377" v="307"/>
          <ac:spMkLst>
            <pc:docMk/>
            <pc:sldMk cId="2376958513" sldId="260"/>
            <ac:spMk id="12778" creationId="{F6336C13-20DA-CC41-A9F6-8F7B85BD4E1A}"/>
          </ac:spMkLst>
        </pc:spChg>
        <pc:spChg chg="mod">
          <ac:chgData name="White, Alex" userId="eff6cc8c-37d8-483b-9c6c-6b27e9afa9bc" providerId="ADAL" clId="{BF04C754-5BF4-4E83-9615-DB14FA25AF8A}" dt="2023-10-12T11:38:42.377" v="307"/>
          <ac:spMkLst>
            <pc:docMk/>
            <pc:sldMk cId="2376958513" sldId="260"/>
            <ac:spMk id="12779" creationId="{8873B039-B038-B08E-F88A-C7BD262573CF}"/>
          </ac:spMkLst>
        </pc:spChg>
        <pc:spChg chg="mod">
          <ac:chgData name="White, Alex" userId="eff6cc8c-37d8-483b-9c6c-6b27e9afa9bc" providerId="ADAL" clId="{BF04C754-5BF4-4E83-9615-DB14FA25AF8A}" dt="2023-10-12T11:38:42.377" v="307"/>
          <ac:spMkLst>
            <pc:docMk/>
            <pc:sldMk cId="2376958513" sldId="260"/>
            <ac:spMk id="12780" creationId="{DBDF4CCE-8CFF-5096-FC43-A31B7A8FC28B}"/>
          </ac:spMkLst>
        </pc:spChg>
        <pc:spChg chg="mod">
          <ac:chgData name="White, Alex" userId="eff6cc8c-37d8-483b-9c6c-6b27e9afa9bc" providerId="ADAL" clId="{BF04C754-5BF4-4E83-9615-DB14FA25AF8A}" dt="2023-10-12T11:38:42.377" v="307"/>
          <ac:spMkLst>
            <pc:docMk/>
            <pc:sldMk cId="2376958513" sldId="260"/>
            <ac:spMk id="12781" creationId="{3894FABA-2AD0-1D1E-43D0-45AC039A4C94}"/>
          </ac:spMkLst>
        </pc:spChg>
        <pc:spChg chg="mod">
          <ac:chgData name="White, Alex" userId="eff6cc8c-37d8-483b-9c6c-6b27e9afa9bc" providerId="ADAL" clId="{BF04C754-5BF4-4E83-9615-DB14FA25AF8A}" dt="2023-10-12T11:38:42.377" v="307"/>
          <ac:spMkLst>
            <pc:docMk/>
            <pc:sldMk cId="2376958513" sldId="260"/>
            <ac:spMk id="12782" creationId="{A18A1C18-F156-B03C-477B-E50FCA63EBB5}"/>
          </ac:spMkLst>
        </pc:spChg>
        <pc:spChg chg="mod">
          <ac:chgData name="White, Alex" userId="eff6cc8c-37d8-483b-9c6c-6b27e9afa9bc" providerId="ADAL" clId="{BF04C754-5BF4-4E83-9615-DB14FA25AF8A}" dt="2023-10-12T11:38:42.377" v="307"/>
          <ac:spMkLst>
            <pc:docMk/>
            <pc:sldMk cId="2376958513" sldId="260"/>
            <ac:spMk id="12783" creationId="{9B24BF95-A55E-5A9F-BDCC-87B3A0EF9908}"/>
          </ac:spMkLst>
        </pc:spChg>
        <pc:spChg chg="mod">
          <ac:chgData name="White, Alex" userId="eff6cc8c-37d8-483b-9c6c-6b27e9afa9bc" providerId="ADAL" clId="{BF04C754-5BF4-4E83-9615-DB14FA25AF8A}" dt="2023-10-12T11:38:42.377" v="307"/>
          <ac:spMkLst>
            <pc:docMk/>
            <pc:sldMk cId="2376958513" sldId="260"/>
            <ac:spMk id="12784" creationId="{40061E13-A418-7E90-C00D-7633E17C9A98}"/>
          </ac:spMkLst>
        </pc:spChg>
        <pc:spChg chg="mod">
          <ac:chgData name="White, Alex" userId="eff6cc8c-37d8-483b-9c6c-6b27e9afa9bc" providerId="ADAL" clId="{BF04C754-5BF4-4E83-9615-DB14FA25AF8A}" dt="2023-10-12T11:38:42.377" v="307"/>
          <ac:spMkLst>
            <pc:docMk/>
            <pc:sldMk cId="2376958513" sldId="260"/>
            <ac:spMk id="12785" creationId="{4876DC6E-D7B4-74BE-E4D0-10D0E5D7AC1B}"/>
          </ac:spMkLst>
        </pc:spChg>
        <pc:spChg chg="mod">
          <ac:chgData name="White, Alex" userId="eff6cc8c-37d8-483b-9c6c-6b27e9afa9bc" providerId="ADAL" clId="{BF04C754-5BF4-4E83-9615-DB14FA25AF8A}" dt="2023-10-12T11:38:42.377" v="307"/>
          <ac:spMkLst>
            <pc:docMk/>
            <pc:sldMk cId="2376958513" sldId="260"/>
            <ac:spMk id="12786" creationId="{A1605A64-541D-16B6-A613-2434A9EF17AE}"/>
          </ac:spMkLst>
        </pc:spChg>
        <pc:spChg chg="mod">
          <ac:chgData name="White, Alex" userId="eff6cc8c-37d8-483b-9c6c-6b27e9afa9bc" providerId="ADAL" clId="{BF04C754-5BF4-4E83-9615-DB14FA25AF8A}" dt="2023-10-12T11:38:42.377" v="307"/>
          <ac:spMkLst>
            <pc:docMk/>
            <pc:sldMk cId="2376958513" sldId="260"/>
            <ac:spMk id="12787" creationId="{88940186-CAD2-9451-671A-0276AC19AD35}"/>
          </ac:spMkLst>
        </pc:spChg>
        <pc:spChg chg="mod">
          <ac:chgData name="White, Alex" userId="eff6cc8c-37d8-483b-9c6c-6b27e9afa9bc" providerId="ADAL" clId="{BF04C754-5BF4-4E83-9615-DB14FA25AF8A}" dt="2023-10-12T11:38:42.377" v="307"/>
          <ac:spMkLst>
            <pc:docMk/>
            <pc:sldMk cId="2376958513" sldId="260"/>
            <ac:spMk id="12788" creationId="{3141D128-232A-10AC-1305-CB63D8D9974D}"/>
          </ac:spMkLst>
        </pc:spChg>
        <pc:spChg chg="mod">
          <ac:chgData name="White, Alex" userId="eff6cc8c-37d8-483b-9c6c-6b27e9afa9bc" providerId="ADAL" clId="{BF04C754-5BF4-4E83-9615-DB14FA25AF8A}" dt="2023-10-12T11:38:42.377" v="307"/>
          <ac:spMkLst>
            <pc:docMk/>
            <pc:sldMk cId="2376958513" sldId="260"/>
            <ac:spMk id="12789" creationId="{A14E3E17-CB14-37C6-741A-D0914BA2C549}"/>
          </ac:spMkLst>
        </pc:spChg>
        <pc:spChg chg="mod">
          <ac:chgData name="White, Alex" userId="eff6cc8c-37d8-483b-9c6c-6b27e9afa9bc" providerId="ADAL" clId="{BF04C754-5BF4-4E83-9615-DB14FA25AF8A}" dt="2023-10-12T11:38:42.377" v="307"/>
          <ac:spMkLst>
            <pc:docMk/>
            <pc:sldMk cId="2376958513" sldId="260"/>
            <ac:spMk id="12790" creationId="{34F4C7F6-E1AB-44BB-BDF6-AD4CCFFC63CF}"/>
          </ac:spMkLst>
        </pc:spChg>
        <pc:spChg chg="mod">
          <ac:chgData name="White, Alex" userId="eff6cc8c-37d8-483b-9c6c-6b27e9afa9bc" providerId="ADAL" clId="{BF04C754-5BF4-4E83-9615-DB14FA25AF8A}" dt="2023-10-12T11:38:42.377" v="307"/>
          <ac:spMkLst>
            <pc:docMk/>
            <pc:sldMk cId="2376958513" sldId="260"/>
            <ac:spMk id="12791" creationId="{162E3F03-E3D6-1FD3-189B-8EB52F5B8766}"/>
          </ac:spMkLst>
        </pc:spChg>
        <pc:spChg chg="mod">
          <ac:chgData name="White, Alex" userId="eff6cc8c-37d8-483b-9c6c-6b27e9afa9bc" providerId="ADAL" clId="{BF04C754-5BF4-4E83-9615-DB14FA25AF8A}" dt="2023-10-12T11:38:42.377" v="307"/>
          <ac:spMkLst>
            <pc:docMk/>
            <pc:sldMk cId="2376958513" sldId="260"/>
            <ac:spMk id="12792" creationId="{162799AC-1032-C7E0-7AA1-995779F4AB16}"/>
          </ac:spMkLst>
        </pc:spChg>
        <pc:spChg chg="mod">
          <ac:chgData name="White, Alex" userId="eff6cc8c-37d8-483b-9c6c-6b27e9afa9bc" providerId="ADAL" clId="{BF04C754-5BF4-4E83-9615-DB14FA25AF8A}" dt="2023-10-12T11:38:42.377" v="307"/>
          <ac:spMkLst>
            <pc:docMk/>
            <pc:sldMk cId="2376958513" sldId="260"/>
            <ac:spMk id="12793" creationId="{006D9053-4A00-C74D-F791-3A7FAAC8822C}"/>
          </ac:spMkLst>
        </pc:spChg>
        <pc:spChg chg="mod">
          <ac:chgData name="White, Alex" userId="eff6cc8c-37d8-483b-9c6c-6b27e9afa9bc" providerId="ADAL" clId="{BF04C754-5BF4-4E83-9615-DB14FA25AF8A}" dt="2023-10-12T11:38:42.377" v="307"/>
          <ac:spMkLst>
            <pc:docMk/>
            <pc:sldMk cId="2376958513" sldId="260"/>
            <ac:spMk id="12794" creationId="{1435BF76-A79E-B15F-C807-EC8AA4B9D288}"/>
          </ac:spMkLst>
        </pc:spChg>
        <pc:spChg chg="mod">
          <ac:chgData name="White, Alex" userId="eff6cc8c-37d8-483b-9c6c-6b27e9afa9bc" providerId="ADAL" clId="{BF04C754-5BF4-4E83-9615-DB14FA25AF8A}" dt="2023-10-12T11:38:42.377" v="307"/>
          <ac:spMkLst>
            <pc:docMk/>
            <pc:sldMk cId="2376958513" sldId="260"/>
            <ac:spMk id="12795" creationId="{9E5A1507-88E6-D150-76B5-89C37A1C0E46}"/>
          </ac:spMkLst>
        </pc:spChg>
        <pc:spChg chg="mod">
          <ac:chgData name="White, Alex" userId="eff6cc8c-37d8-483b-9c6c-6b27e9afa9bc" providerId="ADAL" clId="{BF04C754-5BF4-4E83-9615-DB14FA25AF8A}" dt="2023-10-12T11:38:42.377" v="307"/>
          <ac:spMkLst>
            <pc:docMk/>
            <pc:sldMk cId="2376958513" sldId="260"/>
            <ac:spMk id="12796" creationId="{96A59566-1128-2AB9-5408-F4835D68F4B4}"/>
          </ac:spMkLst>
        </pc:spChg>
        <pc:spChg chg="mod">
          <ac:chgData name="White, Alex" userId="eff6cc8c-37d8-483b-9c6c-6b27e9afa9bc" providerId="ADAL" clId="{BF04C754-5BF4-4E83-9615-DB14FA25AF8A}" dt="2023-10-12T11:38:42.377" v="307"/>
          <ac:spMkLst>
            <pc:docMk/>
            <pc:sldMk cId="2376958513" sldId="260"/>
            <ac:spMk id="12797" creationId="{5F91A854-0283-9939-B772-BECA41F03374}"/>
          </ac:spMkLst>
        </pc:spChg>
        <pc:spChg chg="mod">
          <ac:chgData name="White, Alex" userId="eff6cc8c-37d8-483b-9c6c-6b27e9afa9bc" providerId="ADAL" clId="{BF04C754-5BF4-4E83-9615-DB14FA25AF8A}" dt="2023-10-12T11:38:42.377" v="307"/>
          <ac:spMkLst>
            <pc:docMk/>
            <pc:sldMk cId="2376958513" sldId="260"/>
            <ac:spMk id="12798" creationId="{81A37C3A-5E33-8242-9229-447C6373F224}"/>
          </ac:spMkLst>
        </pc:spChg>
        <pc:spChg chg="mod">
          <ac:chgData name="White, Alex" userId="eff6cc8c-37d8-483b-9c6c-6b27e9afa9bc" providerId="ADAL" clId="{BF04C754-5BF4-4E83-9615-DB14FA25AF8A}" dt="2023-10-12T11:38:42.377" v="307"/>
          <ac:spMkLst>
            <pc:docMk/>
            <pc:sldMk cId="2376958513" sldId="260"/>
            <ac:spMk id="12799" creationId="{E2A7E9BC-1A3D-6A76-8D6D-F4C1B8EF9611}"/>
          </ac:spMkLst>
        </pc:spChg>
        <pc:spChg chg="mod">
          <ac:chgData name="White, Alex" userId="eff6cc8c-37d8-483b-9c6c-6b27e9afa9bc" providerId="ADAL" clId="{BF04C754-5BF4-4E83-9615-DB14FA25AF8A}" dt="2023-10-12T11:38:42.377" v="307"/>
          <ac:spMkLst>
            <pc:docMk/>
            <pc:sldMk cId="2376958513" sldId="260"/>
            <ac:spMk id="12800" creationId="{2E56F2F1-CF3D-701C-8CFD-9830DC1F9F72}"/>
          </ac:spMkLst>
        </pc:spChg>
        <pc:spChg chg="mod">
          <ac:chgData name="White, Alex" userId="eff6cc8c-37d8-483b-9c6c-6b27e9afa9bc" providerId="ADAL" clId="{BF04C754-5BF4-4E83-9615-DB14FA25AF8A}" dt="2023-10-12T11:38:42.377" v="307"/>
          <ac:spMkLst>
            <pc:docMk/>
            <pc:sldMk cId="2376958513" sldId="260"/>
            <ac:spMk id="12801" creationId="{2CBA4F2E-3A11-5850-0106-2A0739071481}"/>
          </ac:spMkLst>
        </pc:spChg>
        <pc:spChg chg="mod">
          <ac:chgData name="White, Alex" userId="eff6cc8c-37d8-483b-9c6c-6b27e9afa9bc" providerId="ADAL" clId="{BF04C754-5BF4-4E83-9615-DB14FA25AF8A}" dt="2023-10-12T11:38:42.377" v="307"/>
          <ac:spMkLst>
            <pc:docMk/>
            <pc:sldMk cId="2376958513" sldId="260"/>
            <ac:spMk id="12802" creationId="{4925E3B8-1854-D113-AD18-DED790792B9B}"/>
          </ac:spMkLst>
        </pc:spChg>
        <pc:spChg chg="mod">
          <ac:chgData name="White, Alex" userId="eff6cc8c-37d8-483b-9c6c-6b27e9afa9bc" providerId="ADAL" clId="{BF04C754-5BF4-4E83-9615-DB14FA25AF8A}" dt="2023-10-12T11:38:42.377" v="307"/>
          <ac:spMkLst>
            <pc:docMk/>
            <pc:sldMk cId="2376958513" sldId="260"/>
            <ac:spMk id="12803" creationId="{4657048A-BB1E-1775-6D17-E5E5F5F510CB}"/>
          </ac:spMkLst>
        </pc:spChg>
        <pc:spChg chg="mod">
          <ac:chgData name="White, Alex" userId="eff6cc8c-37d8-483b-9c6c-6b27e9afa9bc" providerId="ADAL" clId="{BF04C754-5BF4-4E83-9615-DB14FA25AF8A}" dt="2023-10-12T11:38:42.377" v="307"/>
          <ac:spMkLst>
            <pc:docMk/>
            <pc:sldMk cId="2376958513" sldId="260"/>
            <ac:spMk id="12804" creationId="{625DA63A-8444-C242-4A4B-900F522B7488}"/>
          </ac:spMkLst>
        </pc:spChg>
        <pc:spChg chg="mod">
          <ac:chgData name="White, Alex" userId="eff6cc8c-37d8-483b-9c6c-6b27e9afa9bc" providerId="ADAL" clId="{BF04C754-5BF4-4E83-9615-DB14FA25AF8A}" dt="2023-10-12T11:38:42.377" v="307"/>
          <ac:spMkLst>
            <pc:docMk/>
            <pc:sldMk cId="2376958513" sldId="260"/>
            <ac:spMk id="12805" creationId="{8B6D6598-4EDB-780E-F510-418CF6727FC2}"/>
          </ac:spMkLst>
        </pc:spChg>
        <pc:spChg chg="mod">
          <ac:chgData name="White, Alex" userId="eff6cc8c-37d8-483b-9c6c-6b27e9afa9bc" providerId="ADAL" clId="{BF04C754-5BF4-4E83-9615-DB14FA25AF8A}" dt="2023-10-12T11:38:42.377" v="307"/>
          <ac:spMkLst>
            <pc:docMk/>
            <pc:sldMk cId="2376958513" sldId="260"/>
            <ac:spMk id="12806" creationId="{0D95D1BA-2A2F-939F-5940-91EE13F3ED3E}"/>
          </ac:spMkLst>
        </pc:spChg>
        <pc:spChg chg="mod">
          <ac:chgData name="White, Alex" userId="eff6cc8c-37d8-483b-9c6c-6b27e9afa9bc" providerId="ADAL" clId="{BF04C754-5BF4-4E83-9615-DB14FA25AF8A}" dt="2023-10-12T11:38:42.377" v="307"/>
          <ac:spMkLst>
            <pc:docMk/>
            <pc:sldMk cId="2376958513" sldId="260"/>
            <ac:spMk id="12807" creationId="{B0870B95-791F-5156-C434-02DE76CBE219}"/>
          </ac:spMkLst>
        </pc:spChg>
        <pc:spChg chg="mod">
          <ac:chgData name="White, Alex" userId="eff6cc8c-37d8-483b-9c6c-6b27e9afa9bc" providerId="ADAL" clId="{BF04C754-5BF4-4E83-9615-DB14FA25AF8A}" dt="2023-10-12T11:38:42.377" v="307"/>
          <ac:spMkLst>
            <pc:docMk/>
            <pc:sldMk cId="2376958513" sldId="260"/>
            <ac:spMk id="12808" creationId="{9B541DC2-1EFE-DD95-33FC-DD58FFD3091F}"/>
          </ac:spMkLst>
        </pc:spChg>
        <pc:spChg chg="mod">
          <ac:chgData name="White, Alex" userId="eff6cc8c-37d8-483b-9c6c-6b27e9afa9bc" providerId="ADAL" clId="{BF04C754-5BF4-4E83-9615-DB14FA25AF8A}" dt="2023-10-12T11:38:42.377" v="307"/>
          <ac:spMkLst>
            <pc:docMk/>
            <pc:sldMk cId="2376958513" sldId="260"/>
            <ac:spMk id="12809" creationId="{31C1798C-4C82-D0BD-0A7E-F66E01715B82}"/>
          </ac:spMkLst>
        </pc:spChg>
        <pc:spChg chg="mod">
          <ac:chgData name="White, Alex" userId="eff6cc8c-37d8-483b-9c6c-6b27e9afa9bc" providerId="ADAL" clId="{BF04C754-5BF4-4E83-9615-DB14FA25AF8A}" dt="2023-10-12T11:38:42.377" v="307"/>
          <ac:spMkLst>
            <pc:docMk/>
            <pc:sldMk cId="2376958513" sldId="260"/>
            <ac:spMk id="12810" creationId="{FDA2C152-DEC2-A82B-8D3F-692DD909C8ED}"/>
          </ac:spMkLst>
        </pc:spChg>
        <pc:spChg chg="mod">
          <ac:chgData name="White, Alex" userId="eff6cc8c-37d8-483b-9c6c-6b27e9afa9bc" providerId="ADAL" clId="{BF04C754-5BF4-4E83-9615-DB14FA25AF8A}" dt="2023-10-12T11:38:42.377" v="307"/>
          <ac:spMkLst>
            <pc:docMk/>
            <pc:sldMk cId="2376958513" sldId="260"/>
            <ac:spMk id="12811" creationId="{328EE1B2-35C7-5EB1-F90C-D29179F2C1BB}"/>
          </ac:spMkLst>
        </pc:spChg>
        <pc:spChg chg="mod">
          <ac:chgData name="White, Alex" userId="eff6cc8c-37d8-483b-9c6c-6b27e9afa9bc" providerId="ADAL" clId="{BF04C754-5BF4-4E83-9615-DB14FA25AF8A}" dt="2023-10-12T11:38:42.377" v="307"/>
          <ac:spMkLst>
            <pc:docMk/>
            <pc:sldMk cId="2376958513" sldId="260"/>
            <ac:spMk id="12812" creationId="{402120AE-7A29-D4A5-0D47-BB49AA3662D6}"/>
          </ac:spMkLst>
        </pc:spChg>
        <pc:spChg chg="mod">
          <ac:chgData name="White, Alex" userId="eff6cc8c-37d8-483b-9c6c-6b27e9afa9bc" providerId="ADAL" clId="{BF04C754-5BF4-4E83-9615-DB14FA25AF8A}" dt="2023-10-12T11:38:42.377" v="307"/>
          <ac:spMkLst>
            <pc:docMk/>
            <pc:sldMk cId="2376958513" sldId="260"/>
            <ac:spMk id="12813" creationId="{BA6D94B4-FFE8-B39C-974D-89241CF86735}"/>
          </ac:spMkLst>
        </pc:spChg>
        <pc:spChg chg="mod">
          <ac:chgData name="White, Alex" userId="eff6cc8c-37d8-483b-9c6c-6b27e9afa9bc" providerId="ADAL" clId="{BF04C754-5BF4-4E83-9615-DB14FA25AF8A}" dt="2023-10-12T11:38:42.377" v="307"/>
          <ac:spMkLst>
            <pc:docMk/>
            <pc:sldMk cId="2376958513" sldId="260"/>
            <ac:spMk id="12814" creationId="{74888E1A-582E-BDD2-4A15-C11D2B2EDC00}"/>
          </ac:spMkLst>
        </pc:spChg>
        <pc:spChg chg="mod">
          <ac:chgData name="White, Alex" userId="eff6cc8c-37d8-483b-9c6c-6b27e9afa9bc" providerId="ADAL" clId="{BF04C754-5BF4-4E83-9615-DB14FA25AF8A}" dt="2023-10-12T11:38:42.377" v="307"/>
          <ac:spMkLst>
            <pc:docMk/>
            <pc:sldMk cId="2376958513" sldId="260"/>
            <ac:spMk id="12815" creationId="{988B746D-12DC-0FBA-D836-395CD1B081DA}"/>
          </ac:spMkLst>
        </pc:spChg>
        <pc:spChg chg="mod">
          <ac:chgData name="White, Alex" userId="eff6cc8c-37d8-483b-9c6c-6b27e9afa9bc" providerId="ADAL" clId="{BF04C754-5BF4-4E83-9615-DB14FA25AF8A}" dt="2023-10-12T11:38:42.377" v="307"/>
          <ac:spMkLst>
            <pc:docMk/>
            <pc:sldMk cId="2376958513" sldId="260"/>
            <ac:spMk id="12816" creationId="{7270013D-6C61-E78E-09CC-7B66EA7CC130}"/>
          </ac:spMkLst>
        </pc:spChg>
        <pc:spChg chg="mod">
          <ac:chgData name="White, Alex" userId="eff6cc8c-37d8-483b-9c6c-6b27e9afa9bc" providerId="ADAL" clId="{BF04C754-5BF4-4E83-9615-DB14FA25AF8A}" dt="2023-10-12T11:38:42.377" v="307"/>
          <ac:spMkLst>
            <pc:docMk/>
            <pc:sldMk cId="2376958513" sldId="260"/>
            <ac:spMk id="12817" creationId="{2FDD0491-B2FC-80E2-2AE0-4BD30F30C18E}"/>
          </ac:spMkLst>
        </pc:spChg>
        <pc:spChg chg="mod">
          <ac:chgData name="White, Alex" userId="eff6cc8c-37d8-483b-9c6c-6b27e9afa9bc" providerId="ADAL" clId="{BF04C754-5BF4-4E83-9615-DB14FA25AF8A}" dt="2023-10-12T11:38:42.377" v="307"/>
          <ac:spMkLst>
            <pc:docMk/>
            <pc:sldMk cId="2376958513" sldId="260"/>
            <ac:spMk id="12818" creationId="{C0E49E42-2431-19BE-6AFE-E9CFE143EDE6}"/>
          </ac:spMkLst>
        </pc:spChg>
        <pc:spChg chg="mod">
          <ac:chgData name="White, Alex" userId="eff6cc8c-37d8-483b-9c6c-6b27e9afa9bc" providerId="ADAL" clId="{BF04C754-5BF4-4E83-9615-DB14FA25AF8A}" dt="2023-10-12T11:38:42.377" v="307"/>
          <ac:spMkLst>
            <pc:docMk/>
            <pc:sldMk cId="2376958513" sldId="260"/>
            <ac:spMk id="12819" creationId="{7DB5F71C-8F40-08DF-8F19-F20E0C84F184}"/>
          </ac:spMkLst>
        </pc:spChg>
        <pc:spChg chg="mod">
          <ac:chgData name="White, Alex" userId="eff6cc8c-37d8-483b-9c6c-6b27e9afa9bc" providerId="ADAL" clId="{BF04C754-5BF4-4E83-9615-DB14FA25AF8A}" dt="2023-10-12T11:38:42.377" v="307"/>
          <ac:spMkLst>
            <pc:docMk/>
            <pc:sldMk cId="2376958513" sldId="260"/>
            <ac:spMk id="12820" creationId="{830A9C32-772A-44B9-7D4E-95862B65CB2B}"/>
          </ac:spMkLst>
        </pc:spChg>
        <pc:spChg chg="mod">
          <ac:chgData name="White, Alex" userId="eff6cc8c-37d8-483b-9c6c-6b27e9afa9bc" providerId="ADAL" clId="{BF04C754-5BF4-4E83-9615-DB14FA25AF8A}" dt="2023-10-12T11:38:42.377" v="307"/>
          <ac:spMkLst>
            <pc:docMk/>
            <pc:sldMk cId="2376958513" sldId="260"/>
            <ac:spMk id="12821" creationId="{2F13FC1F-D947-B8C8-3D65-0FD86C0AD21C}"/>
          </ac:spMkLst>
        </pc:spChg>
        <pc:spChg chg="mod">
          <ac:chgData name="White, Alex" userId="eff6cc8c-37d8-483b-9c6c-6b27e9afa9bc" providerId="ADAL" clId="{BF04C754-5BF4-4E83-9615-DB14FA25AF8A}" dt="2023-10-12T11:38:42.377" v="307"/>
          <ac:spMkLst>
            <pc:docMk/>
            <pc:sldMk cId="2376958513" sldId="260"/>
            <ac:spMk id="12822" creationId="{A5CCBE1B-00CA-C7E9-EE77-611BDBF1D33C}"/>
          </ac:spMkLst>
        </pc:spChg>
        <pc:spChg chg="mod">
          <ac:chgData name="White, Alex" userId="eff6cc8c-37d8-483b-9c6c-6b27e9afa9bc" providerId="ADAL" clId="{BF04C754-5BF4-4E83-9615-DB14FA25AF8A}" dt="2023-10-12T11:38:42.377" v="307"/>
          <ac:spMkLst>
            <pc:docMk/>
            <pc:sldMk cId="2376958513" sldId="260"/>
            <ac:spMk id="12823" creationId="{4D3AD9D1-0748-0937-897E-76E7739D1DC3}"/>
          </ac:spMkLst>
        </pc:spChg>
        <pc:spChg chg="mod">
          <ac:chgData name="White, Alex" userId="eff6cc8c-37d8-483b-9c6c-6b27e9afa9bc" providerId="ADAL" clId="{BF04C754-5BF4-4E83-9615-DB14FA25AF8A}" dt="2023-10-12T11:38:42.377" v="307"/>
          <ac:spMkLst>
            <pc:docMk/>
            <pc:sldMk cId="2376958513" sldId="260"/>
            <ac:spMk id="12824" creationId="{467CDDD9-0931-EAE5-09DC-3C9296DD5A56}"/>
          </ac:spMkLst>
        </pc:spChg>
        <pc:spChg chg="mod">
          <ac:chgData name="White, Alex" userId="eff6cc8c-37d8-483b-9c6c-6b27e9afa9bc" providerId="ADAL" clId="{BF04C754-5BF4-4E83-9615-DB14FA25AF8A}" dt="2023-10-12T11:38:42.377" v="307"/>
          <ac:spMkLst>
            <pc:docMk/>
            <pc:sldMk cId="2376958513" sldId="260"/>
            <ac:spMk id="12825" creationId="{C7B2A74C-F253-2440-9C4B-DD969C7211E2}"/>
          </ac:spMkLst>
        </pc:spChg>
        <pc:spChg chg="mod">
          <ac:chgData name="White, Alex" userId="eff6cc8c-37d8-483b-9c6c-6b27e9afa9bc" providerId="ADAL" clId="{BF04C754-5BF4-4E83-9615-DB14FA25AF8A}" dt="2023-10-12T11:38:42.377" v="307"/>
          <ac:spMkLst>
            <pc:docMk/>
            <pc:sldMk cId="2376958513" sldId="260"/>
            <ac:spMk id="12826" creationId="{BC00A866-185E-CC21-7B47-F78BEB486F0C}"/>
          </ac:spMkLst>
        </pc:spChg>
        <pc:spChg chg="mod">
          <ac:chgData name="White, Alex" userId="eff6cc8c-37d8-483b-9c6c-6b27e9afa9bc" providerId="ADAL" clId="{BF04C754-5BF4-4E83-9615-DB14FA25AF8A}" dt="2023-10-12T11:38:42.377" v="307"/>
          <ac:spMkLst>
            <pc:docMk/>
            <pc:sldMk cId="2376958513" sldId="260"/>
            <ac:spMk id="12827" creationId="{B50524A7-8C72-942C-4A17-C0CFD5C35C3A}"/>
          </ac:spMkLst>
        </pc:spChg>
        <pc:spChg chg="mod">
          <ac:chgData name="White, Alex" userId="eff6cc8c-37d8-483b-9c6c-6b27e9afa9bc" providerId="ADAL" clId="{BF04C754-5BF4-4E83-9615-DB14FA25AF8A}" dt="2023-10-12T11:38:42.377" v="307"/>
          <ac:spMkLst>
            <pc:docMk/>
            <pc:sldMk cId="2376958513" sldId="260"/>
            <ac:spMk id="12828" creationId="{B20F49BF-DEB2-F1E7-15A4-D06AEA82D3D8}"/>
          </ac:spMkLst>
        </pc:spChg>
        <pc:spChg chg="mod">
          <ac:chgData name="White, Alex" userId="eff6cc8c-37d8-483b-9c6c-6b27e9afa9bc" providerId="ADAL" clId="{BF04C754-5BF4-4E83-9615-DB14FA25AF8A}" dt="2023-10-12T11:38:42.377" v="307"/>
          <ac:spMkLst>
            <pc:docMk/>
            <pc:sldMk cId="2376958513" sldId="260"/>
            <ac:spMk id="12829" creationId="{9CCAC349-164A-EF7B-8DC5-3DCB37A0CC7C}"/>
          </ac:spMkLst>
        </pc:spChg>
        <pc:spChg chg="mod">
          <ac:chgData name="White, Alex" userId="eff6cc8c-37d8-483b-9c6c-6b27e9afa9bc" providerId="ADAL" clId="{BF04C754-5BF4-4E83-9615-DB14FA25AF8A}" dt="2023-10-12T11:38:42.377" v="307"/>
          <ac:spMkLst>
            <pc:docMk/>
            <pc:sldMk cId="2376958513" sldId="260"/>
            <ac:spMk id="12830" creationId="{AA4FA876-6070-BC43-BC37-467F108A69E8}"/>
          </ac:spMkLst>
        </pc:spChg>
        <pc:spChg chg="mod">
          <ac:chgData name="White, Alex" userId="eff6cc8c-37d8-483b-9c6c-6b27e9afa9bc" providerId="ADAL" clId="{BF04C754-5BF4-4E83-9615-DB14FA25AF8A}" dt="2023-10-12T11:38:42.377" v="307"/>
          <ac:spMkLst>
            <pc:docMk/>
            <pc:sldMk cId="2376958513" sldId="260"/>
            <ac:spMk id="12831" creationId="{B6A8DBFA-3D71-1F55-A813-7FF6A10AF392}"/>
          </ac:spMkLst>
        </pc:spChg>
        <pc:spChg chg="mod">
          <ac:chgData name="White, Alex" userId="eff6cc8c-37d8-483b-9c6c-6b27e9afa9bc" providerId="ADAL" clId="{BF04C754-5BF4-4E83-9615-DB14FA25AF8A}" dt="2023-10-12T11:38:42.377" v="307"/>
          <ac:spMkLst>
            <pc:docMk/>
            <pc:sldMk cId="2376958513" sldId="260"/>
            <ac:spMk id="12832" creationId="{0CE42581-F279-7546-2AFC-8475C47887A1}"/>
          </ac:spMkLst>
        </pc:spChg>
        <pc:spChg chg="mod">
          <ac:chgData name="White, Alex" userId="eff6cc8c-37d8-483b-9c6c-6b27e9afa9bc" providerId="ADAL" clId="{BF04C754-5BF4-4E83-9615-DB14FA25AF8A}" dt="2023-10-12T11:38:42.377" v="307"/>
          <ac:spMkLst>
            <pc:docMk/>
            <pc:sldMk cId="2376958513" sldId="260"/>
            <ac:spMk id="12833" creationId="{FB168645-9527-2E17-ACFC-A741DE74CC53}"/>
          </ac:spMkLst>
        </pc:spChg>
        <pc:spChg chg="mod">
          <ac:chgData name="White, Alex" userId="eff6cc8c-37d8-483b-9c6c-6b27e9afa9bc" providerId="ADAL" clId="{BF04C754-5BF4-4E83-9615-DB14FA25AF8A}" dt="2023-10-12T11:38:42.377" v="307"/>
          <ac:spMkLst>
            <pc:docMk/>
            <pc:sldMk cId="2376958513" sldId="260"/>
            <ac:spMk id="12834" creationId="{2AFADAF5-E0AD-0E68-8FD8-70CB09711D39}"/>
          </ac:spMkLst>
        </pc:spChg>
        <pc:spChg chg="mod">
          <ac:chgData name="White, Alex" userId="eff6cc8c-37d8-483b-9c6c-6b27e9afa9bc" providerId="ADAL" clId="{BF04C754-5BF4-4E83-9615-DB14FA25AF8A}" dt="2023-10-12T11:38:42.377" v="307"/>
          <ac:spMkLst>
            <pc:docMk/>
            <pc:sldMk cId="2376958513" sldId="260"/>
            <ac:spMk id="12835" creationId="{3EF9FEE0-BD55-20E7-4EEE-A5EA8E60B8E5}"/>
          </ac:spMkLst>
        </pc:spChg>
        <pc:spChg chg="mod">
          <ac:chgData name="White, Alex" userId="eff6cc8c-37d8-483b-9c6c-6b27e9afa9bc" providerId="ADAL" clId="{BF04C754-5BF4-4E83-9615-DB14FA25AF8A}" dt="2023-10-12T11:38:42.377" v="307"/>
          <ac:spMkLst>
            <pc:docMk/>
            <pc:sldMk cId="2376958513" sldId="260"/>
            <ac:spMk id="12836" creationId="{3258912C-EF87-8479-4C26-1625943768BE}"/>
          </ac:spMkLst>
        </pc:spChg>
        <pc:spChg chg="mod">
          <ac:chgData name="White, Alex" userId="eff6cc8c-37d8-483b-9c6c-6b27e9afa9bc" providerId="ADAL" clId="{BF04C754-5BF4-4E83-9615-DB14FA25AF8A}" dt="2023-10-12T11:38:42.377" v="307"/>
          <ac:spMkLst>
            <pc:docMk/>
            <pc:sldMk cId="2376958513" sldId="260"/>
            <ac:spMk id="12837" creationId="{5F83A9D0-C314-FFF3-FB3E-61E40CF897B0}"/>
          </ac:spMkLst>
        </pc:spChg>
        <pc:spChg chg="mod">
          <ac:chgData name="White, Alex" userId="eff6cc8c-37d8-483b-9c6c-6b27e9afa9bc" providerId="ADAL" clId="{BF04C754-5BF4-4E83-9615-DB14FA25AF8A}" dt="2023-10-12T11:38:42.377" v="307"/>
          <ac:spMkLst>
            <pc:docMk/>
            <pc:sldMk cId="2376958513" sldId="260"/>
            <ac:spMk id="12838" creationId="{B25812F4-82ED-3227-8CE1-C7EEA3FC6B17}"/>
          </ac:spMkLst>
        </pc:spChg>
        <pc:spChg chg="mod">
          <ac:chgData name="White, Alex" userId="eff6cc8c-37d8-483b-9c6c-6b27e9afa9bc" providerId="ADAL" clId="{BF04C754-5BF4-4E83-9615-DB14FA25AF8A}" dt="2023-10-12T11:38:42.377" v="307"/>
          <ac:spMkLst>
            <pc:docMk/>
            <pc:sldMk cId="2376958513" sldId="260"/>
            <ac:spMk id="12839" creationId="{FC990B0C-D7BD-E39E-6C1E-F4E199521DB0}"/>
          </ac:spMkLst>
        </pc:spChg>
        <pc:spChg chg="mod">
          <ac:chgData name="White, Alex" userId="eff6cc8c-37d8-483b-9c6c-6b27e9afa9bc" providerId="ADAL" clId="{BF04C754-5BF4-4E83-9615-DB14FA25AF8A}" dt="2023-10-12T11:38:42.377" v="307"/>
          <ac:spMkLst>
            <pc:docMk/>
            <pc:sldMk cId="2376958513" sldId="260"/>
            <ac:spMk id="12840" creationId="{1A8601AD-C7AA-F74A-67AE-FD1A769DDE92}"/>
          </ac:spMkLst>
        </pc:spChg>
        <pc:spChg chg="mod">
          <ac:chgData name="White, Alex" userId="eff6cc8c-37d8-483b-9c6c-6b27e9afa9bc" providerId="ADAL" clId="{BF04C754-5BF4-4E83-9615-DB14FA25AF8A}" dt="2023-10-12T11:38:42.377" v="307"/>
          <ac:spMkLst>
            <pc:docMk/>
            <pc:sldMk cId="2376958513" sldId="260"/>
            <ac:spMk id="12841" creationId="{8382ACDC-2B71-BDBB-BB74-4F9F113617E0}"/>
          </ac:spMkLst>
        </pc:spChg>
        <pc:spChg chg="mod">
          <ac:chgData name="White, Alex" userId="eff6cc8c-37d8-483b-9c6c-6b27e9afa9bc" providerId="ADAL" clId="{BF04C754-5BF4-4E83-9615-DB14FA25AF8A}" dt="2023-10-12T11:38:42.377" v="307"/>
          <ac:spMkLst>
            <pc:docMk/>
            <pc:sldMk cId="2376958513" sldId="260"/>
            <ac:spMk id="12842" creationId="{30A0FAAC-4FEB-FD04-3B04-CBD454199A9D}"/>
          </ac:spMkLst>
        </pc:spChg>
        <pc:spChg chg="mod">
          <ac:chgData name="White, Alex" userId="eff6cc8c-37d8-483b-9c6c-6b27e9afa9bc" providerId="ADAL" clId="{BF04C754-5BF4-4E83-9615-DB14FA25AF8A}" dt="2023-10-12T11:38:42.377" v="307"/>
          <ac:spMkLst>
            <pc:docMk/>
            <pc:sldMk cId="2376958513" sldId="260"/>
            <ac:spMk id="12843" creationId="{F8010307-43D3-1859-DFCE-F975F395C8BA}"/>
          </ac:spMkLst>
        </pc:spChg>
        <pc:spChg chg="mod">
          <ac:chgData name="White, Alex" userId="eff6cc8c-37d8-483b-9c6c-6b27e9afa9bc" providerId="ADAL" clId="{BF04C754-5BF4-4E83-9615-DB14FA25AF8A}" dt="2023-10-12T11:38:42.377" v="307"/>
          <ac:spMkLst>
            <pc:docMk/>
            <pc:sldMk cId="2376958513" sldId="260"/>
            <ac:spMk id="12844" creationId="{285223D7-75C8-D2EE-BC79-97187A478576}"/>
          </ac:spMkLst>
        </pc:spChg>
        <pc:spChg chg="mod">
          <ac:chgData name="White, Alex" userId="eff6cc8c-37d8-483b-9c6c-6b27e9afa9bc" providerId="ADAL" clId="{BF04C754-5BF4-4E83-9615-DB14FA25AF8A}" dt="2023-10-12T11:38:42.377" v="307"/>
          <ac:spMkLst>
            <pc:docMk/>
            <pc:sldMk cId="2376958513" sldId="260"/>
            <ac:spMk id="12845" creationId="{00391B5B-E914-00C2-31B1-99FD4D3223B4}"/>
          </ac:spMkLst>
        </pc:spChg>
        <pc:spChg chg="mod">
          <ac:chgData name="White, Alex" userId="eff6cc8c-37d8-483b-9c6c-6b27e9afa9bc" providerId="ADAL" clId="{BF04C754-5BF4-4E83-9615-DB14FA25AF8A}" dt="2023-10-12T11:38:42.377" v="307"/>
          <ac:spMkLst>
            <pc:docMk/>
            <pc:sldMk cId="2376958513" sldId="260"/>
            <ac:spMk id="12846" creationId="{5BE19142-B823-EF35-0DC2-DF936D8F6AB8}"/>
          </ac:spMkLst>
        </pc:spChg>
        <pc:spChg chg="mod">
          <ac:chgData name="White, Alex" userId="eff6cc8c-37d8-483b-9c6c-6b27e9afa9bc" providerId="ADAL" clId="{BF04C754-5BF4-4E83-9615-DB14FA25AF8A}" dt="2023-10-12T11:38:42.377" v="307"/>
          <ac:spMkLst>
            <pc:docMk/>
            <pc:sldMk cId="2376958513" sldId="260"/>
            <ac:spMk id="12847" creationId="{1888AF65-64D9-7D56-1CA7-37642EB00FEA}"/>
          </ac:spMkLst>
        </pc:spChg>
        <pc:spChg chg="mod">
          <ac:chgData name="White, Alex" userId="eff6cc8c-37d8-483b-9c6c-6b27e9afa9bc" providerId="ADAL" clId="{BF04C754-5BF4-4E83-9615-DB14FA25AF8A}" dt="2023-10-12T11:38:42.377" v="307"/>
          <ac:spMkLst>
            <pc:docMk/>
            <pc:sldMk cId="2376958513" sldId="260"/>
            <ac:spMk id="12848" creationId="{B372264A-4404-8EE5-4896-46BA280CAC88}"/>
          </ac:spMkLst>
        </pc:spChg>
        <pc:spChg chg="mod">
          <ac:chgData name="White, Alex" userId="eff6cc8c-37d8-483b-9c6c-6b27e9afa9bc" providerId="ADAL" clId="{BF04C754-5BF4-4E83-9615-DB14FA25AF8A}" dt="2023-10-12T11:38:42.377" v="307"/>
          <ac:spMkLst>
            <pc:docMk/>
            <pc:sldMk cId="2376958513" sldId="260"/>
            <ac:spMk id="12849" creationId="{DCBCD330-6C63-0246-9707-A0A150F5CA3B}"/>
          </ac:spMkLst>
        </pc:spChg>
        <pc:spChg chg="mod">
          <ac:chgData name="White, Alex" userId="eff6cc8c-37d8-483b-9c6c-6b27e9afa9bc" providerId="ADAL" clId="{BF04C754-5BF4-4E83-9615-DB14FA25AF8A}" dt="2023-10-12T11:38:42.377" v="307"/>
          <ac:spMkLst>
            <pc:docMk/>
            <pc:sldMk cId="2376958513" sldId="260"/>
            <ac:spMk id="12850" creationId="{01B90DA2-625E-4431-254F-5C212F274F65}"/>
          </ac:spMkLst>
        </pc:spChg>
        <pc:spChg chg="mod">
          <ac:chgData name="White, Alex" userId="eff6cc8c-37d8-483b-9c6c-6b27e9afa9bc" providerId="ADAL" clId="{BF04C754-5BF4-4E83-9615-DB14FA25AF8A}" dt="2023-10-12T11:38:42.377" v="307"/>
          <ac:spMkLst>
            <pc:docMk/>
            <pc:sldMk cId="2376958513" sldId="260"/>
            <ac:spMk id="12851" creationId="{F511B6D6-0C2E-303F-1E8D-0C0BB3A6C677}"/>
          </ac:spMkLst>
        </pc:spChg>
        <pc:spChg chg="mod">
          <ac:chgData name="White, Alex" userId="eff6cc8c-37d8-483b-9c6c-6b27e9afa9bc" providerId="ADAL" clId="{BF04C754-5BF4-4E83-9615-DB14FA25AF8A}" dt="2023-10-12T11:38:42.377" v="307"/>
          <ac:spMkLst>
            <pc:docMk/>
            <pc:sldMk cId="2376958513" sldId="260"/>
            <ac:spMk id="12852" creationId="{AEE0EE1A-FA03-1F46-6257-6FFC62EC215D}"/>
          </ac:spMkLst>
        </pc:spChg>
        <pc:spChg chg="mod">
          <ac:chgData name="White, Alex" userId="eff6cc8c-37d8-483b-9c6c-6b27e9afa9bc" providerId="ADAL" clId="{BF04C754-5BF4-4E83-9615-DB14FA25AF8A}" dt="2023-10-12T11:38:42.377" v="307"/>
          <ac:spMkLst>
            <pc:docMk/>
            <pc:sldMk cId="2376958513" sldId="260"/>
            <ac:spMk id="12853" creationId="{1436F84A-6567-704C-CB21-85BC4A1E13E1}"/>
          </ac:spMkLst>
        </pc:spChg>
        <pc:spChg chg="mod">
          <ac:chgData name="White, Alex" userId="eff6cc8c-37d8-483b-9c6c-6b27e9afa9bc" providerId="ADAL" clId="{BF04C754-5BF4-4E83-9615-DB14FA25AF8A}" dt="2023-10-12T11:38:42.377" v="307"/>
          <ac:spMkLst>
            <pc:docMk/>
            <pc:sldMk cId="2376958513" sldId="260"/>
            <ac:spMk id="12854" creationId="{167CA395-9EC8-917C-F8C9-7A9A55FC7141}"/>
          </ac:spMkLst>
        </pc:spChg>
        <pc:spChg chg="mod">
          <ac:chgData name="White, Alex" userId="eff6cc8c-37d8-483b-9c6c-6b27e9afa9bc" providerId="ADAL" clId="{BF04C754-5BF4-4E83-9615-DB14FA25AF8A}" dt="2023-10-12T11:38:42.377" v="307"/>
          <ac:spMkLst>
            <pc:docMk/>
            <pc:sldMk cId="2376958513" sldId="260"/>
            <ac:spMk id="12855" creationId="{7C8EDC5C-DBA1-F55A-F3A8-E8ED55B61446}"/>
          </ac:spMkLst>
        </pc:spChg>
        <pc:spChg chg="mod">
          <ac:chgData name="White, Alex" userId="eff6cc8c-37d8-483b-9c6c-6b27e9afa9bc" providerId="ADAL" clId="{BF04C754-5BF4-4E83-9615-DB14FA25AF8A}" dt="2023-10-12T11:38:42.377" v="307"/>
          <ac:spMkLst>
            <pc:docMk/>
            <pc:sldMk cId="2376958513" sldId="260"/>
            <ac:spMk id="12856" creationId="{A13286C1-2E96-F244-E236-BBEBF1394165}"/>
          </ac:spMkLst>
        </pc:spChg>
        <pc:spChg chg="mod">
          <ac:chgData name="White, Alex" userId="eff6cc8c-37d8-483b-9c6c-6b27e9afa9bc" providerId="ADAL" clId="{BF04C754-5BF4-4E83-9615-DB14FA25AF8A}" dt="2023-10-12T11:38:42.377" v="307"/>
          <ac:spMkLst>
            <pc:docMk/>
            <pc:sldMk cId="2376958513" sldId="260"/>
            <ac:spMk id="12857" creationId="{0642DA66-AAC7-D7B1-B13D-D9E0072BA31F}"/>
          </ac:spMkLst>
        </pc:spChg>
        <pc:spChg chg="mod">
          <ac:chgData name="White, Alex" userId="eff6cc8c-37d8-483b-9c6c-6b27e9afa9bc" providerId="ADAL" clId="{BF04C754-5BF4-4E83-9615-DB14FA25AF8A}" dt="2023-10-12T11:38:42.377" v="307"/>
          <ac:spMkLst>
            <pc:docMk/>
            <pc:sldMk cId="2376958513" sldId="260"/>
            <ac:spMk id="12858" creationId="{EA851CEF-55F7-90FE-F7E0-F327D5DAF256}"/>
          </ac:spMkLst>
        </pc:spChg>
        <pc:spChg chg="mod">
          <ac:chgData name="White, Alex" userId="eff6cc8c-37d8-483b-9c6c-6b27e9afa9bc" providerId="ADAL" clId="{BF04C754-5BF4-4E83-9615-DB14FA25AF8A}" dt="2023-10-12T11:38:42.377" v="307"/>
          <ac:spMkLst>
            <pc:docMk/>
            <pc:sldMk cId="2376958513" sldId="260"/>
            <ac:spMk id="12859" creationId="{2A1ED84E-E5D1-15AF-5B03-D3E2BD38FBB6}"/>
          </ac:spMkLst>
        </pc:spChg>
        <pc:spChg chg="mod">
          <ac:chgData name="White, Alex" userId="eff6cc8c-37d8-483b-9c6c-6b27e9afa9bc" providerId="ADAL" clId="{BF04C754-5BF4-4E83-9615-DB14FA25AF8A}" dt="2023-10-12T11:38:42.377" v="307"/>
          <ac:spMkLst>
            <pc:docMk/>
            <pc:sldMk cId="2376958513" sldId="260"/>
            <ac:spMk id="12860" creationId="{D7D24B5D-E416-FD9B-0933-A8AE0168FB49}"/>
          </ac:spMkLst>
        </pc:spChg>
        <pc:spChg chg="mod">
          <ac:chgData name="White, Alex" userId="eff6cc8c-37d8-483b-9c6c-6b27e9afa9bc" providerId="ADAL" clId="{BF04C754-5BF4-4E83-9615-DB14FA25AF8A}" dt="2023-10-12T11:38:42.377" v="307"/>
          <ac:spMkLst>
            <pc:docMk/>
            <pc:sldMk cId="2376958513" sldId="260"/>
            <ac:spMk id="12861" creationId="{134A9FBF-9CD2-6AF7-868B-330DDB1CDFBF}"/>
          </ac:spMkLst>
        </pc:spChg>
        <pc:spChg chg="mod">
          <ac:chgData name="White, Alex" userId="eff6cc8c-37d8-483b-9c6c-6b27e9afa9bc" providerId="ADAL" clId="{BF04C754-5BF4-4E83-9615-DB14FA25AF8A}" dt="2023-10-12T11:38:42.377" v="307"/>
          <ac:spMkLst>
            <pc:docMk/>
            <pc:sldMk cId="2376958513" sldId="260"/>
            <ac:spMk id="12862" creationId="{67365707-9C9E-AD25-D563-FFDC7ED1D7CF}"/>
          </ac:spMkLst>
        </pc:spChg>
        <pc:spChg chg="mod">
          <ac:chgData name="White, Alex" userId="eff6cc8c-37d8-483b-9c6c-6b27e9afa9bc" providerId="ADAL" clId="{BF04C754-5BF4-4E83-9615-DB14FA25AF8A}" dt="2023-10-12T11:38:42.377" v="307"/>
          <ac:spMkLst>
            <pc:docMk/>
            <pc:sldMk cId="2376958513" sldId="260"/>
            <ac:spMk id="12863" creationId="{19218443-9591-9E2C-E15B-FDD2938B8948}"/>
          </ac:spMkLst>
        </pc:spChg>
        <pc:spChg chg="mod">
          <ac:chgData name="White, Alex" userId="eff6cc8c-37d8-483b-9c6c-6b27e9afa9bc" providerId="ADAL" clId="{BF04C754-5BF4-4E83-9615-DB14FA25AF8A}" dt="2023-10-12T11:38:42.377" v="307"/>
          <ac:spMkLst>
            <pc:docMk/>
            <pc:sldMk cId="2376958513" sldId="260"/>
            <ac:spMk id="12864" creationId="{72E2E79B-DE1B-3194-F024-ABC3731893E0}"/>
          </ac:spMkLst>
        </pc:spChg>
        <pc:spChg chg="mod">
          <ac:chgData name="White, Alex" userId="eff6cc8c-37d8-483b-9c6c-6b27e9afa9bc" providerId="ADAL" clId="{BF04C754-5BF4-4E83-9615-DB14FA25AF8A}" dt="2023-10-12T11:38:42.377" v="307"/>
          <ac:spMkLst>
            <pc:docMk/>
            <pc:sldMk cId="2376958513" sldId="260"/>
            <ac:spMk id="12865" creationId="{B6124144-9387-4ED1-3C39-4B2D4BF29FA2}"/>
          </ac:spMkLst>
        </pc:spChg>
        <pc:spChg chg="mod">
          <ac:chgData name="White, Alex" userId="eff6cc8c-37d8-483b-9c6c-6b27e9afa9bc" providerId="ADAL" clId="{BF04C754-5BF4-4E83-9615-DB14FA25AF8A}" dt="2023-10-12T11:38:42.377" v="307"/>
          <ac:spMkLst>
            <pc:docMk/>
            <pc:sldMk cId="2376958513" sldId="260"/>
            <ac:spMk id="12866" creationId="{FD23BAD5-FD49-01A2-58E5-17EDBE38E303}"/>
          </ac:spMkLst>
        </pc:spChg>
        <pc:spChg chg="mod">
          <ac:chgData name="White, Alex" userId="eff6cc8c-37d8-483b-9c6c-6b27e9afa9bc" providerId="ADAL" clId="{BF04C754-5BF4-4E83-9615-DB14FA25AF8A}" dt="2023-10-12T11:38:42.377" v="307"/>
          <ac:spMkLst>
            <pc:docMk/>
            <pc:sldMk cId="2376958513" sldId="260"/>
            <ac:spMk id="12867" creationId="{FF6D8EEE-8AFB-03EE-EF6B-0107AC200343}"/>
          </ac:spMkLst>
        </pc:spChg>
        <pc:spChg chg="mod">
          <ac:chgData name="White, Alex" userId="eff6cc8c-37d8-483b-9c6c-6b27e9afa9bc" providerId="ADAL" clId="{BF04C754-5BF4-4E83-9615-DB14FA25AF8A}" dt="2023-10-12T11:38:42.377" v="307"/>
          <ac:spMkLst>
            <pc:docMk/>
            <pc:sldMk cId="2376958513" sldId="260"/>
            <ac:spMk id="12868" creationId="{D1AA3D50-CCF5-352A-7620-C35E8D6C0963}"/>
          </ac:spMkLst>
        </pc:spChg>
        <pc:spChg chg="mod">
          <ac:chgData name="White, Alex" userId="eff6cc8c-37d8-483b-9c6c-6b27e9afa9bc" providerId="ADAL" clId="{BF04C754-5BF4-4E83-9615-DB14FA25AF8A}" dt="2023-10-12T11:38:42.377" v="307"/>
          <ac:spMkLst>
            <pc:docMk/>
            <pc:sldMk cId="2376958513" sldId="260"/>
            <ac:spMk id="12869" creationId="{12597F7D-5A99-51D2-ADAF-016C1151BED4}"/>
          </ac:spMkLst>
        </pc:spChg>
        <pc:spChg chg="mod">
          <ac:chgData name="White, Alex" userId="eff6cc8c-37d8-483b-9c6c-6b27e9afa9bc" providerId="ADAL" clId="{BF04C754-5BF4-4E83-9615-DB14FA25AF8A}" dt="2023-10-12T11:38:42.377" v="307"/>
          <ac:spMkLst>
            <pc:docMk/>
            <pc:sldMk cId="2376958513" sldId="260"/>
            <ac:spMk id="12870" creationId="{69401515-CF0E-AD0B-23A2-AFC67F409733}"/>
          </ac:spMkLst>
        </pc:spChg>
        <pc:spChg chg="mod">
          <ac:chgData name="White, Alex" userId="eff6cc8c-37d8-483b-9c6c-6b27e9afa9bc" providerId="ADAL" clId="{BF04C754-5BF4-4E83-9615-DB14FA25AF8A}" dt="2023-10-12T11:38:42.377" v="307"/>
          <ac:spMkLst>
            <pc:docMk/>
            <pc:sldMk cId="2376958513" sldId="260"/>
            <ac:spMk id="12871" creationId="{D9CD71D6-F790-5FC2-33C2-7C9CDFCAA104}"/>
          </ac:spMkLst>
        </pc:spChg>
        <pc:spChg chg="mod">
          <ac:chgData name="White, Alex" userId="eff6cc8c-37d8-483b-9c6c-6b27e9afa9bc" providerId="ADAL" clId="{BF04C754-5BF4-4E83-9615-DB14FA25AF8A}" dt="2023-10-12T11:38:42.377" v="307"/>
          <ac:spMkLst>
            <pc:docMk/>
            <pc:sldMk cId="2376958513" sldId="260"/>
            <ac:spMk id="12872" creationId="{D7F2BC4F-F207-58AA-EDCD-6C76AD6B9BB0}"/>
          </ac:spMkLst>
        </pc:spChg>
        <pc:spChg chg="mod">
          <ac:chgData name="White, Alex" userId="eff6cc8c-37d8-483b-9c6c-6b27e9afa9bc" providerId="ADAL" clId="{BF04C754-5BF4-4E83-9615-DB14FA25AF8A}" dt="2023-10-12T11:38:42.377" v="307"/>
          <ac:spMkLst>
            <pc:docMk/>
            <pc:sldMk cId="2376958513" sldId="260"/>
            <ac:spMk id="12873" creationId="{46DF04F2-66CD-6F1D-A6C5-68E2DDE48D4B}"/>
          </ac:spMkLst>
        </pc:spChg>
        <pc:spChg chg="mod">
          <ac:chgData name="White, Alex" userId="eff6cc8c-37d8-483b-9c6c-6b27e9afa9bc" providerId="ADAL" clId="{BF04C754-5BF4-4E83-9615-DB14FA25AF8A}" dt="2023-10-12T11:38:42.377" v="307"/>
          <ac:spMkLst>
            <pc:docMk/>
            <pc:sldMk cId="2376958513" sldId="260"/>
            <ac:spMk id="12874" creationId="{EC59F778-1C4C-E99C-1C58-77D98C5E705F}"/>
          </ac:spMkLst>
        </pc:spChg>
        <pc:spChg chg="mod">
          <ac:chgData name="White, Alex" userId="eff6cc8c-37d8-483b-9c6c-6b27e9afa9bc" providerId="ADAL" clId="{BF04C754-5BF4-4E83-9615-DB14FA25AF8A}" dt="2023-10-12T11:38:42.377" v="307"/>
          <ac:spMkLst>
            <pc:docMk/>
            <pc:sldMk cId="2376958513" sldId="260"/>
            <ac:spMk id="12875" creationId="{B1B2D2D2-7730-1E07-3355-AD83362017E5}"/>
          </ac:spMkLst>
        </pc:spChg>
        <pc:spChg chg="mod">
          <ac:chgData name="White, Alex" userId="eff6cc8c-37d8-483b-9c6c-6b27e9afa9bc" providerId="ADAL" clId="{BF04C754-5BF4-4E83-9615-DB14FA25AF8A}" dt="2023-10-12T11:38:42.377" v="307"/>
          <ac:spMkLst>
            <pc:docMk/>
            <pc:sldMk cId="2376958513" sldId="260"/>
            <ac:spMk id="12876" creationId="{C59B984D-9F26-6036-90B0-D0C69D90C6C7}"/>
          </ac:spMkLst>
        </pc:spChg>
        <pc:spChg chg="mod">
          <ac:chgData name="White, Alex" userId="eff6cc8c-37d8-483b-9c6c-6b27e9afa9bc" providerId="ADAL" clId="{BF04C754-5BF4-4E83-9615-DB14FA25AF8A}" dt="2023-10-12T11:38:42.377" v="307"/>
          <ac:spMkLst>
            <pc:docMk/>
            <pc:sldMk cId="2376958513" sldId="260"/>
            <ac:spMk id="12877" creationId="{96726F6F-10D3-3645-E048-40658E0F77A8}"/>
          </ac:spMkLst>
        </pc:spChg>
        <pc:spChg chg="mod">
          <ac:chgData name="White, Alex" userId="eff6cc8c-37d8-483b-9c6c-6b27e9afa9bc" providerId="ADAL" clId="{BF04C754-5BF4-4E83-9615-DB14FA25AF8A}" dt="2023-10-12T11:38:42.377" v="307"/>
          <ac:spMkLst>
            <pc:docMk/>
            <pc:sldMk cId="2376958513" sldId="260"/>
            <ac:spMk id="12878" creationId="{EADB6790-C0FC-60D1-073B-3AFE29034DBE}"/>
          </ac:spMkLst>
        </pc:spChg>
        <pc:spChg chg="mod">
          <ac:chgData name="White, Alex" userId="eff6cc8c-37d8-483b-9c6c-6b27e9afa9bc" providerId="ADAL" clId="{BF04C754-5BF4-4E83-9615-DB14FA25AF8A}" dt="2023-10-12T11:38:42.377" v="307"/>
          <ac:spMkLst>
            <pc:docMk/>
            <pc:sldMk cId="2376958513" sldId="260"/>
            <ac:spMk id="12879" creationId="{2B8AC412-9CB0-CDD5-8910-227A582BFD0C}"/>
          </ac:spMkLst>
        </pc:spChg>
        <pc:spChg chg="mod">
          <ac:chgData name="White, Alex" userId="eff6cc8c-37d8-483b-9c6c-6b27e9afa9bc" providerId="ADAL" clId="{BF04C754-5BF4-4E83-9615-DB14FA25AF8A}" dt="2023-10-12T11:38:42.377" v="307"/>
          <ac:spMkLst>
            <pc:docMk/>
            <pc:sldMk cId="2376958513" sldId="260"/>
            <ac:spMk id="12880" creationId="{1EE4B98D-F188-7422-0BC2-D244D09994BF}"/>
          </ac:spMkLst>
        </pc:spChg>
        <pc:spChg chg="mod">
          <ac:chgData name="White, Alex" userId="eff6cc8c-37d8-483b-9c6c-6b27e9afa9bc" providerId="ADAL" clId="{BF04C754-5BF4-4E83-9615-DB14FA25AF8A}" dt="2023-10-12T11:38:42.377" v="307"/>
          <ac:spMkLst>
            <pc:docMk/>
            <pc:sldMk cId="2376958513" sldId="260"/>
            <ac:spMk id="12881" creationId="{A87522DD-753F-0DE5-E5C6-3707DE3444C3}"/>
          </ac:spMkLst>
        </pc:spChg>
        <pc:spChg chg="mod">
          <ac:chgData name="White, Alex" userId="eff6cc8c-37d8-483b-9c6c-6b27e9afa9bc" providerId="ADAL" clId="{BF04C754-5BF4-4E83-9615-DB14FA25AF8A}" dt="2023-10-12T11:38:42.377" v="307"/>
          <ac:spMkLst>
            <pc:docMk/>
            <pc:sldMk cId="2376958513" sldId="260"/>
            <ac:spMk id="12882" creationId="{E2F34135-3FC1-6565-708A-970D5C00B031}"/>
          </ac:spMkLst>
        </pc:spChg>
        <pc:spChg chg="mod">
          <ac:chgData name="White, Alex" userId="eff6cc8c-37d8-483b-9c6c-6b27e9afa9bc" providerId="ADAL" clId="{BF04C754-5BF4-4E83-9615-DB14FA25AF8A}" dt="2023-10-12T11:38:42.377" v="307"/>
          <ac:spMkLst>
            <pc:docMk/>
            <pc:sldMk cId="2376958513" sldId="260"/>
            <ac:spMk id="12883" creationId="{D379D709-6A1D-3207-01C8-E28AA2086527}"/>
          </ac:spMkLst>
        </pc:spChg>
        <pc:spChg chg="mod">
          <ac:chgData name="White, Alex" userId="eff6cc8c-37d8-483b-9c6c-6b27e9afa9bc" providerId="ADAL" clId="{BF04C754-5BF4-4E83-9615-DB14FA25AF8A}" dt="2023-10-12T11:38:42.377" v="307"/>
          <ac:spMkLst>
            <pc:docMk/>
            <pc:sldMk cId="2376958513" sldId="260"/>
            <ac:spMk id="12884" creationId="{E8510051-79C1-87F7-C746-80B1272E26B9}"/>
          </ac:spMkLst>
        </pc:spChg>
        <pc:spChg chg="mod">
          <ac:chgData name="White, Alex" userId="eff6cc8c-37d8-483b-9c6c-6b27e9afa9bc" providerId="ADAL" clId="{BF04C754-5BF4-4E83-9615-DB14FA25AF8A}" dt="2023-10-12T11:38:42.377" v="307"/>
          <ac:spMkLst>
            <pc:docMk/>
            <pc:sldMk cId="2376958513" sldId="260"/>
            <ac:spMk id="12885" creationId="{D0BC2FC8-F7A2-4A1D-A014-EA7F8B7B1981}"/>
          </ac:spMkLst>
        </pc:spChg>
        <pc:spChg chg="mod">
          <ac:chgData name="White, Alex" userId="eff6cc8c-37d8-483b-9c6c-6b27e9afa9bc" providerId="ADAL" clId="{BF04C754-5BF4-4E83-9615-DB14FA25AF8A}" dt="2023-10-12T11:38:42.377" v="307"/>
          <ac:spMkLst>
            <pc:docMk/>
            <pc:sldMk cId="2376958513" sldId="260"/>
            <ac:spMk id="12886" creationId="{4BDB915E-BF12-4DAA-D1AE-AF61B13903B2}"/>
          </ac:spMkLst>
        </pc:spChg>
        <pc:spChg chg="mod">
          <ac:chgData name="White, Alex" userId="eff6cc8c-37d8-483b-9c6c-6b27e9afa9bc" providerId="ADAL" clId="{BF04C754-5BF4-4E83-9615-DB14FA25AF8A}" dt="2023-10-12T11:38:42.377" v="307"/>
          <ac:spMkLst>
            <pc:docMk/>
            <pc:sldMk cId="2376958513" sldId="260"/>
            <ac:spMk id="12887" creationId="{9201363D-ED48-0F8D-F243-C20BDFDF9316}"/>
          </ac:spMkLst>
        </pc:spChg>
        <pc:spChg chg="mod">
          <ac:chgData name="White, Alex" userId="eff6cc8c-37d8-483b-9c6c-6b27e9afa9bc" providerId="ADAL" clId="{BF04C754-5BF4-4E83-9615-DB14FA25AF8A}" dt="2023-10-12T11:38:42.377" v="307"/>
          <ac:spMkLst>
            <pc:docMk/>
            <pc:sldMk cId="2376958513" sldId="260"/>
            <ac:spMk id="12888" creationId="{9E616F52-CA54-680A-6FD6-DF5F5E39DF7D}"/>
          </ac:spMkLst>
        </pc:spChg>
        <pc:spChg chg="mod">
          <ac:chgData name="White, Alex" userId="eff6cc8c-37d8-483b-9c6c-6b27e9afa9bc" providerId="ADAL" clId="{BF04C754-5BF4-4E83-9615-DB14FA25AF8A}" dt="2023-10-12T11:38:42.377" v="307"/>
          <ac:spMkLst>
            <pc:docMk/>
            <pc:sldMk cId="2376958513" sldId="260"/>
            <ac:spMk id="12889" creationId="{81427359-67F8-D6DA-C0BE-154EDAEC7B86}"/>
          </ac:spMkLst>
        </pc:spChg>
        <pc:spChg chg="mod">
          <ac:chgData name="White, Alex" userId="eff6cc8c-37d8-483b-9c6c-6b27e9afa9bc" providerId="ADAL" clId="{BF04C754-5BF4-4E83-9615-DB14FA25AF8A}" dt="2023-10-12T11:38:42.377" v="307"/>
          <ac:spMkLst>
            <pc:docMk/>
            <pc:sldMk cId="2376958513" sldId="260"/>
            <ac:spMk id="12890" creationId="{5C6FB2D4-8C06-4891-716F-47F3ECDA2BBA}"/>
          </ac:spMkLst>
        </pc:spChg>
        <pc:spChg chg="mod">
          <ac:chgData name="White, Alex" userId="eff6cc8c-37d8-483b-9c6c-6b27e9afa9bc" providerId="ADAL" clId="{BF04C754-5BF4-4E83-9615-DB14FA25AF8A}" dt="2023-10-12T11:38:42.377" v="307"/>
          <ac:spMkLst>
            <pc:docMk/>
            <pc:sldMk cId="2376958513" sldId="260"/>
            <ac:spMk id="12891" creationId="{0D4292D3-5671-4A2A-9A00-91195A3EB9D3}"/>
          </ac:spMkLst>
        </pc:spChg>
        <pc:spChg chg="mod">
          <ac:chgData name="White, Alex" userId="eff6cc8c-37d8-483b-9c6c-6b27e9afa9bc" providerId="ADAL" clId="{BF04C754-5BF4-4E83-9615-DB14FA25AF8A}" dt="2023-10-12T11:38:42.377" v="307"/>
          <ac:spMkLst>
            <pc:docMk/>
            <pc:sldMk cId="2376958513" sldId="260"/>
            <ac:spMk id="12892" creationId="{969CE1B2-FEE3-ACF2-D06E-CB35B20747C4}"/>
          </ac:spMkLst>
        </pc:spChg>
        <pc:spChg chg="mod">
          <ac:chgData name="White, Alex" userId="eff6cc8c-37d8-483b-9c6c-6b27e9afa9bc" providerId="ADAL" clId="{BF04C754-5BF4-4E83-9615-DB14FA25AF8A}" dt="2023-10-12T11:38:42.377" v="307"/>
          <ac:spMkLst>
            <pc:docMk/>
            <pc:sldMk cId="2376958513" sldId="260"/>
            <ac:spMk id="12893" creationId="{48A55486-EC1E-1676-4F8A-8A146C479C7A}"/>
          </ac:spMkLst>
        </pc:spChg>
        <pc:spChg chg="mod">
          <ac:chgData name="White, Alex" userId="eff6cc8c-37d8-483b-9c6c-6b27e9afa9bc" providerId="ADAL" clId="{BF04C754-5BF4-4E83-9615-DB14FA25AF8A}" dt="2023-10-12T11:38:42.377" v="307"/>
          <ac:spMkLst>
            <pc:docMk/>
            <pc:sldMk cId="2376958513" sldId="260"/>
            <ac:spMk id="12894" creationId="{FD3628EA-E941-D732-271C-315C78FA4EAE}"/>
          </ac:spMkLst>
        </pc:spChg>
        <pc:spChg chg="mod">
          <ac:chgData name="White, Alex" userId="eff6cc8c-37d8-483b-9c6c-6b27e9afa9bc" providerId="ADAL" clId="{BF04C754-5BF4-4E83-9615-DB14FA25AF8A}" dt="2023-10-12T11:38:42.377" v="307"/>
          <ac:spMkLst>
            <pc:docMk/>
            <pc:sldMk cId="2376958513" sldId="260"/>
            <ac:spMk id="12895" creationId="{2724E747-7399-9923-1D0D-AF702FFBEBAE}"/>
          </ac:spMkLst>
        </pc:spChg>
        <pc:spChg chg="mod">
          <ac:chgData name="White, Alex" userId="eff6cc8c-37d8-483b-9c6c-6b27e9afa9bc" providerId="ADAL" clId="{BF04C754-5BF4-4E83-9615-DB14FA25AF8A}" dt="2023-10-12T11:38:42.377" v="307"/>
          <ac:spMkLst>
            <pc:docMk/>
            <pc:sldMk cId="2376958513" sldId="260"/>
            <ac:spMk id="12896" creationId="{CC63278E-1B3D-A9B3-5BAD-51349175F212}"/>
          </ac:spMkLst>
        </pc:spChg>
        <pc:spChg chg="mod">
          <ac:chgData name="White, Alex" userId="eff6cc8c-37d8-483b-9c6c-6b27e9afa9bc" providerId="ADAL" clId="{BF04C754-5BF4-4E83-9615-DB14FA25AF8A}" dt="2023-10-12T11:38:42.377" v="307"/>
          <ac:spMkLst>
            <pc:docMk/>
            <pc:sldMk cId="2376958513" sldId="260"/>
            <ac:spMk id="12897" creationId="{094CD9A9-DB42-1B4C-35BF-543CCE6D08EA}"/>
          </ac:spMkLst>
        </pc:spChg>
        <pc:spChg chg="mod">
          <ac:chgData name="White, Alex" userId="eff6cc8c-37d8-483b-9c6c-6b27e9afa9bc" providerId="ADAL" clId="{BF04C754-5BF4-4E83-9615-DB14FA25AF8A}" dt="2023-10-12T11:38:42.377" v="307"/>
          <ac:spMkLst>
            <pc:docMk/>
            <pc:sldMk cId="2376958513" sldId="260"/>
            <ac:spMk id="12898" creationId="{E1E3664E-85DB-69A2-EED4-3B51A9C59BE9}"/>
          </ac:spMkLst>
        </pc:spChg>
        <pc:spChg chg="mod">
          <ac:chgData name="White, Alex" userId="eff6cc8c-37d8-483b-9c6c-6b27e9afa9bc" providerId="ADAL" clId="{BF04C754-5BF4-4E83-9615-DB14FA25AF8A}" dt="2023-10-12T11:38:42.377" v="307"/>
          <ac:spMkLst>
            <pc:docMk/>
            <pc:sldMk cId="2376958513" sldId="260"/>
            <ac:spMk id="12899" creationId="{B56296B5-EA3D-7EC1-0CF1-7619B5B747FA}"/>
          </ac:spMkLst>
        </pc:spChg>
        <pc:spChg chg="mod">
          <ac:chgData name="White, Alex" userId="eff6cc8c-37d8-483b-9c6c-6b27e9afa9bc" providerId="ADAL" clId="{BF04C754-5BF4-4E83-9615-DB14FA25AF8A}" dt="2023-10-12T11:38:42.377" v="307"/>
          <ac:spMkLst>
            <pc:docMk/>
            <pc:sldMk cId="2376958513" sldId="260"/>
            <ac:spMk id="12900" creationId="{71452BA4-8E11-10ED-3E25-48B3F5E9964E}"/>
          </ac:spMkLst>
        </pc:spChg>
        <pc:spChg chg="mod">
          <ac:chgData name="White, Alex" userId="eff6cc8c-37d8-483b-9c6c-6b27e9afa9bc" providerId="ADAL" clId="{BF04C754-5BF4-4E83-9615-DB14FA25AF8A}" dt="2023-10-12T11:38:42.377" v="307"/>
          <ac:spMkLst>
            <pc:docMk/>
            <pc:sldMk cId="2376958513" sldId="260"/>
            <ac:spMk id="12901" creationId="{634C8529-24D1-C39A-4A69-1AF7255EEFED}"/>
          </ac:spMkLst>
        </pc:spChg>
        <pc:spChg chg="mod">
          <ac:chgData name="White, Alex" userId="eff6cc8c-37d8-483b-9c6c-6b27e9afa9bc" providerId="ADAL" clId="{BF04C754-5BF4-4E83-9615-DB14FA25AF8A}" dt="2023-10-12T11:38:42.377" v="307"/>
          <ac:spMkLst>
            <pc:docMk/>
            <pc:sldMk cId="2376958513" sldId="260"/>
            <ac:spMk id="12902" creationId="{C5CA460E-9466-1829-B123-F958BBE9DA29}"/>
          </ac:spMkLst>
        </pc:spChg>
        <pc:spChg chg="mod">
          <ac:chgData name="White, Alex" userId="eff6cc8c-37d8-483b-9c6c-6b27e9afa9bc" providerId="ADAL" clId="{BF04C754-5BF4-4E83-9615-DB14FA25AF8A}" dt="2023-10-12T11:38:42.377" v="307"/>
          <ac:spMkLst>
            <pc:docMk/>
            <pc:sldMk cId="2376958513" sldId="260"/>
            <ac:spMk id="12903" creationId="{9A7A52BC-523F-EB05-940A-1767FE1E9B30}"/>
          </ac:spMkLst>
        </pc:spChg>
        <pc:spChg chg="mod">
          <ac:chgData name="White, Alex" userId="eff6cc8c-37d8-483b-9c6c-6b27e9afa9bc" providerId="ADAL" clId="{BF04C754-5BF4-4E83-9615-DB14FA25AF8A}" dt="2023-10-12T11:38:42.377" v="307"/>
          <ac:spMkLst>
            <pc:docMk/>
            <pc:sldMk cId="2376958513" sldId="260"/>
            <ac:spMk id="12904" creationId="{A6DE0C7A-7700-BAED-4296-033C932409B8}"/>
          </ac:spMkLst>
        </pc:spChg>
        <pc:spChg chg="mod">
          <ac:chgData name="White, Alex" userId="eff6cc8c-37d8-483b-9c6c-6b27e9afa9bc" providerId="ADAL" clId="{BF04C754-5BF4-4E83-9615-DB14FA25AF8A}" dt="2023-10-12T11:38:42.377" v="307"/>
          <ac:spMkLst>
            <pc:docMk/>
            <pc:sldMk cId="2376958513" sldId="260"/>
            <ac:spMk id="12905" creationId="{D9CE1D20-56EA-9F90-0C29-2D2158F7844B}"/>
          </ac:spMkLst>
        </pc:spChg>
        <pc:spChg chg="mod">
          <ac:chgData name="White, Alex" userId="eff6cc8c-37d8-483b-9c6c-6b27e9afa9bc" providerId="ADAL" clId="{BF04C754-5BF4-4E83-9615-DB14FA25AF8A}" dt="2023-10-12T11:38:42.377" v="307"/>
          <ac:spMkLst>
            <pc:docMk/>
            <pc:sldMk cId="2376958513" sldId="260"/>
            <ac:spMk id="12906" creationId="{75894856-1A87-7416-2A43-40D90948456B}"/>
          </ac:spMkLst>
        </pc:spChg>
        <pc:spChg chg="mod">
          <ac:chgData name="White, Alex" userId="eff6cc8c-37d8-483b-9c6c-6b27e9afa9bc" providerId="ADAL" clId="{BF04C754-5BF4-4E83-9615-DB14FA25AF8A}" dt="2023-10-12T11:38:42.377" v="307"/>
          <ac:spMkLst>
            <pc:docMk/>
            <pc:sldMk cId="2376958513" sldId="260"/>
            <ac:spMk id="12907" creationId="{D0FCAB57-6F32-FF55-2DFA-FF47DCAE72C9}"/>
          </ac:spMkLst>
        </pc:spChg>
        <pc:spChg chg="mod">
          <ac:chgData name="White, Alex" userId="eff6cc8c-37d8-483b-9c6c-6b27e9afa9bc" providerId="ADAL" clId="{BF04C754-5BF4-4E83-9615-DB14FA25AF8A}" dt="2023-10-12T11:38:42.377" v="307"/>
          <ac:spMkLst>
            <pc:docMk/>
            <pc:sldMk cId="2376958513" sldId="260"/>
            <ac:spMk id="12908" creationId="{16BCDF73-508D-FA49-33C3-951DBAD8C8E9}"/>
          </ac:spMkLst>
        </pc:spChg>
        <pc:spChg chg="mod">
          <ac:chgData name="White, Alex" userId="eff6cc8c-37d8-483b-9c6c-6b27e9afa9bc" providerId="ADAL" clId="{BF04C754-5BF4-4E83-9615-DB14FA25AF8A}" dt="2023-10-12T11:38:42.377" v="307"/>
          <ac:spMkLst>
            <pc:docMk/>
            <pc:sldMk cId="2376958513" sldId="260"/>
            <ac:spMk id="12909" creationId="{8E54E012-04FA-8384-6CEB-681CD5ADCF7A}"/>
          </ac:spMkLst>
        </pc:spChg>
        <pc:spChg chg="mod">
          <ac:chgData name="White, Alex" userId="eff6cc8c-37d8-483b-9c6c-6b27e9afa9bc" providerId="ADAL" clId="{BF04C754-5BF4-4E83-9615-DB14FA25AF8A}" dt="2023-10-12T11:38:42.377" v="307"/>
          <ac:spMkLst>
            <pc:docMk/>
            <pc:sldMk cId="2376958513" sldId="260"/>
            <ac:spMk id="12910" creationId="{A583D40A-6684-977E-24A7-5B99B96F40E6}"/>
          </ac:spMkLst>
        </pc:spChg>
        <pc:spChg chg="mod">
          <ac:chgData name="White, Alex" userId="eff6cc8c-37d8-483b-9c6c-6b27e9afa9bc" providerId="ADAL" clId="{BF04C754-5BF4-4E83-9615-DB14FA25AF8A}" dt="2023-10-12T11:38:42.377" v="307"/>
          <ac:spMkLst>
            <pc:docMk/>
            <pc:sldMk cId="2376958513" sldId="260"/>
            <ac:spMk id="12911" creationId="{B0DD7A9D-6636-857F-19AC-29D1B04419F3}"/>
          </ac:spMkLst>
        </pc:spChg>
        <pc:spChg chg="mod">
          <ac:chgData name="White, Alex" userId="eff6cc8c-37d8-483b-9c6c-6b27e9afa9bc" providerId="ADAL" clId="{BF04C754-5BF4-4E83-9615-DB14FA25AF8A}" dt="2023-10-12T11:38:42.377" v="307"/>
          <ac:spMkLst>
            <pc:docMk/>
            <pc:sldMk cId="2376958513" sldId="260"/>
            <ac:spMk id="12912" creationId="{C4F07D26-74CB-5967-1A33-58BDECA874FD}"/>
          </ac:spMkLst>
        </pc:spChg>
        <pc:spChg chg="mod">
          <ac:chgData name="White, Alex" userId="eff6cc8c-37d8-483b-9c6c-6b27e9afa9bc" providerId="ADAL" clId="{BF04C754-5BF4-4E83-9615-DB14FA25AF8A}" dt="2023-10-12T11:38:42.377" v="307"/>
          <ac:spMkLst>
            <pc:docMk/>
            <pc:sldMk cId="2376958513" sldId="260"/>
            <ac:spMk id="12913" creationId="{ACCAB335-947B-245F-F24B-0654DEA86B16}"/>
          </ac:spMkLst>
        </pc:spChg>
        <pc:spChg chg="mod">
          <ac:chgData name="White, Alex" userId="eff6cc8c-37d8-483b-9c6c-6b27e9afa9bc" providerId="ADAL" clId="{BF04C754-5BF4-4E83-9615-DB14FA25AF8A}" dt="2023-10-12T11:38:42.377" v="307"/>
          <ac:spMkLst>
            <pc:docMk/>
            <pc:sldMk cId="2376958513" sldId="260"/>
            <ac:spMk id="12914" creationId="{1FAAE9DB-2560-CF99-C6A7-5AAC9F411707}"/>
          </ac:spMkLst>
        </pc:spChg>
        <pc:spChg chg="mod">
          <ac:chgData name="White, Alex" userId="eff6cc8c-37d8-483b-9c6c-6b27e9afa9bc" providerId="ADAL" clId="{BF04C754-5BF4-4E83-9615-DB14FA25AF8A}" dt="2023-10-12T11:38:42.377" v="307"/>
          <ac:spMkLst>
            <pc:docMk/>
            <pc:sldMk cId="2376958513" sldId="260"/>
            <ac:spMk id="12915" creationId="{2FC6DC57-CAE7-781A-8834-B3C750EFDE5E}"/>
          </ac:spMkLst>
        </pc:spChg>
        <pc:spChg chg="mod">
          <ac:chgData name="White, Alex" userId="eff6cc8c-37d8-483b-9c6c-6b27e9afa9bc" providerId="ADAL" clId="{BF04C754-5BF4-4E83-9615-DB14FA25AF8A}" dt="2023-10-12T11:38:42.377" v="307"/>
          <ac:spMkLst>
            <pc:docMk/>
            <pc:sldMk cId="2376958513" sldId="260"/>
            <ac:spMk id="12916" creationId="{3D7402A2-6398-7A0F-EE0B-1FF6EE32FA29}"/>
          </ac:spMkLst>
        </pc:spChg>
        <pc:spChg chg="mod">
          <ac:chgData name="White, Alex" userId="eff6cc8c-37d8-483b-9c6c-6b27e9afa9bc" providerId="ADAL" clId="{BF04C754-5BF4-4E83-9615-DB14FA25AF8A}" dt="2023-10-12T11:38:42.377" v="307"/>
          <ac:spMkLst>
            <pc:docMk/>
            <pc:sldMk cId="2376958513" sldId="260"/>
            <ac:spMk id="12917" creationId="{BF1E4480-5EBF-19C5-1E47-769F3EF9159C}"/>
          </ac:spMkLst>
        </pc:spChg>
        <pc:spChg chg="mod">
          <ac:chgData name="White, Alex" userId="eff6cc8c-37d8-483b-9c6c-6b27e9afa9bc" providerId="ADAL" clId="{BF04C754-5BF4-4E83-9615-DB14FA25AF8A}" dt="2023-10-12T11:38:42.377" v="307"/>
          <ac:spMkLst>
            <pc:docMk/>
            <pc:sldMk cId="2376958513" sldId="260"/>
            <ac:spMk id="12918" creationId="{D213EAE8-67F7-8AE9-2FA4-72D6805ABE01}"/>
          </ac:spMkLst>
        </pc:spChg>
        <pc:spChg chg="mod">
          <ac:chgData name="White, Alex" userId="eff6cc8c-37d8-483b-9c6c-6b27e9afa9bc" providerId="ADAL" clId="{BF04C754-5BF4-4E83-9615-DB14FA25AF8A}" dt="2023-10-12T11:38:42.377" v="307"/>
          <ac:spMkLst>
            <pc:docMk/>
            <pc:sldMk cId="2376958513" sldId="260"/>
            <ac:spMk id="12919" creationId="{D8637EB6-D4CC-C83B-D82F-6769958561CC}"/>
          </ac:spMkLst>
        </pc:spChg>
        <pc:spChg chg="mod">
          <ac:chgData name="White, Alex" userId="eff6cc8c-37d8-483b-9c6c-6b27e9afa9bc" providerId="ADAL" clId="{BF04C754-5BF4-4E83-9615-DB14FA25AF8A}" dt="2023-10-12T11:38:42.377" v="307"/>
          <ac:spMkLst>
            <pc:docMk/>
            <pc:sldMk cId="2376958513" sldId="260"/>
            <ac:spMk id="12920" creationId="{435AABE5-222E-2062-C3DB-850273A9A801}"/>
          </ac:spMkLst>
        </pc:spChg>
        <pc:spChg chg="mod">
          <ac:chgData name="White, Alex" userId="eff6cc8c-37d8-483b-9c6c-6b27e9afa9bc" providerId="ADAL" clId="{BF04C754-5BF4-4E83-9615-DB14FA25AF8A}" dt="2023-10-12T11:38:42.377" v="307"/>
          <ac:spMkLst>
            <pc:docMk/>
            <pc:sldMk cId="2376958513" sldId="260"/>
            <ac:spMk id="12921" creationId="{90DBB580-23EF-3BBC-29D0-17AB351E8C0D}"/>
          </ac:spMkLst>
        </pc:spChg>
        <pc:spChg chg="mod">
          <ac:chgData name="White, Alex" userId="eff6cc8c-37d8-483b-9c6c-6b27e9afa9bc" providerId="ADAL" clId="{BF04C754-5BF4-4E83-9615-DB14FA25AF8A}" dt="2023-10-12T11:38:42.377" v="307"/>
          <ac:spMkLst>
            <pc:docMk/>
            <pc:sldMk cId="2376958513" sldId="260"/>
            <ac:spMk id="12922" creationId="{A8A81D1E-D9C2-4398-4216-A197CFB4837D}"/>
          </ac:spMkLst>
        </pc:spChg>
        <pc:spChg chg="mod">
          <ac:chgData name="White, Alex" userId="eff6cc8c-37d8-483b-9c6c-6b27e9afa9bc" providerId="ADAL" clId="{BF04C754-5BF4-4E83-9615-DB14FA25AF8A}" dt="2023-10-12T11:38:42.377" v="307"/>
          <ac:spMkLst>
            <pc:docMk/>
            <pc:sldMk cId="2376958513" sldId="260"/>
            <ac:spMk id="12923" creationId="{E581F6D9-AAAC-228E-AB8A-CCAF83D4EB69}"/>
          </ac:spMkLst>
        </pc:spChg>
        <pc:spChg chg="mod">
          <ac:chgData name="White, Alex" userId="eff6cc8c-37d8-483b-9c6c-6b27e9afa9bc" providerId="ADAL" clId="{BF04C754-5BF4-4E83-9615-DB14FA25AF8A}" dt="2023-10-12T11:38:42.377" v="307"/>
          <ac:spMkLst>
            <pc:docMk/>
            <pc:sldMk cId="2376958513" sldId="260"/>
            <ac:spMk id="12924" creationId="{86A03F51-5759-A1CE-66DE-3DA4A1F3A7DE}"/>
          </ac:spMkLst>
        </pc:spChg>
        <pc:spChg chg="mod">
          <ac:chgData name="White, Alex" userId="eff6cc8c-37d8-483b-9c6c-6b27e9afa9bc" providerId="ADAL" clId="{BF04C754-5BF4-4E83-9615-DB14FA25AF8A}" dt="2023-10-12T11:38:42.377" v="307"/>
          <ac:spMkLst>
            <pc:docMk/>
            <pc:sldMk cId="2376958513" sldId="260"/>
            <ac:spMk id="12925" creationId="{272669E9-B901-36B4-8C28-152743713CD6}"/>
          </ac:spMkLst>
        </pc:spChg>
        <pc:spChg chg="mod">
          <ac:chgData name="White, Alex" userId="eff6cc8c-37d8-483b-9c6c-6b27e9afa9bc" providerId="ADAL" clId="{BF04C754-5BF4-4E83-9615-DB14FA25AF8A}" dt="2023-10-12T11:38:42.377" v="307"/>
          <ac:spMkLst>
            <pc:docMk/>
            <pc:sldMk cId="2376958513" sldId="260"/>
            <ac:spMk id="12926" creationId="{9D4195C6-0006-9B4F-8A78-E106AB00893E}"/>
          </ac:spMkLst>
        </pc:spChg>
        <pc:spChg chg="mod">
          <ac:chgData name="White, Alex" userId="eff6cc8c-37d8-483b-9c6c-6b27e9afa9bc" providerId="ADAL" clId="{BF04C754-5BF4-4E83-9615-DB14FA25AF8A}" dt="2023-10-12T11:38:42.377" v="307"/>
          <ac:spMkLst>
            <pc:docMk/>
            <pc:sldMk cId="2376958513" sldId="260"/>
            <ac:spMk id="12927" creationId="{8A07BF91-A671-3AD3-7E21-5FF37A13A205}"/>
          </ac:spMkLst>
        </pc:spChg>
        <pc:spChg chg="mod">
          <ac:chgData name="White, Alex" userId="eff6cc8c-37d8-483b-9c6c-6b27e9afa9bc" providerId="ADAL" clId="{BF04C754-5BF4-4E83-9615-DB14FA25AF8A}" dt="2023-10-12T11:38:42.377" v="307"/>
          <ac:spMkLst>
            <pc:docMk/>
            <pc:sldMk cId="2376958513" sldId="260"/>
            <ac:spMk id="12928" creationId="{3227421F-4083-F5FC-1878-B6641CFBF06D}"/>
          </ac:spMkLst>
        </pc:spChg>
        <pc:spChg chg="mod">
          <ac:chgData name="White, Alex" userId="eff6cc8c-37d8-483b-9c6c-6b27e9afa9bc" providerId="ADAL" clId="{BF04C754-5BF4-4E83-9615-DB14FA25AF8A}" dt="2023-10-12T11:38:42.377" v="307"/>
          <ac:spMkLst>
            <pc:docMk/>
            <pc:sldMk cId="2376958513" sldId="260"/>
            <ac:spMk id="12929" creationId="{19E643E7-F4AF-4306-0F4E-19D9408C71B4}"/>
          </ac:spMkLst>
        </pc:spChg>
        <pc:spChg chg="mod">
          <ac:chgData name="White, Alex" userId="eff6cc8c-37d8-483b-9c6c-6b27e9afa9bc" providerId="ADAL" clId="{BF04C754-5BF4-4E83-9615-DB14FA25AF8A}" dt="2023-10-12T11:38:42.377" v="307"/>
          <ac:spMkLst>
            <pc:docMk/>
            <pc:sldMk cId="2376958513" sldId="260"/>
            <ac:spMk id="12930" creationId="{A451EBAD-537F-3B63-0BDB-667AA23C5F99}"/>
          </ac:spMkLst>
        </pc:spChg>
        <pc:spChg chg="mod">
          <ac:chgData name="White, Alex" userId="eff6cc8c-37d8-483b-9c6c-6b27e9afa9bc" providerId="ADAL" clId="{BF04C754-5BF4-4E83-9615-DB14FA25AF8A}" dt="2023-10-12T11:38:42.377" v="307"/>
          <ac:spMkLst>
            <pc:docMk/>
            <pc:sldMk cId="2376958513" sldId="260"/>
            <ac:spMk id="12931" creationId="{507BA57E-3D51-78F3-1D3B-81F409CAD764}"/>
          </ac:spMkLst>
        </pc:spChg>
        <pc:spChg chg="mod">
          <ac:chgData name="White, Alex" userId="eff6cc8c-37d8-483b-9c6c-6b27e9afa9bc" providerId="ADAL" clId="{BF04C754-5BF4-4E83-9615-DB14FA25AF8A}" dt="2023-10-12T11:38:42.377" v="307"/>
          <ac:spMkLst>
            <pc:docMk/>
            <pc:sldMk cId="2376958513" sldId="260"/>
            <ac:spMk id="12932" creationId="{F0BECF44-CD1D-A58B-A506-1082AB60547C}"/>
          </ac:spMkLst>
        </pc:spChg>
        <pc:spChg chg="mod">
          <ac:chgData name="White, Alex" userId="eff6cc8c-37d8-483b-9c6c-6b27e9afa9bc" providerId="ADAL" clId="{BF04C754-5BF4-4E83-9615-DB14FA25AF8A}" dt="2023-10-12T11:38:42.377" v="307"/>
          <ac:spMkLst>
            <pc:docMk/>
            <pc:sldMk cId="2376958513" sldId="260"/>
            <ac:spMk id="12933" creationId="{803969FF-4B36-7809-3D52-F8C3B716CB6B}"/>
          </ac:spMkLst>
        </pc:spChg>
        <pc:spChg chg="mod">
          <ac:chgData name="White, Alex" userId="eff6cc8c-37d8-483b-9c6c-6b27e9afa9bc" providerId="ADAL" clId="{BF04C754-5BF4-4E83-9615-DB14FA25AF8A}" dt="2023-10-12T11:38:42.377" v="307"/>
          <ac:spMkLst>
            <pc:docMk/>
            <pc:sldMk cId="2376958513" sldId="260"/>
            <ac:spMk id="12934" creationId="{0DA40530-5841-EF41-E894-3DF039E7561E}"/>
          </ac:spMkLst>
        </pc:spChg>
        <pc:spChg chg="mod">
          <ac:chgData name="White, Alex" userId="eff6cc8c-37d8-483b-9c6c-6b27e9afa9bc" providerId="ADAL" clId="{BF04C754-5BF4-4E83-9615-DB14FA25AF8A}" dt="2023-10-12T11:38:42.377" v="307"/>
          <ac:spMkLst>
            <pc:docMk/>
            <pc:sldMk cId="2376958513" sldId="260"/>
            <ac:spMk id="12935" creationId="{DF9E5A35-D14B-8133-C9D2-8626A4EBE690}"/>
          </ac:spMkLst>
        </pc:spChg>
        <pc:spChg chg="mod">
          <ac:chgData name="White, Alex" userId="eff6cc8c-37d8-483b-9c6c-6b27e9afa9bc" providerId="ADAL" clId="{BF04C754-5BF4-4E83-9615-DB14FA25AF8A}" dt="2023-10-12T11:38:42.377" v="307"/>
          <ac:spMkLst>
            <pc:docMk/>
            <pc:sldMk cId="2376958513" sldId="260"/>
            <ac:spMk id="12936" creationId="{B83C5D0C-9E0D-E79F-1A17-7CDAB57354A2}"/>
          </ac:spMkLst>
        </pc:spChg>
        <pc:spChg chg="mod">
          <ac:chgData name="White, Alex" userId="eff6cc8c-37d8-483b-9c6c-6b27e9afa9bc" providerId="ADAL" clId="{BF04C754-5BF4-4E83-9615-DB14FA25AF8A}" dt="2023-10-12T11:38:42.377" v="307"/>
          <ac:spMkLst>
            <pc:docMk/>
            <pc:sldMk cId="2376958513" sldId="260"/>
            <ac:spMk id="12937" creationId="{BFBFF2D5-721B-F61A-02D0-CFEC745D4AB7}"/>
          </ac:spMkLst>
        </pc:spChg>
        <pc:spChg chg="mod">
          <ac:chgData name="White, Alex" userId="eff6cc8c-37d8-483b-9c6c-6b27e9afa9bc" providerId="ADAL" clId="{BF04C754-5BF4-4E83-9615-DB14FA25AF8A}" dt="2023-10-12T11:38:42.377" v="307"/>
          <ac:spMkLst>
            <pc:docMk/>
            <pc:sldMk cId="2376958513" sldId="260"/>
            <ac:spMk id="12938" creationId="{DE14D2CD-D7F6-07C9-E5B2-5D9495EB9954}"/>
          </ac:spMkLst>
        </pc:spChg>
        <pc:spChg chg="mod">
          <ac:chgData name="White, Alex" userId="eff6cc8c-37d8-483b-9c6c-6b27e9afa9bc" providerId="ADAL" clId="{BF04C754-5BF4-4E83-9615-DB14FA25AF8A}" dt="2023-10-12T11:38:42.377" v="307"/>
          <ac:spMkLst>
            <pc:docMk/>
            <pc:sldMk cId="2376958513" sldId="260"/>
            <ac:spMk id="12939" creationId="{B99EB2C1-8B0D-A861-BA59-58FC73D22672}"/>
          </ac:spMkLst>
        </pc:spChg>
        <pc:spChg chg="mod">
          <ac:chgData name="White, Alex" userId="eff6cc8c-37d8-483b-9c6c-6b27e9afa9bc" providerId="ADAL" clId="{BF04C754-5BF4-4E83-9615-DB14FA25AF8A}" dt="2023-10-12T11:38:42.377" v="307"/>
          <ac:spMkLst>
            <pc:docMk/>
            <pc:sldMk cId="2376958513" sldId="260"/>
            <ac:spMk id="12940" creationId="{8D298B74-C72D-B203-8B35-D27C55587D3C}"/>
          </ac:spMkLst>
        </pc:spChg>
        <pc:spChg chg="mod">
          <ac:chgData name="White, Alex" userId="eff6cc8c-37d8-483b-9c6c-6b27e9afa9bc" providerId="ADAL" clId="{BF04C754-5BF4-4E83-9615-DB14FA25AF8A}" dt="2023-10-12T11:38:42.377" v="307"/>
          <ac:spMkLst>
            <pc:docMk/>
            <pc:sldMk cId="2376958513" sldId="260"/>
            <ac:spMk id="12941" creationId="{20D687B1-BB64-39D8-C015-A5665A2ADFDE}"/>
          </ac:spMkLst>
        </pc:spChg>
        <pc:spChg chg="mod">
          <ac:chgData name="White, Alex" userId="eff6cc8c-37d8-483b-9c6c-6b27e9afa9bc" providerId="ADAL" clId="{BF04C754-5BF4-4E83-9615-DB14FA25AF8A}" dt="2023-10-12T11:38:42.377" v="307"/>
          <ac:spMkLst>
            <pc:docMk/>
            <pc:sldMk cId="2376958513" sldId="260"/>
            <ac:spMk id="12942" creationId="{822BA769-2E4B-68CA-B033-892B8994E22E}"/>
          </ac:spMkLst>
        </pc:spChg>
        <pc:spChg chg="mod">
          <ac:chgData name="White, Alex" userId="eff6cc8c-37d8-483b-9c6c-6b27e9afa9bc" providerId="ADAL" clId="{BF04C754-5BF4-4E83-9615-DB14FA25AF8A}" dt="2023-10-12T11:38:42.377" v="307"/>
          <ac:spMkLst>
            <pc:docMk/>
            <pc:sldMk cId="2376958513" sldId="260"/>
            <ac:spMk id="12943" creationId="{B2B1208D-83A4-7DEB-9B7A-0A5C9B0E766B}"/>
          </ac:spMkLst>
        </pc:spChg>
        <pc:spChg chg="mod">
          <ac:chgData name="White, Alex" userId="eff6cc8c-37d8-483b-9c6c-6b27e9afa9bc" providerId="ADAL" clId="{BF04C754-5BF4-4E83-9615-DB14FA25AF8A}" dt="2023-10-12T11:38:42.377" v="307"/>
          <ac:spMkLst>
            <pc:docMk/>
            <pc:sldMk cId="2376958513" sldId="260"/>
            <ac:spMk id="12944" creationId="{A7A78C6F-0302-BCA9-13D5-16031B269729}"/>
          </ac:spMkLst>
        </pc:spChg>
        <pc:spChg chg="mod">
          <ac:chgData name="White, Alex" userId="eff6cc8c-37d8-483b-9c6c-6b27e9afa9bc" providerId="ADAL" clId="{BF04C754-5BF4-4E83-9615-DB14FA25AF8A}" dt="2023-10-12T11:38:42.377" v="307"/>
          <ac:spMkLst>
            <pc:docMk/>
            <pc:sldMk cId="2376958513" sldId="260"/>
            <ac:spMk id="12945" creationId="{7AC5DFA2-1B6C-36A0-8CFB-5EAC63292102}"/>
          </ac:spMkLst>
        </pc:spChg>
        <pc:spChg chg="mod">
          <ac:chgData name="White, Alex" userId="eff6cc8c-37d8-483b-9c6c-6b27e9afa9bc" providerId="ADAL" clId="{BF04C754-5BF4-4E83-9615-DB14FA25AF8A}" dt="2023-10-12T11:38:42.377" v="307"/>
          <ac:spMkLst>
            <pc:docMk/>
            <pc:sldMk cId="2376958513" sldId="260"/>
            <ac:spMk id="12946" creationId="{96044603-B1D2-A47C-E83B-83B474BEEB29}"/>
          </ac:spMkLst>
        </pc:spChg>
        <pc:spChg chg="mod">
          <ac:chgData name="White, Alex" userId="eff6cc8c-37d8-483b-9c6c-6b27e9afa9bc" providerId="ADAL" clId="{BF04C754-5BF4-4E83-9615-DB14FA25AF8A}" dt="2023-10-12T11:38:42.377" v="307"/>
          <ac:spMkLst>
            <pc:docMk/>
            <pc:sldMk cId="2376958513" sldId="260"/>
            <ac:spMk id="12947" creationId="{E9F7BCCB-BAFB-C137-DA89-78E80CE06932}"/>
          </ac:spMkLst>
        </pc:spChg>
        <pc:spChg chg="mod">
          <ac:chgData name="White, Alex" userId="eff6cc8c-37d8-483b-9c6c-6b27e9afa9bc" providerId="ADAL" clId="{BF04C754-5BF4-4E83-9615-DB14FA25AF8A}" dt="2023-10-12T11:38:42.377" v="307"/>
          <ac:spMkLst>
            <pc:docMk/>
            <pc:sldMk cId="2376958513" sldId="260"/>
            <ac:spMk id="12948" creationId="{26CE76E4-D3F7-809B-7045-6BF95A9CEEC6}"/>
          </ac:spMkLst>
        </pc:spChg>
        <pc:spChg chg="mod">
          <ac:chgData name="White, Alex" userId="eff6cc8c-37d8-483b-9c6c-6b27e9afa9bc" providerId="ADAL" clId="{BF04C754-5BF4-4E83-9615-DB14FA25AF8A}" dt="2023-10-12T11:38:42.377" v="307"/>
          <ac:spMkLst>
            <pc:docMk/>
            <pc:sldMk cId="2376958513" sldId="260"/>
            <ac:spMk id="12949" creationId="{970DEC7E-04EE-39BE-7377-F74EE54053E9}"/>
          </ac:spMkLst>
        </pc:spChg>
        <pc:spChg chg="mod">
          <ac:chgData name="White, Alex" userId="eff6cc8c-37d8-483b-9c6c-6b27e9afa9bc" providerId="ADAL" clId="{BF04C754-5BF4-4E83-9615-DB14FA25AF8A}" dt="2023-10-12T11:38:42.377" v="307"/>
          <ac:spMkLst>
            <pc:docMk/>
            <pc:sldMk cId="2376958513" sldId="260"/>
            <ac:spMk id="12950" creationId="{0A0810CF-04B0-A570-7D94-5D1C8984F72D}"/>
          </ac:spMkLst>
        </pc:spChg>
        <pc:spChg chg="mod">
          <ac:chgData name="White, Alex" userId="eff6cc8c-37d8-483b-9c6c-6b27e9afa9bc" providerId="ADAL" clId="{BF04C754-5BF4-4E83-9615-DB14FA25AF8A}" dt="2023-10-12T11:38:42.377" v="307"/>
          <ac:spMkLst>
            <pc:docMk/>
            <pc:sldMk cId="2376958513" sldId="260"/>
            <ac:spMk id="12951" creationId="{7875FA61-5CBA-1231-3EF4-38A1AA2AD8D1}"/>
          </ac:spMkLst>
        </pc:spChg>
        <pc:spChg chg="mod">
          <ac:chgData name="White, Alex" userId="eff6cc8c-37d8-483b-9c6c-6b27e9afa9bc" providerId="ADAL" clId="{BF04C754-5BF4-4E83-9615-DB14FA25AF8A}" dt="2023-10-12T11:38:42.377" v="307"/>
          <ac:spMkLst>
            <pc:docMk/>
            <pc:sldMk cId="2376958513" sldId="260"/>
            <ac:spMk id="12952" creationId="{5B8C3263-278D-BE1B-1DE0-24F38C6B57C1}"/>
          </ac:spMkLst>
        </pc:spChg>
        <pc:spChg chg="mod">
          <ac:chgData name="White, Alex" userId="eff6cc8c-37d8-483b-9c6c-6b27e9afa9bc" providerId="ADAL" clId="{BF04C754-5BF4-4E83-9615-DB14FA25AF8A}" dt="2023-10-12T11:38:42.377" v="307"/>
          <ac:spMkLst>
            <pc:docMk/>
            <pc:sldMk cId="2376958513" sldId="260"/>
            <ac:spMk id="12953" creationId="{C88B4B08-4EA9-D5CA-C966-B2F67E30A64B}"/>
          </ac:spMkLst>
        </pc:spChg>
        <pc:spChg chg="mod">
          <ac:chgData name="White, Alex" userId="eff6cc8c-37d8-483b-9c6c-6b27e9afa9bc" providerId="ADAL" clId="{BF04C754-5BF4-4E83-9615-DB14FA25AF8A}" dt="2023-10-12T11:38:42.377" v="307"/>
          <ac:spMkLst>
            <pc:docMk/>
            <pc:sldMk cId="2376958513" sldId="260"/>
            <ac:spMk id="12954" creationId="{DA8872D9-3ED5-3B6A-8705-266CF1EB465A}"/>
          </ac:spMkLst>
        </pc:spChg>
        <pc:spChg chg="mod">
          <ac:chgData name="White, Alex" userId="eff6cc8c-37d8-483b-9c6c-6b27e9afa9bc" providerId="ADAL" clId="{BF04C754-5BF4-4E83-9615-DB14FA25AF8A}" dt="2023-10-12T11:38:42.377" v="307"/>
          <ac:spMkLst>
            <pc:docMk/>
            <pc:sldMk cId="2376958513" sldId="260"/>
            <ac:spMk id="12955" creationId="{52E0E629-9EEB-FF94-4FA6-837B7B2373EA}"/>
          </ac:spMkLst>
        </pc:spChg>
        <pc:spChg chg="mod">
          <ac:chgData name="White, Alex" userId="eff6cc8c-37d8-483b-9c6c-6b27e9afa9bc" providerId="ADAL" clId="{BF04C754-5BF4-4E83-9615-DB14FA25AF8A}" dt="2023-10-12T11:38:42.377" v="307"/>
          <ac:spMkLst>
            <pc:docMk/>
            <pc:sldMk cId="2376958513" sldId="260"/>
            <ac:spMk id="12956" creationId="{C0E06A17-0E01-500A-181C-04A5321BBB56}"/>
          </ac:spMkLst>
        </pc:spChg>
        <pc:spChg chg="mod">
          <ac:chgData name="White, Alex" userId="eff6cc8c-37d8-483b-9c6c-6b27e9afa9bc" providerId="ADAL" clId="{BF04C754-5BF4-4E83-9615-DB14FA25AF8A}" dt="2023-10-12T11:38:42.377" v="307"/>
          <ac:spMkLst>
            <pc:docMk/>
            <pc:sldMk cId="2376958513" sldId="260"/>
            <ac:spMk id="12957" creationId="{CF0B438E-63BF-6B3E-DCA5-C9F9309E0516}"/>
          </ac:spMkLst>
        </pc:spChg>
        <pc:spChg chg="mod">
          <ac:chgData name="White, Alex" userId="eff6cc8c-37d8-483b-9c6c-6b27e9afa9bc" providerId="ADAL" clId="{BF04C754-5BF4-4E83-9615-DB14FA25AF8A}" dt="2023-10-12T11:38:42.377" v="307"/>
          <ac:spMkLst>
            <pc:docMk/>
            <pc:sldMk cId="2376958513" sldId="260"/>
            <ac:spMk id="12958" creationId="{A75B30C4-9A09-1A0D-4CC1-C06BAB36A6F1}"/>
          </ac:spMkLst>
        </pc:spChg>
        <pc:spChg chg="mod">
          <ac:chgData name="White, Alex" userId="eff6cc8c-37d8-483b-9c6c-6b27e9afa9bc" providerId="ADAL" clId="{BF04C754-5BF4-4E83-9615-DB14FA25AF8A}" dt="2023-10-12T11:38:42.377" v="307"/>
          <ac:spMkLst>
            <pc:docMk/>
            <pc:sldMk cId="2376958513" sldId="260"/>
            <ac:spMk id="12959" creationId="{D7A23B42-6A80-E07F-DC5E-85919D36D09F}"/>
          </ac:spMkLst>
        </pc:spChg>
        <pc:spChg chg="mod">
          <ac:chgData name="White, Alex" userId="eff6cc8c-37d8-483b-9c6c-6b27e9afa9bc" providerId="ADAL" clId="{BF04C754-5BF4-4E83-9615-DB14FA25AF8A}" dt="2023-10-12T11:38:42.377" v="307"/>
          <ac:spMkLst>
            <pc:docMk/>
            <pc:sldMk cId="2376958513" sldId="260"/>
            <ac:spMk id="12960" creationId="{F25F7BF8-B9E1-9043-486C-2DCFBC070DEB}"/>
          </ac:spMkLst>
        </pc:spChg>
        <pc:spChg chg="mod">
          <ac:chgData name="White, Alex" userId="eff6cc8c-37d8-483b-9c6c-6b27e9afa9bc" providerId="ADAL" clId="{BF04C754-5BF4-4E83-9615-DB14FA25AF8A}" dt="2023-10-12T11:38:42.377" v="307"/>
          <ac:spMkLst>
            <pc:docMk/>
            <pc:sldMk cId="2376958513" sldId="260"/>
            <ac:spMk id="12961" creationId="{7C2212A9-9010-02C1-69E4-8024C9263297}"/>
          </ac:spMkLst>
        </pc:spChg>
        <pc:spChg chg="mod">
          <ac:chgData name="White, Alex" userId="eff6cc8c-37d8-483b-9c6c-6b27e9afa9bc" providerId="ADAL" clId="{BF04C754-5BF4-4E83-9615-DB14FA25AF8A}" dt="2023-10-12T11:38:42.377" v="307"/>
          <ac:spMkLst>
            <pc:docMk/>
            <pc:sldMk cId="2376958513" sldId="260"/>
            <ac:spMk id="12962" creationId="{CEF1CDA6-111F-E55F-4B45-00BA299B07B1}"/>
          </ac:spMkLst>
        </pc:spChg>
        <pc:spChg chg="mod">
          <ac:chgData name="White, Alex" userId="eff6cc8c-37d8-483b-9c6c-6b27e9afa9bc" providerId="ADAL" clId="{BF04C754-5BF4-4E83-9615-DB14FA25AF8A}" dt="2023-10-12T11:38:42.377" v="307"/>
          <ac:spMkLst>
            <pc:docMk/>
            <pc:sldMk cId="2376958513" sldId="260"/>
            <ac:spMk id="12963" creationId="{37F6110D-0B22-5E09-1B49-E75F1D716817}"/>
          </ac:spMkLst>
        </pc:spChg>
        <pc:spChg chg="mod">
          <ac:chgData name="White, Alex" userId="eff6cc8c-37d8-483b-9c6c-6b27e9afa9bc" providerId="ADAL" clId="{BF04C754-5BF4-4E83-9615-DB14FA25AF8A}" dt="2023-10-12T11:38:42.377" v="307"/>
          <ac:spMkLst>
            <pc:docMk/>
            <pc:sldMk cId="2376958513" sldId="260"/>
            <ac:spMk id="12964" creationId="{71FABEE1-0910-4A05-A5D2-049BDDDE773B}"/>
          </ac:spMkLst>
        </pc:spChg>
        <pc:spChg chg="mod">
          <ac:chgData name="White, Alex" userId="eff6cc8c-37d8-483b-9c6c-6b27e9afa9bc" providerId="ADAL" clId="{BF04C754-5BF4-4E83-9615-DB14FA25AF8A}" dt="2023-10-12T11:38:42.377" v="307"/>
          <ac:spMkLst>
            <pc:docMk/>
            <pc:sldMk cId="2376958513" sldId="260"/>
            <ac:spMk id="12965" creationId="{80B21405-FCEB-3F64-0F6B-4B6E47F51D10}"/>
          </ac:spMkLst>
        </pc:spChg>
        <pc:spChg chg="mod">
          <ac:chgData name="White, Alex" userId="eff6cc8c-37d8-483b-9c6c-6b27e9afa9bc" providerId="ADAL" clId="{BF04C754-5BF4-4E83-9615-DB14FA25AF8A}" dt="2023-10-12T11:38:42.377" v="307"/>
          <ac:spMkLst>
            <pc:docMk/>
            <pc:sldMk cId="2376958513" sldId="260"/>
            <ac:spMk id="12966" creationId="{573FCEB4-4C1C-F30B-B5ED-22F08A7ED444}"/>
          </ac:spMkLst>
        </pc:spChg>
        <pc:spChg chg="mod">
          <ac:chgData name="White, Alex" userId="eff6cc8c-37d8-483b-9c6c-6b27e9afa9bc" providerId="ADAL" clId="{BF04C754-5BF4-4E83-9615-DB14FA25AF8A}" dt="2023-10-12T11:38:42.377" v="307"/>
          <ac:spMkLst>
            <pc:docMk/>
            <pc:sldMk cId="2376958513" sldId="260"/>
            <ac:spMk id="12967" creationId="{8C323093-BF54-238E-204D-F4C0EE1DC5FE}"/>
          </ac:spMkLst>
        </pc:spChg>
        <pc:spChg chg="mod">
          <ac:chgData name="White, Alex" userId="eff6cc8c-37d8-483b-9c6c-6b27e9afa9bc" providerId="ADAL" clId="{BF04C754-5BF4-4E83-9615-DB14FA25AF8A}" dt="2023-10-12T11:38:42.377" v="307"/>
          <ac:spMkLst>
            <pc:docMk/>
            <pc:sldMk cId="2376958513" sldId="260"/>
            <ac:spMk id="12968" creationId="{3A3A7C1D-56C9-BA60-ED76-BAC94CB056FB}"/>
          </ac:spMkLst>
        </pc:spChg>
        <pc:spChg chg="mod">
          <ac:chgData name="White, Alex" userId="eff6cc8c-37d8-483b-9c6c-6b27e9afa9bc" providerId="ADAL" clId="{BF04C754-5BF4-4E83-9615-DB14FA25AF8A}" dt="2023-10-12T11:38:42.377" v="307"/>
          <ac:spMkLst>
            <pc:docMk/>
            <pc:sldMk cId="2376958513" sldId="260"/>
            <ac:spMk id="12969" creationId="{7516D782-7A25-AA40-D8E8-7260C9CCD608}"/>
          </ac:spMkLst>
        </pc:spChg>
        <pc:spChg chg="mod">
          <ac:chgData name="White, Alex" userId="eff6cc8c-37d8-483b-9c6c-6b27e9afa9bc" providerId="ADAL" clId="{BF04C754-5BF4-4E83-9615-DB14FA25AF8A}" dt="2023-10-12T11:38:42.377" v="307"/>
          <ac:spMkLst>
            <pc:docMk/>
            <pc:sldMk cId="2376958513" sldId="260"/>
            <ac:spMk id="12970" creationId="{71F771C3-65E9-D549-DEBB-301A30238A31}"/>
          </ac:spMkLst>
        </pc:spChg>
        <pc:spChg chg="mod">
          <ac:chgData name="White, Alex" userId="eff6cc8c-37d8-483b-9c6c-6b27e9afa9bc" providerId="ADAL" clId="{BF04C754-5BF4-4E83-9615-DB14FA25AF8A}" dt="2023-10-12T11:38:42.377" v="307"/>
          <ac:spMkLst>
            <pc:docMk/>
            <pc:sldMk cId="2376958513" sldId="260"/>
            <ac:spMk id="12971" creationId="{23487DD0-475C-79B2-25B8-D5A873D31BC1}"/>
          </ac:spMkLst>
        </pc:spChg>
        <pc:spChg chg="mod">
          <ac:chgData name="White, Alex" userId="eff6cc8c-37d8-483b-9c6c-6b27e9afa9bc" providerId="ADAL" clId="{BF04C754-5BF4-4E83-9615-DB14FA25AF8A}" dt="2023-10-12T11:38:42.377" v="307"/>
          <ac:spMkLst>
            <pc:docMk/>
            <pc:sldMk cId="2376958513" sldId="260"/>
            <ac:spMk id="12972" creationId="{D2853129-CB05-71DC-A3EE-BBA31A1F674A}"/>
          </ac:spMkLst>
        </pc:spChg>
        <pc:spChg chg="mod">
          <ac:chgData name="White, Alex" userId="eff6cc8c-37d8-483b-9c6c-6b27e9afa9bc" providerId="ADAL" clId="{BF04C754-5BF4-4E83-9615-DB14FA25AF8A}" dt="2023-10-12T11:38:42.377" v="307"/>
          <ac:spMkLst>
            <pc:docMk/>
            <pc:sldMk cId="2376958513" sldId="260"/>
            <ac:spMk id="12973" creationId="{AD667A2A-FA98-E078-229D-2BD5C7259209}"/>
          </ac:spMkLst>
        </pc:spChg>
        <pc:spChg chg="mod">
          <ac:chgData name="White, Alex" userId="eff6cc8c-37d8-483b-9c6c-6b27e9afa9bc" providerId="ADAL" clId="{BF04C754-5BF4-4E83-9615-DB14FA25AF8A}" dt="2023-10-12T11:38:42.377" v="307"/>
          <ac:spMkLst>
            <pc:docMk/>
            <pc:sldMk cId="2376958513" sldId="260"/>
            <ac:spMk id="12974" creationId="{B21CD387-AD08-C0B5-CAC1-D950898ACC27}"/>
          </ac:spMkLst>
        </pc:spChg>
        <pc:spChg chg="mod">
          <ac:chgData name="White, Alex" userId="eff6cc8c-37d8-483b-9c6c-6b27e9afa9bc" providerId="ADAL" clId="{BF04C754-5BF4-4E83-9615-DB14FA25AF8A}" dt="2023-10-12T11:38:42.377" v="307"/>
          <ac:spMkLst>
            <pc:docMk/>
            <pc:sldMk cId="2376958513" sldId="260"/>
            <ac:spMk id="12975" creationId="{192ED375-E9B9-5E55-7E8D-59230A131E24}"/>
          </ac:spMkLst>
        </pc:spChg>
        <pc:spChg chg="mod">
          <ac:chgData name="White, Alex" userId="eff6cc8c-37d8-483b-9c6c-6b27e9afa9bc" providerId="ADAL" clId="{BF04C754-5BF4-4E83-9615-DB14FA25AF8A}" dt="2023-10-12T11:38:42.377" v="307"/>
          <ac:spMkLst>
            <pc:docMk/>
            <pc:sldMk cId="2376958513" sldId="260"/>
            <ac:spMk id="12976" creationId="{210103F8-0D42-7766-19F5-1A8EC501E5E2}"/>
          </ac:spMkLst>
        </pc:spChg>
        <pc:spChg chg="mod">
          <ac:chgData name="White, Alex" userId="eff6cc8c-37d8-483b-9c6c-6b27e9afa9bc" providerId="ADAL" clId="{BF04C754-5BF4-4E83-9615-DB14FA25AF8A}" dt="2023-10-12T11:38:42.377" v="307"/>
          <ac:spMkLst>
            <pc:docMk/>
            <pc:sldMk cId="2376958513" sldId="260"/>
            <ac:spMk id="12977" creationId="{8A1FF2D9-7A14-9DFA-7979-18704AA0FA51}"/>
          </ac:spMkLst>
        </pc:spChg>
        <pc:spChg chg="mod">
          <ac:chgData name="White, Alex" userId="eff6cc8c-37d8-483b-9c6c-6b27e9afa9bc" providerId="ADAL" clId="{BF04C754-5BF4-4E83-9615-DB14FA25AF8A}" dt="2023-10-12T11:38:42.377" v="307"/>
          <ac:spMkLst>
            <pc:docMk/>
            <pc:sldMk cId="2376958513" sldId="260"/>
            <ac:spMk id="12978" creationId="{E122BD8E-82FE-2D12-AA0E-1C42C31E63C5}"/>
          </ac:spMkLst>
        </pc:spChg>
        <pc:spChg chg="mod">
          <ac:chgData name="White, Alex" userId="eff6cc8c-37d8-483b-9c6c-6b27e9afa9bc" providerId="ADAL" clId="{BF04C754-5BF4-4E83-9615-DB14FA25AF8A}" dt="2023-10-12T11:38:42.377" v="307"/>
          <ac:spMkLst>
            <pc:docMk/>
            <pc:sldMk cId="2376958513" sldId="260"/>
            <ac:spMk id="12979" creationId="{0F49FD20-3CB6-D8F4-0F35-B925EFE7DECD}"/>
          </ac:spMkLst>
        </pc:spChg>
        <pc:spChg chg="mod">
          <ac:chgData name="White, Alex" userId="eff6cc8c-37d8-483b-9c6c-6b27e9afa9bc" providerId="ADAL" clId="{BF04C754-5BF4-4E83-9615-DB14FA25AF8A}" dt="2023-10-12T11:38:42.377" v="307"/>
          <ac:spMkLst>
            <pc:docMk/>
            <pc:sldMk cId="2376958513" sldId="260"/>
            <ac:spMk id="12980" creationId="{631EBBF8-DF21-C21E-A6B6-36A3B9AF2D7D}"/>
          </ac:spMkLst>
        </pc:spChg>
        <pc:spChg chg="mod">
          <ac:chgData name="White, Alex" userId="eff6cc8c-37d8-483b-9c6c-6b27e9afa9bc" providerId="ADAL" clId="{BF04C754-5BF4-4E83-9615-DB14FA25AF8A}" dt="2023-10-12T11:38:42.377" v="307"/>
          <ac:spMkLst>
            <pc:docMk/>
            <pc:sldMk cId="2376958513" sldId="260"/>
            <ac:spMk id="12981" creationId="{3AB01195-31E9-4A2A-C2E3-DB9413E49A66}"/>
          </ac:spMkLst>
        </pc:spChg>
        <pc:spChg chg="mod">
          <ac:chgData name="White, Alex" userId="eff6cc8c-37d8-483b-9c6c-6b27e9afa9bc" providerId="ADAL" clId="{BF04C754-5BF4-4E83-9615-DB14FA25AF8A}" dt="2023-10-12T11:38:42.377" v="307"/>
          <ac:spMkLst>
            <pc:docMk/>
            <pc:sldMk cId="2376958513" sldId="260"/>
            <ac:spMk id="12982" creationId="{EE8E0FD0-8EDF-10C6-FA1C-A151DBAF3A1E}"/>
          </ac:spMkLst>
        </pc:spChg>
        <pc:spChg chg="mod">
          <ac:chgData name="White, Alex" userId="eff6cc8c-37d8-483b-9c6c-6b27e9afa9bc" providerId="ADAL" clId="{BF04C754-5BF4-4E83-9615-DB14FA25AF8A}" dt="2023-10-12T11:38:42.377" v="307"/>
          <ac:spMkLst>
            <pc:docMk/>
            <pc:sldMk cId="2376958513" sldId="260"/>
            <ac:spMk id="12983" creationId="{55FE9722-7C48-3D54-6EF8-060B44EF41BC}"/>
          </ac:spMkLst>
        </pc:spChg>
        <pc:spChg chg="mod">
          <ac:chgData name="White, Alex" userId="eff6cc8c-37d8-483b-9c6c-6b27e9afa9bc" providerId="ADAL" clId="{BF04C754-5BF4-4E83-9615-DB14FA25AF8A}" dt="2023-10-12T11:38:42.377" v="307"/>
          <ac:spMkLst>
            <pc:docMk/>
            <pc:sldMk cId="2376958513" sldId="260"/>
            <ac:spMk id="12984" creationId="{406304E5-8B8A-6155-8A84-D96D764C5B2F}"/>
          </ac:spMkLst>
        </pc:spChg>
        <pc:spChg chg="mod">
          <ac:chgData name="White, Alex" userId="eff6cc8c-37d8-483b-9c6c-6b27e9afa9bc" providerId="ADAL" clId="{BF04C754-5BF4-4E83-9615-DB14FA25AF8A}" dt="2023-10-12T11:38:42.377" v="307"/>
          <ac:spMkLst>
            <pc:docMk/>
            <pc:sldMk cId="2376958513" sldId="260"/>
            <ac:spMk id="12985" creationId="{00CB2F2E-15B3-3EDA-DC77-F69F03F8DEE3}"/>
          </ac:spMkLst>
        </pc:spChg>
        <pc:spChg chg="mod">
          <ac:chgData name="White, Alex" userId="eff6cc8c-37d8-483b-9c6c-6b27e9afa9bc" providerId="ADAL" clId="{BF04C754-5BF4-4E83-9615-DB14FA25AF8A}" dt="2023-10-12T11:38:42.377" v="307"/>
          <ac:spMkLst>
            <pc:docMk/>
            <pc:sldMk cId="2376958513" sldId="260"/>
            <ac:spMk id="12986" creationId="{845D873C-6C13-3D17-A0B9-0972D07F5BC3}"/>
          </ac:spMkLst>
        </pc:spChg>
        <pc:spChg chg="mod">
          <ac:chgData name="White, Alex" userId="eff6cc8c-37d8-483b-9c6c-6b27e9afa9bc" providerId="ADAL" clId="{BF04C754-5BF4-4E83-9615-DB14FA25AF8A}" dt="2023-10-12T11:38:42.377" v="307"/>
          <ac:spMkLst>
            <pc:docMk/>
            <pc:sldMk cId="2376958513" sldId="260"/>
            <ac:spMk id="12987" creationId="{D31EA29A-D4A0-259F-8BD9-467FC4BEC12F}"/>
          </ac:spMkLst>
        </pc:spChg>
        <pc:spChg chg="mod">
          <ac:chgData name="White, Alex" userId="eff6cc8c-37d8-483b-9c6c-6b27e9afa9bc" providerId="ADAL" clId="{BF04C754-5BF4-4E83-9615-DB14FA25AF8A}" dt="2023-10-12T11:38:42.377" v="307"/>
          <ac:spMkLst>
            <pc:docMk/>
            <pc:sldMk cId="2376958513" sldId="260"/>
            <ac:spMk id="12988" creationId="{0731449A-A179-227D-5A3B-EB604B1F43F2}"/>
          </ac:spMkLst>
        </pc:spChg>
        <pc:spChg chg="mod">
          <ac:chgData name="White, Alex" userId="eff6cc8c-37d8-483b-9c6c-6b27e9afa9bc" providerId="ADAL" clId="{BF04C754-5BF4-4E83-9615-DB14FA25AF8A}" dt="2023-10-12T11:38:42.377" v="307"/>
          <ac:spMkLst>
            <pc:docMk/>
            <pc:sldMk cId="2376958513" sldId="260"/>
            <ac:spMk id="12989" creationId="{AF56BDD6-0AA4-82EE-0ED4-C43220FEDC90}"/>
          </ac:spMkLst>
        </pc:spChg>
        <pc:spChg chg="mod">
          <ac:chgData name="White, Alex" userId="eff6cc8c-37d8-483b-9c6c-6b27e9afa9bc" providerId="ADAL" clId="{BF04C754-5BF4-4E83-9615-DB14FA25AF8A}" dt="2023-10-12T11:38:42.377" v="307"/>
          <ac:spMkLst>
            <pc:docMk/>
            <pc:sldMk cId="2376958513" sldId="260"/>
            <ac:spMk id="12990" creationId="{4387E369-2207-E300-CB32-D8D6F9344C0F}"/>
          </ac:spMkLst>
        </pc:spChg>
        <pc:spChg chg="mod">
          <ac:chgData name="White, Alex" userId="eff6cc8c-37d8-483b-9c6c-6b27e9afa9bc" providerId="ADAL" clId="{BF04C754-5BF4-4E83-9615-DB14FA25AF8A}" dt="2023-10-12T11:38:42.377" v="307"/>
          <ac:spMkLst>
            <pc:docMk/>
            <pc:sldMk cId="2376958513" sldId="260"/>
            <ac:spMk id="12991" creationId="{1690E487-A764-1849-837F-4917A9089B39}"/>
          </ac:spMkLst>
        </pc:spChg>
        <pc:spChg chg="mod">
          <ac:chgData name="White, Alex" userId="eff6cc8c-37d8-483b-9c6c-6b27e9afa9bc" providerId="ADAL" clId="{BF04C754-5BF4-4E83-9615-DB14FA25AF8A}" dt="2023-10-12T11:38:42.377" v="307"/>
          <ac:spMkLst>
            <pc:docMk/>
            <pc:sldMk cId="2376958513" sldId="260"/>
            <ac:spMk id="12992" creationId="{0832E789-BE64-0740-F84C-A7DC50AD84C6}"/>
          </ac:spMkLst>
        </pc:spChg>
        <pc:spChg chg="mod">
          <ac:chgData name="White, Alex" userId="eff6cc8c-37d8-483b-9c6c-6b27e9afa9bc" providerId="ADAL" clId="{BF04C754-5BF4-4E83-9615-DB14FA25AF8A}" dt="2023-10-12T11:38:42.377" v="307"/>
          <ac:spMkLst>
            <pc:docMk/>
            <pc:sldMk cId="2376958513" sldId="260"/>
            <ac:spMk id="12993" creationId="{5CA14E5B-2316-A024-9ACC-B1246600D2EF}"/>
          </ac:spMkLst>
        </pc:spChg>
        <pc:spChg chg="mod">
          <ac:chgData name="White, Alex" userId="eff6cc8c-37d8-483b-9c6c-6b27e9afa9bc" providerId="ADAL" clId="{BF04C754-5BF4-4E83-9615-DB14FA25AF8A}" dt="2023-10-12T11:38:42.377" v="307"/>
          <ac:spMkLst>
            <pc:docMk/>
            <pc:sldMk cId="2376958513" sldId="260"/>
            <ac:spMk id="12994" creationId="{BB8E4331-19B2-33A2-FC7D-CF07F13B6A70}"/>
          </ac:spMkLst>
        </pc:spChg>
        <pc:spChg chg="mod">
          <ac:chgData name="White, Alex" userId="eff6cc8c-37d8-483b-9c6c-6b27e9afa9bc" providerId="ADAL" clId="{BF04C754-5BF4-4E83-9615-DB14FA25AF8A}" dt="2023-10-12T11:38:42.377" v="307"/>
          <ac:spMkLst>
            <pc:docMk/>
            <pc:sldMk cId="2376958513" sldId="260"/>
            <ac:spMk id="12995" creationId="{39783063-9321-5B5D-C626-80D1AAFCCD10}"/>
          </ac:spMkLst>
        </pc:spChg>
        <pc:spChg chg="mod">
          <ac:chgData name="White, Alex" userId="eff6cc8c-37d8-483b-9c6c-6b27e9afa9bc" providerId="ADAL" clId="{BF04C754-5BF4-4E83-9615-DB14FA25AF8A}" dt="2023-10-12T11:38:42.377" v="307"/>
          <ac:spMkLst>
            <pc:docMk/>
            <pc:sldMk cId="2376958513" sldId="260"/>
            <ac:spMk id="12996" creationId="{1B572F3D-79FC-606F-1CB2-8B7CBBF02291}"/>
          </ac:spMkLst>
        </pc:spChg>
        <pc:spChg chg="mod">
          <ac:chgData name="White, Alex" userId="eff6cc8c-37d8-483b-9c6c-6b27e9afa9bc" providerId="ADAL" clId="{BF04C754-5BF4-4E83-9615-DB14FA25AF8A}" dt="2023-10-12T11:38:42.377" v="307"/>
          <ac:spMkLst>
            <pc:docMk/>
            <pc:sldMk cId="2376958513" sldId="260"/>
            <ac:spMk id="12997" creationId="{7DBEB48E-60A6-F749-5A1F-A18EC837679F}"/>
          </ac:spMkLst>
        </pc:spChg>
        <pc:spChg chg="mod">
          <ac:chgData name="White, Alex" userId="eff6cc8c-37d8-483b-9c6c-6b27e9afa9bc" providerId="ADAL" clId="{BF04C754-5BF4-4E83-9615-DB14FA25AF8A}" dt="2023-10-12T11:38:42.377" v="307"/>
          <ac:spMkLst>
            <pc:docMk/>
            <pc:sldMk cId="2376958513" sldId="260"/>
            <ac:spMk id="12998" creationId="{C2A21B57-8C4A-B94B-8E02-E9924D9D6020}"/>
          </ac:spMkLst>
        </pc:spChg>
        <pc:spChg chg="mod">
          <ac:chgData name="White, Alex" userId="eff6cc8c-37d8-483b-9c6c-6b27e9afa9bc" providerId="ADAL" clId="{BF04C754-5BF4-4E83-9615-DB14FA25AF8A}" dt="2023-10-12T11:38:42.377" v="307"/>
          <ac:spMkLst>
            <pc:docMk/>
            <pc:sldMk cId="2376958513" sldId="260"/>
            <ac:spMk id="12999" creationId="{F4530484-8A69-167A-4B6D-F47BE48F5FE7}"/>
          </ac:spMkLst>
        </pc:spChg>
        <pc:spChg chg="mod">
          <ac:chgData name="White, Alex" userId="eff6cc8c-37d8-483b-9c6c-6b27e9afa9bc" providerId="ADAL" clId="{BF04C754-5BF4-4E83-9615-DB14FA25AF8A}" dt="2023-10-12T11:38:42.377" v="307"/>
          <ac:spMkLst>
            <pc:docMk/>
            <pc:sldMk cId="2376958513" sldId="260"/>
            <ac:spMk id="13000" creationId="{91153CE0-C301-0E88-4026-75FFB31F8E8F}"/>
          </ac:spMkLst>
        </pc:spChg>
        <pc:spChg chg="mod">
          <ac:chgData name="White, Alex" userId="eff6cc8c-37d8-483b-9c6c-6b27e9afa9bc" providerId="ADAL" clId="{BF04C754-5BF4-4E83-9615-DB14FA25AF8A}" dt="2023-10-12T11:38:42.377" v="307"/>
          <ac:spMkLst>
            <pc:docMk/>
            <pc:sldMk cId="2376958513" sldId="260"/>
            <ac:spMk id="13001" creationId="{F391F0AE-1039-0845-66A7-DDCCD779AD8D}"/>
          </ac:spMkLst>
        </pc:spChg>
        <pc:spChg chg="mod">
          <ac:chgData name="White, Alex" userId="eff6cc8c-37d8-483b-9c6c-6b27e9afa9bc" providerId="ADAL" clId="{BF04C754-5BF4-4E83-9615-DB14FA25AF8A}" dt="2023-10-12T11:38:42.377" v="307"/>
          <ac:spMkLst>
            <pc:docMk/>
            <pc:sldMk cId="2376958513" sldId="260"/>
            <ac:spMk id="13002" creationId="{21676156-2A21-A198-302A-6B69D151E0EA}"/>
          </ac:spMkLst>
        </pc:spChg>
        <pc:spChg chg="mod">
          <ac:chgData name="White, Alex" userId="eff6cc8c-37d8-483b-9c6c-6b27e9afa9bc" providerId="ADAL" clId="{BF04C754-5BF4-4E83-9615-DB14FA25AF8A}" dt="2023-10-12T11:38:42.377" v="307"/>
          <ac:spMkLst>
            <pc:docMk/>
            <pc:sldMk cId="2376958513" sldId="260"/>
            <ac:spMk id="13003" creationId="{7B590BBE-032A-01B9-7847-D5C41A5CB231}"/>
          </ac:spMkLst>
        </pc:spChg>
        <pc:spChg chg="mod">
          <ac:chgData name="White, Alex" userId="eff6cc8c-37d8-483b-9c6c-6b27e9afa9bc" providerId="ADAL" clId="{BF04C754-5BF4-4E83-9615-DB14FA25AF8A}" dt="2023-10-12T11:38:42.377" v="307"/>
          <ac:spMkLst>
            <pc:docMk/>
            <pc:sldMk cId="2376958513" sldId="260"/>
            <ac:spMk id="13004" creationId="{8817A8F2-8329-CE0A-BE73-D650046C18F4}"/>
          </ac:spMkLst>
        </pc:spChg>
        <pc:spChg chg="mod">
          <ac:chgData name="White, Alex" userId="eff6cc8c-37d8-483b-9c6c-6b27e9afa9bc" providerId="ADAL" clId="{BF04C754-5BF4-4E83-9615-DB14FA25AF8A}" dt="2023-10-12T11:38:42.377" v="307"/>
          <ac:spMkLst>
            <pc:docMk/>
            <pc:sldMk cId="2376958513" sldId="260"/>
            <ac:spMk id="13005" creationId="{3DBCBCB7-3174-739F-0009-CEB8587E7825}"/>
          </ac:spMkLst>
        </pc:spChg>
        <pc:spChg chg="mod">
          <ac:chgData name="White, Alex" userId="eff6cc8c-37d8-483b-9c6c-6b27e9afa9bc" providerId="ADAL" clId="{BF04C754-5BF4-4E83-9615-DB14FA25AF8A}" dt="2023-10-12T11:38:42.377" v="307"/>
          <ac:spMkLst>
            <pc:docMk/>
            <pc:sldMk cId="2376958513" sldId="260"/>
            <ac:spMk id="13006" creationId="{16295AD3-9FBD-D875-7ED5-E2ADD4648673}"/>
          </ac:spMkLst>
        </pc:spChg>
        <pc:spChg chg="mod">
          <ac:chgData name="White, Alex" userId="eff6cc8c-37d8-483b-9c6c-6b27e9afa9bc" providerId="ADAL" clId="{BF04C754-5BF4-4E83-9615-DB14FA25AF8A}" dt="2023-10-12T11:38:42.377" v="307"/>
          <ac:spMkLst>
            <pc:docMk/>
            <pc:sldMk cId="2376958513" sldId="260"/>
            <ac:spMk id="13007" creationId="{2997C7B0-9316-0D75-5321-D7650B95614F}"/>
          </ac:spMkLst>
        </pc:spChg>
        <pc:spChg chg="mod">
          <ac:chgData name="White, Alex" userId="eff6cc8c-37d8-483b-9c6c-6b27e9afa9bc" providerId="ADAL" clId="{BF04C754-5BF4-4E83-9615-DB14FA25AF8A}" dt="2023-10-12T11:38:42.377" v="307"/>
          <ac:spMkLst>
            <pc:docMk/>
            <pc:sldMk cId="2376958513" sldId="260"/>
            <ac:spMk id="13008" creationId="{2EF4C208-E79C-BC28-49A4-53CE74A34748}"/>
          </ac:spMkLst>
        </pc:spChg>
        <pc:spChg chg="mod">
          <ac:chgData name="White, Alex" userId="eff6cc8c-37d8-483b-9c6c-6b27e9afa9bc" providerId="ADAL" clId="{BF04C754-5BF4-4E83-9615-DB14FA25AF8A}" dt="2023-10-12T11:38:42.377" v="307"/>
          <ac:spMkLst>
            <pc:docMk/>
            <pc:sldMk cId="2376958513" sldId="260"/>
            <ac:spMk id="13009" creationId="{E3B1B572-F1CD-90B6-0625-56FD0F392FFA}"/>
          </ac:spMkLst>
        </pc:spChg>
        <pc:spChg chg="mod">
          <ac:chgData name="White, Alex" userId="eff6cc8c-37d8-483b-9c6c-6b27e9afa9bc" providerId="ADAL" clId="{BF04C754-5BF4-4E83-9615-DB14FA25AF8A}" dt="2023-10-12T11:38:42.377" v="307"/>
          <ac:spMkLst>
            <pc:docMk/>
            <pc:sldMk cId="2376958513" sldId="260"/>
            <ac:spMk id="13010" creationId="{887D3051-12EF-2A78-C621-AF11771584D7}"/>
          </ac:spMkLst>
        </pc:spChg>
        <pc:spChg chg="mod">
          <ac:chgData name="White, Alex" userId="eff6cc8c-37d8-483b-9c6c-6b27e9afa9bc" providerId="ADAL" clId="{BF04C754-5BF4-4E83-9615-DB14FA25AF8A}" dt="2023-10-12T11:38:42.377" v="307"/>
          <ac:spMkLst>
            <pc:docMk/>
            <pc:sldMk cId="2376958513" sldId="260"/>
            <ac:spMk id="13011" creationId="{4641E9BD-349A-52E1-052C-54BA66A70060}"/>
          </ac:spMkLst>
        </pc:spChg>
        <pc:spChg chg="mod">
          <ac:chgData name="White, Alex" userId="eff6cc8c-37d8-483b-9c6c-6b27e9afa9bc" providerId="ADAL" clId="{BF04C754-5BF4-4E83-9615-DB14FA25AF8A}" dt="2023-10-12T11:38:42.377" v="307"/>
          <ac:spMkLst>
            <pc:docMk/>
            <pc:sldMk cId="2376958513" sldId="260"/>
            <ac:spMk id="13012" creationId="{F8C83DEB-279D-F317-2D51-BCF7E5AD98A7}"/>
          </ac:spMkLst>
        </pc:spChg>
        <pc:spChg chg="mod">
          <ac:chgData name="White, Alex" userId="eff6cc8c-37d8-483b-9c6c-6b27e9afa9bc" providerId="ADAL" clId="{BF04C754-5BF4-4E83-9615-DB14FA25AF8A}" dt="2023-10-12T11:38:42.377" v="307"/>
          <ac:spMkLst>
            <pc:docMk/>
            <pc:sldMk cId="2376958513" sldId="260"/>
            <ac:spMk id="13013" creationId="{48B7208A-CE72-3506-E570-CEF77B0062C4}"/>
          </ac:spMkLst>
        </pc:spChg>
        <pc:spChg chg="mod">
          <ac:chgData name="White, Alex" userId="eff6cc8c-37d8-483b-9c6c-6b27e9afa9bc" providerId="ADAL" clId="{BF04C754-5BF4-4E83-9615-DB14FA25AF8A}" dt="2023-10-12T11:38:42.377" v="307"/>
          <ac:spMkLst>
            <pc:docMk/>
            <pc:sldMk cId="2376958513" sldId="260"/>
            <ac:spMk id="13014" creationId="{001EBD7D-9358-21D4-1BD9-8C86EA4EB86E}"/>
          </ac:spMkLst>
        </pc:spChg>
        <pc:spChg chg="mod">
          <ac:chgData name="White, Alex" userId="eff6cc8c-37d8-483b-9c6c-6b27e9afa9bc" providerId="ADAL" clId="{BF04C754-5BF4-4E83-9615-DB14FA25AF8A}" dt="2023-10-12T11:38:42.377" v="307"/>
          <ac:spMkLst>
            <pc:docMk/>
            <pc:sldMk cId="2376958513" sldId="260"/>
            <ac:spMk id="13015" creationId="{44706A7D-B92B-4E72-421C-C8E2A1066EBD}"/>
          </ac:spMkLst>
        </pc:spChg>
        <pc:spChg chg="mod">
          <ac:chgData name="White, Alex" userId="eff6cc8c-37d8-483b-9c6c-6b27e9afa9bc" providerId="ADAL" clId="{BF04C754-5BF4-4E83-9615-DB14FA25AF8A}" dt="2023-10-12T11:38:42.377" v="307"/>
          <ac:spMkLst>
            <pc:docMk/>
            <pc:sldMk cId="2376958513" sldId="260"/>
            <ac:spMk id="13016" creationId="{6CA111B2-908A-27CC-4B1C-E9352BF47832}"/>
          </ac:spMkLst>
        </pc:spChg>
        <pc:spChg chg="mod">
          <ac:chgData name="White, Alex" userId="eff6cc8c-37d8-483b-9c6c-6b27e9afa9bc" providerId="ADAL" clId="{BF04C754-5BF4-4E83-9615-DB14FA25AF8A}" dt="2023-10-12T11:38:42.377" v="307"/>
          <ac:spMkLst>
            <pc:docMk/>
            <pc:sldMk cId="2376958513" sldId="260"/>
            <ac:spMk id="13017" creationId="{62F0571B-43B7-0CAD-FEA9-B5642E69620D}"/>
          </ac:spMkLst>
        </pc:spChg>
        <pc:spChg chg="mod">
          <ac:chgData name="White, Alex" userId="eff6cc8c-37d8-483b-9c6c-6b27e9afa9bc" providerId="ADAL" clId="{BF04C754-5BF4-4E83-9615-DB14FA25AF8A}" dt="2023-10-12T11:38:42.377" v="307"/>
          <ac:spMkLst>
            <pc:docMk/>
            <pc:sldMk cId="2376958513" sldId="260"/>
            <ac:spMk id="13018" creationId="{6A6FAB15-D074-41C2-F576-2253FA67680E}"/>
          </ac:spMkLst>
        </pc:spChg>
        <pc:spChg chg="mod">
          <ac:chgData name="White, Alex" userId="eff6cc8c-37d8-483b-9c6c-6b27e9afa9bc" providerId="ADAL" clId="{BF04C754-5BF4-4E83-9615-DB14FA25AF8A}" dt="2023-10-12T11:38:42.377" v="307"/>
          <ac:spMkLst>
            <pc:docMk/>
            <pc:sldMk cId="2376958513" sldId="260"/>
            <ac:spMk id="13019" creationId="{8341EC66-3F66-533D-BAA1-5E37E061BE28}"/>
          </ac:spMkLst>
        </pc:spChg>
        <pc:spChg chg="mod">
          <ac:chgData name="White, Alex" userId="eff6cc8c-37d8-483b-9c6c-6b27e9afa9bc" providerId="ADAL" clId="{BF04C754-5BF4-4E83-9615-DB14FA25AF8A}" dt="2023-10-12T11:38:42.377" v="307"/>
          <ac:spMkLst>
            <pc:docMk/>
            <pc:sldMk cId="2376958513" sldId="260"/>
            <ac:spMk id="13020" creationId="{8A7A5FFD-1C92-7687-A518-8F8EDCF5501F}"/>
          </ac:spMkLst>
        </pc:spChg>
        <pc:spChg chg="mod">
          <ac:chgData name="White, Alex" userId="eff6cc8c-37d8-483b-9c6c-6b27e9afa9bc" providerId="ADAL" clId="{BF04C754-5BF4-4E83-9615-DB14FA25AF8A}" dt="2023-10-12T11:38:42.377" v="307"/>
          <ac:spMkLst>
            <pc:docMk/>
            <pc:sldMk cId="2376958513" sldId="260"/>
            <ac:spMk id="13021" creationId="{A2BC7D4E-DE17-CCBC-3F63-42EC983557E2}"/>
          </ac:spMkLst>
        </pc:spChg>
        <pc:spChg chg="mod">
          <ac:chgData name="White, Alex" userId="eff6cc8c-37d8-483b-9c6c-6b27e9afa9bc" providerId="ADAL" clId="{BF04C754-5BF4-4E83-9615-DB14FA25AF8A}" dt="2023-10-12T11:38:42.377" v="307"/>
          <ac:spMkLst>
            <pc:docMk/>
            <pc:sldMk cId="2376958513" sldId="260"/>
            <ac:spMk id="13022" creationId="{505D7281-B614-837C-5DFB-FF8804B9F5D4}"/>
          </ac:spMkLst>
        </pc:spChg>
        <pc:spChg chg="mod">
          <ac:chgData name="White, Alex" userId="eff6cc8c-37d8-483b-9c6c-6b27e9afa9bc" providerId="ADAL" clId="{BF04C754-5BF4-4E83-9615-DB14FA25AF8A}" dt="2023-10-12T11:38:42.377" v="307"/>
          <ac:spMkLst>
            <pc:docMk/>
            <pc:sldMk cId="2376958513" sldId="260"/>
            <ac:spMk id="13023" creationId="{4BCADD6C-A66E-7FF4-E6E5-D59FF3074E36}"/>
          </ac:spMkLst>
        </pc:spChg>
        <pc:spChg chg="mod">
          <ac:chgData name="White, Alex" userId="eff6cc8c-37d8-483b-9c6c-6b27e9afa9bc" providerId="ADAL" clId="{BF04C754-5BF4-4E83-9615-DB14FA25AF8A}" dt="2023-10-12T11:38:42.377" v="307"/>
          <ac:spMkLst>
            <pc:docMk/>
            <pc:sldMk cId="2376958513" sldId="260"/>
            <ac:spMk id="13024" creationId="{8E64E2D5-7B39-89A6-59F9-9C433668D943}"/>
          </ac:spMkLst>
        </pc:spChg>
        <pc:spChg chg="mod">
          <ac:chgData name="White, Alex" userId="eff6cc8c-37d8-483b-9c6c-6b27e9afa9bc" providerId="ADAL" clId="{BF04C754-5BF4-4E83-9615-DB14FA25AF8A}" dt="2023-10-12T11:38:42.377" v="307"/>
          <ac:spMkLst>
            <pc:docMk/>
            <pc:sldMk cId="2376958513" sldId="260"/>
            <ac:spMk id="13025" creationId="{7A96B403-DB1F-203B-F677-13C7DE6991C4}"/>
          </ac:spMkLst>
        </pc:spChg>
        <pc:spChg chg="mod">
          <ac:chgData name="White, Alex" userId="eff6cc8c-37d8-483b-9c6c-6b27e9afa9bc" providerId="ADAL" clId="{BF04C754-5BF4-4E83-9615-DB14FA25AF8A}" dt="2023-10-12T11:38:42.377" v="307"/>
          <ac:spMkLst>
            <pc:docMk/>
            <pc:sldMk cId="2376958513" sldId="260"/>
            <ac:spMk id="13026" creationId="{43451DF5-0828-215D-C1FE-4A09BC3E578D}"/>
          </ac:spMkLst>
        </pc:spChg>
        <pc:spChg chg="mod">
          <ac:chgData name="White, Alex" userId="eff6cc8c-37d8-483b-9c6c-6b27e9afa9bc" providerId="ADAL" clId="{BF04C754-5BF4-4E83-9615-DB14FA25AF8A}" dt="2023-10-12T11:38:42.377" v="307"/>
          <ac:spMkLst>
            <pc:docMk/>
            <pc:sldMk cId="2376958513" sldId="260"/>
            <ac:spMk id="13027" creationId="{B0D6B641-826A-E90D-3D0C-D86D689D69CC}"/>
          </ac:spMkLst>
        </pc:spChg>
        <pc:spChg chg="mod">
          <ac:chgData name="White, Alex" userId="eff6cc8c-37d8-483b-9c6c-6b27e9afa9bc" providerId="ADAL" clId="{BF04C754-5BF4-4E83-9615-DB14FA25AF8A}" dt="2023-10-12T11:38:42.377" v="307"/>
          <ac:spMkLst>
            <pc:docMk/>
            <pc:sldMk cId="2376958513" sldId="260"/>
            <ac:spMk id="13028" creationId="{9D55076F-2969-84A6-D248-195C37D3D4FF}"/>
          </ac:spMkLst>
        </pc:spChg>
        <pc:spChg chg="mod">
          <ac:chgData name="White, Alex" userId="eff6cc8c-37d8-483b-9c6c-6b27e9afa9bc" providerId="ADAL" clId="{BF04C754-5BF4-4E83-9615-DB14FA25AF8A}" dt="2023-10-12T11:38:42.377" v="307"/>
          <ac:spMkLst>
            <pc:docMk/>
            <pc:sldMk cId="2376958513" sldId="260"/>
            <ac:spMk id="13029" creationId="{49D65031-6140-D34A-A7FA-DA3DE23D7442}"/>
          </ac:spMkLst>
        </pc:spChg>
        <pc:spChg chg="mod">
          <ac:chgData name="White, Alex" userId="eff6cc8c-37d8-483b-9c6c-6b27e9afa9bc" providerId="ADAL" clId="{BF04C754-5BF4-4E83-9615-DB14FA25AF8A}" dt="2023-10-12T11:38:42.377" v="307"/>
          <ac:spMkLst>
            <pc:docMk/>
            <pc:sldMk cId="2376958513" sldId="260"/>
            <ac:spMk id="13030" creationId="{FC766746-6339-E696-B0BA-8105A28DE62A}"/>
          </ac:spMkLst>
        </pc:spChg>
        <pc:spChg chg="mod">
          <ac:chgData name="White, Alex" userId="eff6cc8c-37d8-483b-9c6c-6b27e9afa9bc" providerId="ADAL" clId="{BF04C754-5BF4-4E83-9615-DB14FA25AF8A}" dt="2023-10-12T11:38:42.377" v="307"/>
          <ac:spMkLst>
            <pc:docMk/>
            <pc:sldMk cId="2376958513" sldId="260"/>
            <ac:spMk id="13031" creationId="{F650B597-C65E-B826-7EEA-5F4CD2143AEA}"/>
          </ac:spMkLst>
        </pc:spChg>
        <pc:spChg chg="mod">
          <ac:chgData name="White, Alex" userId="eff6cc8c-37d8-483b-9c6c-6b27e9afa9bc" providerId="ADAL" clId="{BF04C754-5BF4-4E83-9615-DB14FA25AF8A}" dt="2023-10-12T11:38:42.377" v="307"/>
          <ac:spMkLst>
            <pc:docMk/>
            <pc:sldMk cId="2376958513" sldId="260"/>
            <ac:spMk id="13032" creationId="{D0C6B20E-CAF2-79B6-274E-DCC6763E2721}"/>
          </ac:spMkLst>
        </pc:spChg>
        <pc:spChg chg="mod">
          <ac:chgData name="White, Alex" userId="eff6cc8c-37d8-483b-9c6c-6b27e9afa9bc" providerId="ADAL" clId="{BF04C754-5BF4-4E83-9615-DB14FA25AF8A}" dt="2023-10-12T11:38:42.377" v="307"/>
          <ac:spMkLst>
            <pc:docMk/>
            <pc:sldMk cId="2376958513" sldId="260"/>
            <ac:spMk id="13033" creationId="{3B9112CB-0774-C698-8502-35CA7E5418D0}"/>
          </ac:spMkLst>
        </pc:spChg>
        <pc:spChg chg="mod">
          <ac:chgData name="White, Alex" userId="eff6cc8c-37d8-483b-9c6c-6b27e9afa9bc" providerId="ADAL" clId="{BF04C754-5BF4-4E83-9615-DB14FA25AF8A}" dt="2023-10-12T11:38:42.377" v="307"/>
          <ac:spMkLst>
            <pc:docMk/>
            <pc:sldMk cId="2376958513" sldId="260"/>
            <ac:spMk id="13034" creationId="{637A73AA-3258-CB0B-3555-17CD8962B603}"/>
          </ac:spMkLst>
        </pc:spChg>
        <pc:spChg chg="mod">
          <ac:chgData name="White, Alex" userId="eff6cc8c-37d8-483b-9c6c-6b27e9afa9bc" providerId="ADAL" clId="{BF04C754-5BF4-4E83-9615-DB14FA25AF8A}" dt="2023-10-12T11:38:42.377" v="307"/>
          <ac:spMkLst>
            <pc:docMk/>
            <pc:sldMk cId="2376958513" sldId="260"/>
            <ac:spMk id="13035" creationId="{74750BBB-A2A7-76FF-312D-4F165808BEFE}"/>
          </ac:spMkLst>
        </pc:spChg>
        <pc:spChg chg="mod">
          <ac:chgData name="White, Alex" userId="eff6cc8c-37d8-483b-9c6c-6b27e9afa9bc" providerId="ADAL" clId="{BF04C754-5BF4-4E83-9615-DB14FA25AF8A}" dt="2023-10-12T11:38:42.377" v="307"/>
          <ac:spMkLst>
            <pc:docMk/>
            <pc:sldMk cId="2376958513" sldId="260"/>
            <ac:spMk id="13036" creationId="{8E4AFBCB-DF0E-5A76-1409-0DAD4ACEC313}"/>
          </ac:spMkLst>
        </pc:spChg>
        <pc:spChg chg="mod">
          <ac:chgData name="White, Alex" userId="eff6cc8c-37d8-483b-9c6c-6b27e9afa9bc" providerId="ADAL" clId="{BF04C754-5BF4-4E83-9615-DB14FA25AF8A}" dt="2023-10-12T11:38:42.377" v="307"/>
          <ac:spMkLst>
            <pc:docMk/>
            <pc:sldMk cId="2376958513" sldId="260"/>
            <ac:spMk id="13037" creationId="{72429B27-B72D-F578-A7AC-C00174E266D6}"/>
          </ac:spMkLst>
        </pc:spChg>
        <pc:spChg chg="mod">
          <ac:chgData name="White, Alex" userId="eff6cc8c-37d8-483b-9c6c-6b27e9afa9bc" providerId="ADAL" clId="{BF04C754-5BF4-4E83-9615-DB14FA25AF8A}" dt="2023-10-12T11:38:42.377" v="307"/>
          <ac:spMkLst>
            <pc:docMk/>
            <pc:sldMk cId="2376958513" sldId="260"/>
            <ac:spMk id="13038" creationId="{2627B820-D22A-E02B-EFB8-EFC9642B448F}"/>
          </ac:spMkLst>
        </pc:spChg>
        <pc:spChg chg="mod">
          <ac:chgData name="White, Alex" userId="eff6cc8c-37d8-483b-9c6c-6b27e9afa9bc" providerId="ADAL" clId="{BF04C754-5BF4-4E83-9615-DB14FA25AF8A}" dt="2023-10-12T11:38:42.377" v="307"/>
          <ac:spMkLst>
            <pc:docMk/>
            <pc:sldMk cId="2376958513" sldId="260"/>
            <ac:spMk id="13039" creationId="{A2CFB497-6EDD-98C3-6F69-B3966C607B34}"/>
          </ac:spMkLst>
        </pc:spChg>
        <pc:spChg chg="mod">
          <ac:chgData name="White, Alex" userId="eff6cc8c-37d8-483b-9c6c-6b27e9afa9bc" providerId="ADAL" clId="{BF04C754-5BF4-4E83-9615-DB14FA25AF8A}" dt="2023-10-12T11:38:42.377" v="307"/>
          <ac:spMkLst>
            <pc:docMk/>
            <pc:sldMk cId="2376958513" sldId="260"/>
            <ac:spMk id="13040" creationId="{64FD6016-92BE-ABF5-63B2-46F13BBE81F7}"/>
          </ac:spMkLst>
        </pc:spChg>
        <pc:spChg chg="mod">
          <ac:chgData name="White, Alex" userId="eff6cc8c-37d8-483b-9c6c-6b27e9afa9bc" providerId="ADAL" clId="{BF04C754-5BF4-4E83-9615-DB14FA25AF8A}" dt="2023-10-12T11:38:42.377" v="307"/>
          <ac:spMkLst>
            <pc:docMk/>
            <pc:sldMk cId="2376958513" sldId="260"/>
            <ac:spMk id="13041" creationId="{A02B4C4B-BA3F-C13E-7401-4EB9E117EB07}"/>
          </ac:spMkLst>
        </pc:spChg>
        <pc:spChg chg="mod">
          <ac:chgData name="White, Alex" userId="eff6cc8c-37d8-483b-9c6c-6b27e9afa9bc" providerId="ADAL" clId="{BF04C754-5BF4-4E83-9615-DB14FA25AF8A}" dt="2023-10-12T11:38:42.377" v="307"/>
          <ac:spMkLst>
            <pc:docMk/>
            <pc:sldMk cId="2376958513" sldId="260"/>
            <ac:spMk id="13042" creationId="{58DA675B-D80A-93E7-2CE1-8846C54BD8E2}"/>
          </ac:spMkLst>
        </pc:spChg>
        <pc:spChg chg="mod">
          <ac:chgData name="White, Alex" userId="eff6cc8c-37d8-483b-9c6c-6b27e9afa9bc" providerId="ADAL" clId="{BF04C754-5BF4-4E83-9615-DB14FA25AF8A}" dt="2023-10-12T11:38:42.377" v="307"/>
          <ac:spMkLst>
            <pc:docMk/>
            <pc:sldMk cId="2376958513" sldId="260"/>
            <ac:spMk id="13043" creationId="{AF4E4614-9693-A135-30EF-20B00ADEF882}"/>
          </ac:spMkLst>
        </pc:spChg>
        <pc:spChg chg="mod">
          <ac:chgData name="White, Alex" userId="eff6cc8c-37d8-483b-9c6c-6b27e9afa9bc" providerId="ADAL" clId="{BF04C754-5BF4-4E83-9615-DB14FA25AF8A}" dt="2023-10-12T11:38:42.377" v="307"/>
          <ac:spMkLst>
            <pc:docMk/>
            <pc:sldMk cId="2376958513" sldId="260"/>
            <ac:spMk id="13044" creationId="{209F2BAE-7021-946D-8A7A-8B0B2CA66CFD}"/>
          </ac:spMkLst>
        </pc:spChg>
        <pc:spChg chg="mod">
          <ac:chgData name="White, Alex" userId="eff6cc8c-37d8-483b-9c6c-6b27e9afa9bc" providerId="ADAL" clId="{BF04C754-5BF4-4E83-9615-DB14FA25AF8A}" dt="2023-10-12T11:38:42.377" v="307"/>
          <ac:spMkLst>
            <pc:docMk/>
            <pc:sldMk cId="2376958513" sldId="260"/>
            <ac:spMk id="13045" creationId="{F60EB3B8-D6D8-5701-330F-3B4DC3DD72D6}"/>
          </ac:spMkLst>
        </pc:spChg>
        <pc:spChg chg="mod">
          <ac:chgData name="White, Alex" userId="eff6cc8c-37d8-483b-9c6c-6b27e9afa9bc" providerId="ADAL" clId="{BF04C754-5BF4-4E83-9615-DB14FA25AF8A}" dt="2023-10-12T11:38:42.377" v="307"/>
          <ac:spMkLst>
            <pc:docMk/>
            <pc:sldMk cId="2376958513" sldId="260"/>
            <ac:spMk id="13046" creationId="{B899BCA4-C95C-CFA0-AD85-FE20A6F0AFAB}"/>
          </ac:spMkLst>
        </pc:spChg>
        <pc:spChg chg="mod">
          <ac:chgData name="White, Alex" userId="eff6cc8c-37d8-483b-9c6c-6b27e9afa9bc" providerId="ADAL" clId="{BF04C754-5BF4-4E83-9615-DB14FA25AF8A}" dt="2023-10-12T11:38:42.377" v="307"/>
          <ac:spMkLst>
            <pc:docMk/>
            <pc:sldMk cId="2376958513" sldId="260"/>
            <ac:spMk id="13047" creationId="{42A3DB6E-1A61-9686-6E75-4E0FD0E346E0}"/>
          </ac:spMkLst>
        </pc:spChg>
        <pc:spChg chg="mod">
          <ac:chgData name="White, Alex" userId="eff6cc8c-37d8-483b-9c6c-6b27e9afa9bc" providerId="ADAL" clId="{BF04C754-5BF4-4E83-9615-DB14FA25AF8A}" dt="2023-10-12T11:38:42.377" v="307"/>
          <ac:spMkLst>
            <pc:docMk/>
            <pc:sldMk cId="2376958513" sldId="260"/>
            <ac:spMk id="13048" creationId="{CE93B679-75E2-9D3F-6128-7F7B3AC49448}"/>
          </ac:spMkLst>
        </pc:spChg>
        <pc:spChg chg="mod">
          <ac:chgData name="White, Alex" userId="eff6cc8c-37d8-483b-9c6c-6b27e9afa9bc" providerId="ADAL" clId="{BF04C754-5BF4-4E83-9615-DB14FA25AF8A}" dt="2023-10-12T11:38:42.377" v="307"/>
          <ac:spMkLst>
            <pc:docMk/>
            <pc:sldMk cId="2376958513" sldId="260"/>
            <ac:spMk id="13049" creationId="{AAF61938-1F74-ED6C-0E0E-E5D546A9573F}"/>
          </ac:spMkLst>
        </pc:spChg>
        <pc:spChg chg="mod">
          <ac:chgData name="White, Alex" userId="eff6cc8c-37d8-483b-9c6c-6b27e9afa9bc" providerId="ADAL" clId="{BF04C754-5BF4-4E83-9615-DB14FA25AF8A}" dt="2023-10-12T11:38:42.377" v="307"/>
          <ac:spMkLst>
            <pc:docMk/>
            <pc:sldMk cId="2376958513" sldId="260"/>
            <ac:spMk id="13050" creationId="{FA20B08F-48B8-05AD-95F7-BAF2F1D8E427}"/>
          </ac:spMkLst>
        </pc:spChg>
        <pc:spChg chg="mod">
          <ac:chgData name="White, Alex" userId="eff6cc8c-37d8-483b-9c6c-6b27e9afa9bc" providerId="ADAL" clId="{BF04C754-5BF4-4E83-9615-DB14FA25AF8A}" dt="2023-10-12T11:38:42.377" v="307"/>
          <ac:spMkLst>
            <pc:docMk/>
            <pc:sldMk cId="2376958513" sldId="260"/>
            <ac:spMk id="13051" creationId="{9E5D4821-B756-80DE-434F-7688D785A325}"/>
          </ac:spMkLst>
        </pc:spChg>
        <pc:spChg chg="mod">
          <ac:chgData name="White, Alex" userId="eff6cc8c-37d8-483b-9c6c-6b27e9afa9bc" providerId="ADAL" clId="{BF04C754-5BF4-4E83-9615-DB14FA25AF8A}" dt="2023-10-12T11:38:42.377" v="307"/>
          <ac:spMkLst>
            <pc:docMk/>
            <pc:sldMk cId="2376958513" sldId="260"/>
            <ac:spMk id="13052" creationId="{54E9F89D-4A05-A3DD-BAD2-43CC661E2AEE}"/>
          </ac:spMkLst>
        </pc:spChg>
        <pc:spChg chg="mod">
          <ac:chgData name="White, Alex" userId="eff6cc8c-37d8-483b-9c6c-6b27e9afa9bc" providerId="ADAL" clId="{BF04C754-5BF4-4E83-9615-DB14FA25AF8A}" dt="2023-10-12T11:38:42.377" v="307"/>
          <ac:spMkLst>
            <pc:docMk/>
            <pc:sldMk cId="2376958513" sldId="260"/>
            <ac:spMk id="13053" creationId="{FFE3B71C-79E2-B437-96B0-0E11C21107B1}"/>
          </ac:spMkLst>
        </pc:spChg>
        <pc:spChg chg="mod">
          <ac:chgData name="White, Alex" userId="eff6cc8c-37d8-483b-9c6c-6b27e9afa9bc" providerId="ADAL" clId="{BF04C754-5BF4-4E83-9615-DB14FA25AF8A}" dt="2023-10-12T11:38:42.377" v="307"/>
          <ac:spMkLst>
            <pc:docMk/>
            <pc:sldMk cId="2376958513" sldId="260"/>
            <ac:spMk id="13054" creationId="{8029DA25-C3E1-66E7-F77E-9FDFAF9C705C}"/>
          </ac:spMkLst>
        </pc:spChg>
        <pc:spChg chg="mod">
          <ac:chgData name="White, Alex" userId="eff6cc8c-37d8-483b-9c6c-6b27e9afa9bc" providerId="ADAL" clId="{BF04C754-5BF4-4E83-9615-DB14FA25AF8A}" dt="2023-10-12T11:38:42.377" v="307"/>
          <ac:spMkLst>
            <pc:docMk/>
            <pc:sldMk cId="2376958513" sldId="260"/>
            <ac:spMk id="13055" creationId="{0A21A797-8F64-B64C-1B44-AB96AD1A1862}"/>
          </ac:spMkLst>
        </pc:spChg>
        <pc:spChg chg="mod">
          <ac:chgData name="White, Alex" userId="eff6cc8c-37d8-483b-9c6c-6b27e9afa9bc" providerId="ADAL" clId="{BF04C754-5BF4-4E83-9615-DB14FA25AF8A}" dt="2023-10-12T11:38:42.377" v="307"/>
          <ac:spMkLst>
            <pc:docMk/>
            <pc:sldMk cId="2376958513" sldId="260"/>
            <ac:spMk id="13056" creationId="{DE755EDE-1ED5-C9C4-3FF7-E91FB8D7365F}"/>
          </ac:spMkLst>
        </pc:spChg>
        <pc:spChg chg="mod">
          <ac:chgData name="White, Alex" userId="eff6cc8c-37d8-483b-9c6c-6b27e9afa9bc" providerId="ADAL" clId="{BF04C754-5BF4-4E83-9615-DB14FA25AF8A}" dt="2023-10-12T11:38:42.377" v="307"/>
          <ac:spMkLst>
            <pc:docMk/>
            <pc:sldMk cId="2376958513" sldId="260"/>
            <ac:spMk id="13057" creationId="{2CBA1016-AB7A-B0C3-84F6-8EB9FF25A171}"/>
          </ac:spMkLst>
        </pc:spChg>
        <pc:spChg chg="mod">
          <ac:chgData name="White, Alex" userId="eff6cc8c-37d8-483b-9c6c-6b27e9afa9bc" providerId="ADAL" clId="{BF04C754-5BF4-4E83-9615-DB14FA25AF8A}" dt="2023-10-12T11:38:42.377" v="307"/>
          <ac:spMkLst>
            <pc:docMk/>
            <pc:sldMk cId="2376958513" sldId="260"/>
            <ac:spMk id="13058" creationId="{15575F8C-1A13-8F1E-B535-2E6A7BBE7D57}"/>
          </ac:spMkLst>
        </pc:spChg>
        <pc:spChg chg="mod">
          <ac:chgData name="White, Alex" userId="eff6cc8c-37d8-483b-9c6c-6b27e9afa9bc" providerId="ADAL" clId="{BF04C754-5BF4-4E83-9615-DB14FA25AF8A}" dt="2023-10-12T11:38:42.377" v="307"/>
          <ac:spMkLst>
            <pc:docMk/>
            <pc:sldMk cId="2376958513" sldId="260"/>
            <ac:spMk id="13059" creationId="{3940C64C-52F6-D69B-6674-ECBD57F5D8EE}"/>
          </ac:spMkLst>
        </pc:spChg>
        <pc:spChg chg="mod">
          <ac:chgData name="White, Alex" userId="eff6cc8c-37d8-483b-9c6c-6b27e9afa9bc" providerId="ADAL" clId="{BF04C754-5BF4-4E83-9615-DB14FA25AF8A}" dt="2023-10-12T11:38:42.377" v="307"/>
          <ac:spMkLst>
            <pc:docMk/>
            <pc:sldMk cId="2376958513" sldId="260"/>
            <ac:spMk id="13060" creationId="{FE3C0923-60A8-01AC-F8CF-C7E90211C02B}"/>
          </ac:spMkLst>
        </pc:spChg>
        <pc:spChg chg="mod">
          <ac:chgData name="White, Alex" userId="eff6cc8c-37d8-483b-9c6c-6b27e9afa9bc" providerId="ADAL" clId="{BF04C754-5BF4-4E83-9615-DB14FA25AF8A}" dt="2023-10-12T11:38:42.377" v="307"/>
          <ac:spMkLst>
            <pc:docMk/>
            <pc:sldMk cId="2376958513" sldId="260"/>
            <ac:spMk id="13061" creationId="{AA7EB1AC-4F7E-B205-CB12-C8E8ABD3B9FF}"/>
          </ac:spMkLst>
        </pc:spChg>
        <pc:spChg chg="mod">
          <ac:chgData name="White, Alex" userId="eff6cc8c-37d8-483b-9c6c-6b27e9afa9bc" providerId="ADAL" clId="{BF04C754-5BF4-4E83-9615-DB14FA25AF8A}" dt="2023-10-12T11:38:42.377" v="307"/>
          <ac:spMkLst>
            <pc:docMk/>
            <pc:sldMk cId="2376958513" sldId="260"/>
            <ac:spMk id="13062" creationId="{AC82AEE9-36F3-65B6-4ACF-0ADC9605348E}"/>
          </ac:spMkLst>
        </pc:spChg>
        <pc:spChg chg="mod">
          <ac:chgData name="White, Alex" userId="eff6cc8c-37d8-483b-9c6c-6b27e9afa9bc" providerId="ADAL" clId="{BF04C754-5BF4-4E83-9615-DB14FA25AF8A}" dt="2023-10-12T11:38:42.377" v="307"/>
          <ac:spMkLst>
            <pc:docMk/>
            <pc:sldMk cId="2376958513" sldId="260"/>
            <ac:spMk id="13063" creationId="{DF8BF363-32D6-3969-3282-119D8AC6B5D3}"/>
          </ac:spMkLst>
        </pc:spChg>
        <pc:spChg chg="mod">
          <ac:chgData name="White, Alex" userId="eff6cc8c-37d8-483b-9c6c-6b27e9afa9bc" providerId="ADAL" clId="{BF04C754-5BF4-4E83-9615-DB14FA25AF8A}" dt="2023-10-12T11:38:42.377" v="307"/>
          <ac:spMkLst>
            <pc:docMk/>
            <pc:sldMk cId="2376958513" sldId="260"/>
            <ac:spMk id="13064" creationId="{76767C5E-F6DC-FCEA-D561-11A490F688C2}"/>
          </ac:spMkLst>
        </pc:spChg>
        <pc:spChg chg="mod">
          <ac:chgData name="White, Alex" userId="eff6cc8c-37d8-483b-9c6c-6b27e9afa9bc" providerId="ADAL" clId="{BF04C754-5BF4-4E83-9615-DB14FA25AF8A}" dt="2023-10-12T11:38:42.377" v="307"/>
          <ac:spMkLst>
            <pc:docMk/>
            <pc:sldMk cId="2376958513" sldId="260"/>
            <ac:spMk id="13065" creationId="{7CCD9CA7-86BB-3923-8F53-344E88FFE172}"/>
          </ac:spMkLst>
        </pc:spChg>
        <pc:spChg chg="mod">
          <ac:chgData name="White, Alex" userId="eff6cc8c-37d8-483b-9c6c-6b27e9afa9bc" providerId="ADAL" clId="{BF04C754-5BF4-4E83-9615-DB14FA25AF8A}" dt="2023-10-12T11:38:42.377" v="307"/>
          <ac:spMkLst>
            <pc:docMk/>
            <pc:sldMk cId="2376958513" sldId="260"/>
            <ac:spMk id="13066" creationId="{060CD17B-6731-48CA-35CE-5A7713A327A3}"/>
          </ac:spMkLst>
        </pc:spChg>
        <pc:spChg chg="mod">
          <ac:chgData name="White, Alex" userId="eff6cc8c-37d8-483b-9c6c-6b27e9afa9bc" providerId="ADAL" clId="{BF04C754-5BF4-4E83-9615-DB14FA25AF8A}" dt="2023-10-12T11:38:42.377" v="307"/>
          <ac:spMkLst>
            <pc:docMk/>
            <pc:sldMk cId="2376958513" sldId="260"/>
            <ac:spMk id="13067" creationId="{72D10349-710A-DE30-B3DC-D184576900F9}"/>
          </ac:spMkLst>
        </pc:spChg>
        <pc:spChg chg="mod">
          <ac:chgData name="White, Alex" userId="eff6cc8c-37d8-483b-9c6c-6b27e9afa9bc" providerId="ADAL" clId="{BF04C754-5BF4-4E83-9615-DB14FA25AF8A}" dt="2023-10-12T11:38:42.377" v="307"/>
          <ac:spMkLst>
            <pc:docMk/>
            <pc:sldMk cId="2376958513" sldId="260"/>
            <ac:spMk id="13068" creationId="{E5C767D0-3615-4283-D1E1-B7C69DE5766E}"/>
          </ac:spMkLst>
        </pc:spChg>
        <pc:spChg chg="mod">
          <ac:chgData name="White, Alex" userId="eff6cc8c-37d8-483b-9c6c-6b27e9afa9bc" providerId="ADAL" clId="{BF04C754-5BF4-4E83-9615-DB14FA25AF8A}" dt="2023-10-12T11:38:42.377" v="307"/>
          <ac:spMkLst>
            <pc:docMk/>
            <pc:sldMk cId="2376958513" sldId="260"/>
            <ac:spMk id="13069" creationId="{110DC0B4-226D-D821-886C-B4A2B1AEB934}"/>
          </ac:spMkLst>
        </pc:spChg>
        <pc:spChg chg="mod">
          <ac:chgData name="White, Alex" userId="eff6cc8c-37d8-483b-9c6c-6b27e9afa9bc" providerId="ADAL" clId="{BF04C754-5BF4-4E83-9615-DB14FA25AF8A}" dt="2023-10-12T11:38:42.377" v="307"/>
          <ac:spMkLst>
            <pc:docMk/>
            <pc:sldMk cId="2376958513" sldId="260"/>
            <ac:spMk id="13070" creationId="{41BDFB52-7261-07CB-0C1F-A20C3F9BBFB4}"/>
          </ac:spMkLst>
        </pc:spChg>
        <pc:spChg chg="mod">
          <ac:chgData name="White, Alex" userId="eff6cc8c-37d8-483b-9c6c-6b27e9afa9bc" providerId="ADAL" clId="{BF04C754-5BF4-4E83-9615-DB14FA25AF8A}" dt="2023-10-12T11:38:42.377" v="307"/>
          <ac:spMkLst>
            <pc:docMk/>
            <pc:sldMk cId="2376958513" sldId="260"/>
            <ac:spMk id="13071" creationId="{1F72DAB3-A5D9-1823-141E-D355F067906B}"/>
          </ac:spMkLst>
        </pc:spChg>
        <pc:spChg chg="mod">
          <ac:chgData name="White, Alex" userId="eff6cc8c-37d8-483b-9c6c-6b27e9afa9bc" providerId="ADAL" clId="{BF04C754-5BF4-4E83-9615-DB14FA25AF8A}" dt="2023-10-12T11:38:42.377" v="307"/>
          <ac:spMkLst>
            <pc:docMk/>
            <pc:sldMk cId="2376958513" sldId="260"/>
            <ac:spMk id="13072" creationId="{48CCFADF-0850-0802-7FCC-FFCFBE95907C}"/>
          </ac:spMkLst>
        </pc:spChg>
        <pc:spChg chg="mod">
          <ac:chgData name="White, Alex" userId="eff6cc8c-37d8-483b-9c6c-6b27e9afa9bc" providerId="ADAL" clId="{BF04C754-5BF4-4E83-9615-DB14FA25AF8A}" dt="2023-10-12T11:38:42.377" v="307"/>
          <ac:spMkLst>
            <pc:docMk/>
            <pc:sldMk cId="2376958513" sldId="260"/>
            <ac:spMk id="13073" creationId="{64129C99-B1E7-5BFC-A1D8-8F433F49EE84}"/>
          </ac:spMkLst>
        </pc:spChg>
        <pc:spChg chg="mod">
          <ac:chgData name="White, Alex" userId="eff6cc8c-37d8-483b-9c6c-6b27e9afa9bc" providerId="ADAL" clId="{BF04C754-5BF4-4E83-9615-DB14FA25AF8A}" dt="2023-10-12T11:38:42.377" v="307"/>
          <ac:spMkLst>
            <pc:docMk/>
            <pc:sldMk cId="2376958513" sldId="260"/>
            <ac:spMk id="13074" creationId="{445D5242-B293-DF31-9A8E-B71665DC271F}"/>
          </ac:spMkLst>
        </pc:spChg>
        <pc:spChg chg="mod">
          <ac:chgData name="White, Alex" userId="eff6cc8c-37d8-483b-9c6c-6b27e9afa9bc" providerId="ADAL" clId="{BF04C754-5BF4-4E83-9615-DB14FA25AF8A}" dt="2023-10-12T11:38:42.377" v="307"/>
          <ac:spMkLst>
            <pc:docMk/>
            <pc:sldMk cId="2376958513" sldId="260"/>
            <ac:spMk id="13075" creationId="{6599839A-C46A-AECC-3EDB-446E56BA4156}"/>
          </ac:spMkLst>
        </pc:spChg>
        <pc:spChg chg="mod">
          <ac:chgData name="White, Alex" userId="eff6cc8c-37d8-483b-9c6c-6b27e9afa9bc" providerId="ADAL" clId="{BF04C754-5BF4-4E83-9615-DB14FA25AF8A}" dt="2023-10-12T11:38:42.377" v="307"/>
          <ac:spMkLst>
            <pc:docMk/>
            <pc:sldMk cId="2376958513" sldId="260"/>
            <ac:spMk id="13076" creationId="{943381B7-19F8-11F3-426C-7A5B0A62AB5B}"/>
          </ac:spMkLst>
        </pc:spChg>
        <pc:spChg chg="mod">
          <ac:chgData name="White, Alex" userId="eff6cc8c-37d8-483b-9c6c-6b27e9afa9bc" providerId="ADAL" clId="{BF04C754-5BF4-4E83-9615-DB14FA25AF8A}" dt="2023-10-12T11:38:42.377" v="307"/>
          <ac:spMkLst>
            <pc:docMk/>
            <pc:sldMk cId="2376958513" sldId="260"/>
            <ac:spMk id="13077" creationId="{CFD3454F-2F0A-E601-BD16-77A56F2BC881}"/>
          </ac:spMkLst>
        </pc:spChg>
        <pc:spChg chg="mod">
          <ac:chgData name="White, Alex" userId="eff6cc8c-37d8-483b-9c6c-6b27e9afa9bc" providerId="ADAL" clId="{BF04C754-5BF4-4E83-9615-DB14FA25AF8A}" dt="2023-10-12T11:38:42.377" v="307"/>
          <ac:spMkLst>
            <pc:docMk/>
            <pc:sldMk cId="2376958513" sldId="260"/>
            <ac:spMk id="13078" creationId="{64B24487-9713-7649-3613-E7F6DD9EC993}"/>
          </ac:spMkLst>
        </pc:spChg>
        <pc:spChg chg="mod">
          <ac:chgData name="White, Alex" userId="eff6cc8c-37d8-483b-9c6c-6b27e9afa9bc" providerId="ADAL" clId="{BF04C754-5BF4-4E83-9615-DB14FA25AF8A}" dt="2023-10-12T11:38:42.377" v="307"/>
          <ac:spMkLst>
            <pc:docMk/>
            <pc:sldMk cId="2376958513" sldId="260"/>
            <ac:spMk id="13079" creationId="{2E6D3E27-92D7-6999-C45A-68ECB90595AB}"/>
          </ac:spMkLst>
        </pc:spChg>
        <pc:spChg chg="mod">
          <ac:chgData name="White, Alex" userId="eff6cc8c-37d8-483b-9c6c-6b27e9afa9bc" providerId="ADAL" clId="{BF04C754-5BF4-4E83-9615-DB14FA25AF8A}" dt="2023-10-12T11:38:42.377" v="307"/>
          <ac:spMkLst>
            <pc:docMk/>
            <pc:sldMk cId="2376958513" sldId="260"/>
            <ac:spMk id="13080" creationId="{F0C537AD-8EA5-9902-29B5-3BA5970922E7}"/>
          </ac:spMkLst>
        </pc:spChg>
        <pc:spChg chg="mod">
          <ac:chgData name="White, Alex" userId="eff6cc8c-37d8-483b-9c6c-6b27e9afa9bc" providerId="ADAL" clId="{BF04C754-5BF4-4E83-9615-DB14FA25AF8A}" dt="2023-10-12T11:38:42.377" v="307"/>
          <ac:spMkLst>
            <pc:docMk/>
            <pc:sldMk cId="2376958513" sldId="260"/>
            <ac:spMk id="13081" creationId="{784ADAB8-8D93-2401-7AC5-BA77216C5E96}"/>
          </ac:spMkLst>
        </pc:spChg>
        <pc:spChg chg="mod">
          <ac:chgData name="White, Alex" userId="eff6cc8c-37d8-483b-9c6c-6b27e9afa9bc" providerId="ADAL" clId="{BF04C754-5BF4-4E83-9615-DB14FA25AF8A}" dt="2023-10-12T11:38:42.377" v="307"/>
          <ac:spMkLst>
            <pc:docMk/>
            <pc:sldMk cId="2376958513" sldId="260"/>
            <ac:spMk id="13082" creationId="{A77BA085-42C3-E6FF-F264-F1C715188DC6}"/>
          </ac:spMkLst>
        </pc:spChg>
        <pc:spChg chg="mod">
          <ac:chgData name="White, Alex" userId="eff6cc8c-37d8-483b-9c6c-6b27e9afa9bc" providerId="ADAL" clId="{BF04C754-5BF4-4E83-9615-DB14FA25AF8A}" dt="2023-10-12T11:38:42.377" v="307"/>
          <ac:spMkLst>
            <pc:docMk/>
            <pc:sldMk cId="2376958513" sldId="260"/>
            <ac:spMk id="13083" creationId="{2E88F94E-1623-6410-2B22-47296529F716}"/>
          </ac:spMkLst>
        </pc:spChg>
        <pc:spChg chg="mod">
          <ac:chgData name="White, Alex" userId="eff6cc8c-37d8-483b-9c6c-6b27e9afa9bc" providerId="ADAL" clId="{BF04C754-5BF4-4E83-9615-DB14FA25AF8A}" dt="2023-10-12T11:38:42.377" v="307"/>
          <ac:spMkLst>
            <pc:docMk/>
            <pc:sldMk cId="2376958513" sldId="260"/>
            <ac:spMk id="13084" creationId="{A1259BEB-C192-1E0D-4C57-FD83D625E463}"/>
          </ac:spMkLst>
        </pc:spChg>
        <pc:spChg chg="mod">
          <ac:chgData name="White, Alex" userId="eff6cc8c-37d8-483b-9c6c-6b27e9afa9bc" providerId="ADAL" clId="{BF04C754-5BF4-4E83-9615-DB14FA25AF8A}" dt="2023-10-12T11:38:42.377" v="307"/>
          <ac:spMkLst>
            <pc:docMk/>
            <pc:sldMk cId="2376958513" sldId="260"/>
            <ac:spMk id="13085" creationId="{5459E02A-0881-9959-2969-CD7F4A87A5D2}"/>
          </ac:spMkLst>
        </pc:spChg>
        <pc:spChg chg="mod">
          <ac:chgData name="White, Alex" userId="eff6cc8c-37d8-483b-9c6c-6b27e9afa9bc" providerId="ADAL" clId="{BF04C754-5BF4-4E83-9615-DB14FA25AF8A}" dt="2023-10-12T11:38:42.377" v="307"/>
          <ac:spMkLst>
            <pc:docMk/>
            <pc:sldMk cId="2376958513" sldId="260"/>
            <ac:spMk id="13086" creationId="{69FD854E-25AB-4E4D-A47A-9A1557ED8995}"/>
          </ac:spMkLst>
        </pc:spChg>
        <pc:spChg chg="mod">
          <ac:chgData name="White, Alex" userId="eff6cc8c-37d8-483b-9c6c-6b27e9afa9bc" providerId="ADAL" clId="{BF04C754-5BF4-4E83-9615-DB14FA25AF8A}" dt="2023-10-12T11:38:42.377" v="307"/>
          <ac:spMkLst>
            <pc:docMk/>
            <pc:sldMk cId="2376958513" sldId="260"/>
            <ac:spMk id="13087" creationId="{CAFD9EE0-BCB4-F14E-2060-1DB67309623A}"/>
          </ac:spMkLst>
        </pc:spChg>
        <pc:spChg chg="mod">
          <ac:chgData name="White, Alex" userId="eff6cc8c-37d8-483b-9c6c-6b27e9afa9bc" providerId="ADAL" clId="{BF04C754-5BF4-4E83-9615-DB14FA25AF8A}" dt="2023-10-12T11:38:42.377" v="307"/>
          <ac:spMkLst>
            <pc:docMk/>
            <pc:sldMk cId="2376958513" sldId="260"/>
            <ac:spMk id="13088" creationId="{F44C32B9-B6E7-39D1-A056-E419BCED7717}"/>
          </ac:spMkLst>
        </pc:spChg>
        <pc:spChg chg="mod">
          <ac:chgData name="White, Alex" userId="eff6cc8c-37d8-483b-9c6c-6b27e9afa9bc" providerId="ADAL" clId="{BF04C754-5BF4-4E83-9615-DB14FA25AF8A}" dt="2023-10-12T11:38:42.377" v="307"/>
          <ac:spMkLst>
            <pc:docMk/>
            <pc:sldMk cId="2376958513" sldId="260"/>
            <ac:spMk id="13089" creationId="{093AF76C-0640-8143-942D-D6B92331AC35}"/>
          </ac:spMkLst>
        </pc:spChg>
        <pc:spChg chg="mod">
          <ac:chgData name="White, Alex" userId="eff6cc8c-37d8-483b-9c6c-6b27e9afa9bc" providerId="ADAL" clId="{BF04C754-5BF4-4E83-9615-DB14FA25AF8A}" dt="2023-10-12T11:38:42.377" v="307"/>
          <ac:spMkLst>
            <pc:docMk/>
            <pc:sldMk cId="2376958513" sldId="260"/>
            <ac:spMk id="13090" creationId="{9FC34252-6474-1A02-D6F4-E1D301929859}"/>
          </ac:spMkLst>
        </pc:spChg>
        <pc:spChg chg="mod">
          <ac:chgData name="White, Alex" userId="eff6cc8c-37d8-483b-9c6c-6b27e9afa9bc" providerId="ADAL" clId="{BF04C754-5BF4-4E83-9615-DB14FA25AF8A}" dt="2023-10-12T11:38:42.377" v="307"/>
          <ac:spMkLst>
            <pc:docMk/>
            <pc:sldMk cId="2376958513" sldId="260"/>
            <ac:spMk id="13091" creationId="{D4188716-35C4-A94A-6368-17B9D289C426}"/>
          </ac:spMkLst>
        </pc:spChg>
        <pc:spChg chg="mod">
          <ac:chgData name="White, Alex" userId="eff6cc8c-37d8-483b-9c6c-6b27e9afa9bc" providerId="ADAL" clId="{BF04C754-5BF4-4E83-9615-DB14FA25AF8A}" dt="2023-10-12T11:38:42.377" v="307"/>
          <ac:spMkLst>
            <pc:docMk/>
            <pc:sldMk cId="2376958513" sldId="260"/>
            <ac:spMk id="13092" creationId="{4BBA7749-6B19-C678-EA74-3EE2E76554E3}"/>
          </ac:spMkLst>
        </pc:spChg>
        <pc:spChg chg="mod">
          <ac:chgData name="White, Alex" userId="eff6cc8c-37d8-483b-9c6c-6b27e9afa9bc" providerId="ADAL" clId="{BF04C754-5BF4-4E83-9615-DB14FA25AF8A}" dt="2023-10-12T11:38:42.377" v="307"/>
          <ac:spMkLst>
            <pc:docMk/>
            <pc:sldMk cId="2376958513" sldId="260"/>
            <ac:spMk id="13093" creationId="{87812006-3001-1C4A-BA88-7F891D63905E}"/>
          </ac:spMkLst>
        </pc:spChg>
        <pc:spChg chg="mod">
          <ac:chgData name="White, Alex" userId="eff6cc8c-37d8-483b-9c6c-6b27e9afa9bc" providerId="ADAL" clId="{BF04C754-5BF4-4E83-9615-DB14FA25AF8A}" dt="2023-10-12T11:38:42.377" v="307"/>
          <ac:spMkLst>
            <pc:docMk/>
            <pc:sldMk cId="2376958513" sldId="260"/>
            <ac:spMk id="13094" creationId="{75F90140-EF93-BB60-5511-33FB5F13686F}"/>
          </ac:spMkLst>
        </pc:spChg>
        <pc:spChg chg="mod">
          <ac:chgData name="White, Alex" userId="eff6cc8c-37d8-483b-9c6c-6b27e9afa9bc" providerId="ADAL" clId="{BF04C754-5BF4-4E83-9615-DB14FA25AF8A}" dt="2023-10-12T11:38:42.377" v="307"/>
          <ac:spMkLst>
            <pc:docMk/>
            <pc:sldMk cId="2376958513" sldId="260"/>
            <ac:spMk id="13095" creationId="{9FD54A67-969B-BCC4-5035-51EC0E36CA4B}"/>
          </ac:spMkLst>
        </pc:spChg>
        <pc:spChg chg="mod">
          <ac:chgData name="White, Alex" userId="eff6cc8c-37d8-483b-9c6c-6b27e9afa9bc" providerId="ADAL" clId="{BF04C754-5BF4-4E83-9615-DB14FA25AF8A}" dt="2023-10-12T11:38:42.377" v="307"/>
          <ac:spMkLst>
            <pc:docMk/>
            <pc:sldMk cId="2376958513" sldId="260"/>
            <ac:spMk id="13096" creationId="{283898C3-C21E-CE90-D65F-9D86F341E3B6}"/>
          </ac:spMkLst>
        </pc:spChg>
        <pc:spChg chg="mod">
          <ac:chgData name="White, Alex" userId="eff6cc8c-37d8-483b-9c6c-6b27e9afa9bc" providerId="ADAL" clId="{BF04C754-5BF4-4E83-9615-DB14FA25AF8A}" dt="2023-10-12T11:38:42.377" v="307"/>
          <ac:spMkLst>
            <pc:docMk/>
            <pc:sldMk cId="2376958513" sldId="260"/>
            <ac:spMk id="13097" creationId="{51F99BF4-2029-6820-BBEB-9A3FF431B398}"/>
          </ac:spMkLst>
        </pc:spChg>
        <pc:spChg chg="mod">
          <ac:chgData name="White, Alex" userId="eff6cc8c-37d8-483b-9c6c-6b27e9afa9bc" providerId="ADAL" clId="{BF04C754-5BF4-4E83-9615-DB14FA25AF8A}" dt="2023-10-12T11:38:42.377" v="307"/>
          <ac:spMkLst>
            <pc:docMk/>
            <pc:sldMk cId="2376958513" sldId="260"/>
            <ac:spMk id="13098" creationId="{4F3AA7D6-5924-DC59-C274-FFBFCDA733AF}"/>
          </ac:spMkLst>
        </pc:spChg>
        <pc:spChg chg="mod">
          <ac:chgData name="White, Alex" userId="eff6cc8c-37d8-483b-9c6c-6b27e9afa9bc" providerId="ADAL" clId="{BF04C754-5BF4-4E83-9615-DB14FA25AF8A}" dt="2023-10-12T11:38:42.377" v="307"/>
          <ac:spMkLst>
            <pc:docMk/>
            <pc:sldMk cId="2376958513" sldId="260"/>
            <ac:spMk id="13099" creationId="{CE09593E-4A3A-6D3C-BDA0-98EE3A23200C}"/>
          </ac:spMkLst>
        </pc:spChg>
        <pc:spChg chg="mod">
          <ac:chgData name="White, Alex" userId="eff6cc8c-37d8-483b-9c6c-6b27e9afa9bc" providerId="ADAL" clId="{BF04C754-5BF4-4E83-9615-DB14FA25AF8A}" dt="2023-10-12T11:38:42.377" v="307"/>
          <ac:spMkLst>
            <pc:docMk/>
            <pc:sldMk cId="2376958513" sldId="260"/>
            <ac:spMk id="13100" creationId="{ED5B2504-45AC-2DF8-A6C3-330E347B9C36}"/>
          </ac:spMkLst>
        </pc:spChg>
        <pc:spChg chg="mod">
          <ac:chgData name="White, Alex" userId="eff6cc8c-37d8-483b-9c6c-6b27e9afa9bc" providerId="ADAL" clId="{BF04C754-5BF4-4E83-9615-DB14FA25AF8A}" dt="2023-10-12T11:38:42.377" v="307"/>
          <ac:spMkLst>
            <pc:docMk/>
            <pc:sldMk cId="2376958513" sldId="260"/>
            <ac:spMk id="13101" creationId="{E2A1E3ED-7D00-24EF-C402-50C336B5030B}"/>
          </ac:spMkLst>
        </pc:spChg>
        <pc:spChg chg="mod">
          <ac:chgData name="White, Alex" userId="eff6cc8c-37d8-483b-9c6c-6b27e9afa9bc" providerId="ADAL" clId="{BF04C754-5BF4-4E83-9615-DB14FA25AF8A}" dt="2023-10-12T11:38:42.377" v="307"/>
          <ac:spMkLst>
            <pc:docMk/>
            <pc:sldMk cId="2376958513" sldId="260"/>
            <ac:spMk id="13102" creationId="{8B754D14-C0E0-1EC0-8FE3-B66AA5470975}"/>
          </ac:spMkLst>
        </pc:spChg>
        <pc:spChg chg="mod">
          <ac:chgData name="White, Alex" userId="eff6cc8c-37d8-483b-9c6c-6b27e9afa9bc" providerId="ADAL" clId="{BF04C754-5BF4-4E83-9615-DB14FA25AF8A}" dt="2023-10-12T11:38:42.377" v="307"/>
          <ac:spMkLst>
            <pc:docMk/>
            <pc:sldMk cId="2376958513" sldId="260"/>
            <ac:spMk id="13103" creationId="{F105694A-F04F-77CB-1437-5FB15DB6DF57}"/>
          </ac:spMkLst>
        </pc:spChg>
        <pc:spChg chg="mod">
          <ac:chgData name="White, Alex" userId="eff6cc8c-37d8-483b-9c6c-6b27e9afa9bc" providerId="ADAL" clId="{BF04C754-5BF4-4E83-9615-DB14FA25AF8A}" dt="2023-10-12T11:38:42.377" v="307"/>
          <ac:spMkLst>
            <pc:docMk/>
            <pc:sldMk cId="2376958513" sldId="260"/>
            <ac:spMk id="13104" creationId="{D70C81FE-E6C0-3305-E910-B98293F194E4}"/>
          </ac:spMkLst>
        </pc:spChg>
        <pc:spChg chg="mod">
          <ac:chgData name="White, Alex" userId="eff6cc8c-37d8-483b-9c6c-6b27e9afa9bc" providerId="ADAL" clId="{BF04C754-5BF4-4E83-9615-DB14FA25AF8A}" dt="2023-10-12T11:38:42.377" v="307"/>
          <ac:spMkLst>
            <pc:docMk/>
            <pc:sldMk cId="2376958513" sldId="260"/>
            <ac:spMk id="13105" creationId="{CE5AE3FF-8383-DE33-41E5-DA8724A67D6B}"/>
          </ac:spMkLst>
        </pc:spChg>
        <pc:spChg chg="mod">
          <ac:chgData name="White, Alex" userId="eff6cc8c-37d8-483b-9c6c-6b27e9afa9bc" providerId="ADAL" clId="{BF04C754-5BF4-4E83-9615-DB14FA25AF8A}" dt="2023-10-12T11:38:42.377" v="307"/>
          <ac:spMkLst>
            <pc:docMk/>
            <pc:sldMk cId="2376958513" sldId="260"/>
            <ac:spMk id="13106" creationId="{63FA9AC6-2DCA-5293-1591-BCBEE5516720}"/>
          </ac:spMkLst>
        </pc:spChg>
        <pc:spChg chg="mod">
          <ac:chgData name="White, Alex" userId="eff6cc8c-37d8-483b-9c6c-6b27e9afa9bc" providerId="ADAL" clId="{BF04C754-5BF4-4E83-9615-DB14FA25AF8A}" dt="2023-10-12T11:38:42.377" v="307"/>
          <ac:spMkLst>
            <pc:docMk/>
            <pc:sldMk cId="2376958513" sldId="260"/>
            <ac:spMk id="13107" creationId="{311D76A0-AD75-9CED-007B-1327506756B3}"/>
          </ac:spMkLst>
        </pc:spChg>
        <pc:spChg chg="mod">
          <ac:chgData name="White, Alex" userId="eff6cc8c-37d8-483b-9c6c-6b27e9afa9bc" providerId="ADAL" clId="{BF04C754-5BF4-4E83-9615-DB14FA25AF8A}" dt="2023-10-12T11:38:42.377" v="307"/>
          <ac:spMkLst>
            <pc:docMk/>
            <pc:sldMk cId="2376958513" sldId="260"/>
            <ac:spMk id="13108" creationId="{7C526486-F827-C689-955E-16DBB6578A15}"/>
          </ac:spMkLst>
        </pc:spChg>
        <pc:spChg chg="mod">
          <ac:chgData name="White, Alex" userId="eff6cc8c-37d8-483b-9c6c-6b27e9afa9bc" providerId="ADAL" clId="{BF04C754-5BF4-4E83-9615-DB14FA25AF8A}" dt="2023-10-12T11:38:42.377" v="307"/>
          <ac:spMkLst>
            <pc:docMk/>
            <pc:sldMk cId="2376958513" sldId="260"/>
            <ac:spMk id="13109" creationId="{363CDA0C-D23E-3C83-DE58-0392C183DEA7}"/>
          </ac:spMkLst>
        </pc:spChg>
        <pc:spChg chg="mod">
          <ac:chgData name="White, Alex" userId="eff6cc8c-37d8-483b-9c6c-6b27e9afa9bc" providerId="ADAL" clId="{BF04C754-5BF4-4E83-9615-DB14FA25AF8A}" dt="2023-10-12T11:38:42.377" v="307"/>
          <ac:spMkLst>
            <pc:docMk/>
            <pc:sldMk cId="2376958513" sldId="260"/>
            <ac:spMk id="13110" creationId="{FDF42988-9F39-D0B4-EDD0-486C9082C63A}"/>
          </ac:spMkLst>
        </pc:spChg>
        <pc:spChg chg="mod">
          <ac:chgData name="White, Alex" userId="eff6cc8c-37d8-483b-9c6c-6b27e9afa9bc" providerId="ADAL" clId="{BF04C754-5BF4-4E83-9615-DB14FA25AF8A}" dt="2023-10-12T11:38:42.377" v="307"/>
          <ac:spMkLst>
            <pc:docMk/>
            <pc:sldMk cId="2376958513" sldId="260"/>
            <ac:spMk id="13111" creationId="{D9B18E24-4313-30C8-5967-8A7472B2CED0}"/>
          </ac:spMkLst>
        </pc:spChg>
        <pc:spChg chg="mod">
          <ac:chgData name="White, Alex" userId="eff6cc8c-37d8-483b-9c6c-6b27e9afa9bc" providerId="ADAL" clId="{BF04C754-5BF4-4E83-9615-DB14FA25AF8A}" dt="2023-10-12T11:38:42.377" v="307"/>
          <ac:spMkLst>
            <pc:docMk/>
            <pc:sldMk cId="2376958513" sldId="260"/>
            <ac:spMk id="13112" creationId="{21FFE204-538F-15F8-2AC3-178530A49D09}"/>
          </ac:spMkLst>
        </pc:spChg>
        <pc:spChg chg="mod">
          <ac:chgData name="White, Alex" userId="eff6cc8c-37d8-483b-9c6c-6b27e9afa9bc" providerId="ADAL" clId="{BF04C754-5BF4-4E83-9615-DB14FA25AF8A}" dt="2023-10-12T11:38:42.377" v="307"/>
          <ac:spMkLst>
            <pc:docMk/>
            <pc:sldMk cId="2376958513" sldId="260"/>
            <ac:spMk id="13113" creationId="{33B417B4-5991-05A4-3370-44403A17E924}"/>
          </ac:spMkLst>
        </pc:spChg>
        <pc:spChg chg="mod">
          <ac:chgData name="White, Alex" userId="eff6cc8c-37d8-483b-9c6c-6b27e9afa9bc" providerId="ADAL" clId="{BF04C754-5BF4-4E83-9615-DB14FA25AF8A}" dt="2023-10-12T11:38:42.377" v="307"/>
          <ac:spMkLst>
            <pc:docMk/>
            <pc:sldMk cId="2376958513" sldId="260"/>
            <ac:spMk id="13114" creationId="{5D0CCB59-F310-F70A-8D7A-969EE84774C3}"/>
          </ac:spMkLst>
        </pc:spChg>
        <pc:spChg chg="mod">
          <ac:chgData name="White, Alex" userId="eff6cc8c-37d8-483b-9c6c-6b27e9afa9bc" providerId="ADAL" clId="{BF04C754-5BF4-4E83-9615-DB14FA25AF8A}" dt="2023-10-12T11:38:42.377" v="307"/>
          <ac:spMkLst>
            <pc:docMk/>
            <pc:sldMk cId="2376958513" sldId="260"/>
            <ac:spMk id="13115" creationId="{756AABA9-C8B2-B08F-A59D-5E4272EB9D2E}"/>
          </ac:spMkLst>
        </pc:spChg>
        <pc:spChg chg="mod">
          <ac:chgData name="White, Alex" userId="eff6cc8c-37d8-483b-9c6c-6b27e9afa9bc" providerId="ADAL" clId="{BF04C754-5BF4-4E83-9615-DB14FA25AF8A}" dt="2023-10-12T11:38:42.377" v="307"/>
          <ac:spMkLst>
            <pc:docMk/>
            <pc:sldMk cId="2376958513" sldId="260"/>
            <ac:spMk id="13116" creationId="{A4AF8340-38BC-EE2E-C0F3-8EFDA3690C3B}"/>
          </ac:spMkLst>
        </pc:spChg>
        <pc:spChg chg="mod">
          <ac:chgData name="White, Alex" userId="eff6cc8c-37d8-483b-9c6c-6b27e9afa9bc" providerId="ADAL" clId="{BF04C754-5BF4-4E83-9615-DB14FA25AF8A}" dt="2023-10-12T11:38:42.377" v="307"/>
          <ac:spMkLst>
            <pc:docMk/>
            <pc:sldMk cId="2376958513" sldId="260"/>
            <ac:spMk id="13117" creationId="{F1F67109-C476-B698-56AB-1F78E22C2BA1}"/>
          </ac:spMkLst>
        </pc:spChg>
        <pc:spChg chg="mod">
          <ac:chgData name="White, Alex" userId="eff6cc8c-37d8-483b-9c6c-6b27e9afa9bc" providerId="ADAL" clId="{BF04C754-5BF4-4E83-9615-DB14FA25AF8A}" dt="2023-10-12T11:38:42.377" v="307"/>
          <ac:spMkLst>
            <pc:docMk/>
            <pc:sldMk cId="2376958513" sldId="260"/>
            <ac:spMk id="13118" creationId="{B4486212-63C4-3574-FFB7-9FA9F6A860EC}"/>
          </ac:spMkLst>
        </pc:spChg>
        <pc:spChg chg="mod">
          <ac:chgData name="White, Alex" userId="eff6cc8c-37d8-483b-9c6c-6b27e9afa9bc" providerId="ADAL" clId="{BF04C754-5BF4-4E83-9615-DB14FA25AF8A}" dt="2023-10-12T11:38:42.377" v="307"/>
          <ac:spMkLst>
            <pc:docMk/>
            <pc:sldMk cId="2376958513" sldId="260"/>
            <ac:spMk id="13119" creationId="{74019912-E2B7-9B58-9350-AE46F16E858F}"/>
          </ac:spMkLst>
        </pc:spChg>
        <pc:spChg chg="mod">
          <ac:chgData name="White, Alex" userId="eff6cc8c-37d8-483b-9c6c-6b27e9afa9bc" providerId="ADAL" clId="{BF04C754-5BF4-4E83-9615-DB14FA25AF8A}" dt="2023-10-12T11:38:42.377" v="307"/>
          <ac:spMkLst>
            <pc:docMk/>
            <pc:sldMk cId="2376958513" sldId="260"/>
            <ac:spMk id="13120" creationId="{ECAA59A2-2B2A-CF4E-A639-AA0D5AEC4B71}"/>
          </ac:spMkLst>
        </pc:spChg>
        <pc:spChg chg="mod">
          <ac:chgData name="White, Alex" userId="eff6cc8c-37d8-483b-9c6c-6b27e9afa9bc" providerId="ADAL" clId="{BF04C754-5BF4-4E83-9615-DB14FA25AF8A}" dt="2023-10-12T11:38:42.377" v="307"/>
          <ac:spMkLst>
            <pc:docMk/>
            <pc:sldMk cId="2376958513" sldId="260"/>
            <ac:spMk id="13121" creationId="{2D614DA0-AFE2-A2E4-57D2-DB5E191F335F}"/>
          </ac:spMkLst>
        </pc:spChg>
        <pc:spChg chg="mod">
          <ac:chgData name="White, Alex" userId="eff6cc8c-37d8-483b-9c6c-6b27e9afa9bc" providerId="ADAL" clId="{BF04C754-5BF4-4E83-9615-DB14FA25AF8A}" dt="2023-10-12T11:38:42.377" v="307"/>
          <ac:spMkLst>
            <pc:docMk/>
            <pc:sldMk cId="2376958513" sldId="260"/>
            <ac:spMk id="13122" creationId="{BB791444-576B-A4E5-930B-56560E15BFCA}"/>
          </ac:spMkLst>
        </pc:spChg>
        <pc:spChg chg="mod">
          <ac:chgData name="White, Alex" userId="eff6cc8c-37d8-483b-9c6c-6b27e9afa9bc" providerId="ADAL" clId="{BF04C754-5BF4-4E83-9615-DB14FA25AF8A}" dt="2023-10-12T11:38:42.377" v="307"/>
          <ac:spMkLst>
            <pc:docMk/>
            <pc:sldMk cId="2376958513" sldId="260"/>
            <ac:spMk id="13123" creationId="{97C2451A-64C0-C924-6267-0D4BF938EA4F}"/>
          </ac:spMkLst>
        </pc:spChg>
        <pc:spChg chg="mod">
          <ac:chgData name="White, Alex" userId="eff6cc8c-37d8-483b-9c6c-6b27e9afa9bc" providerId="ADAL" clId="{BF04C754-5BF4-4E83-9615-DB14FA25AF8A}" dt="2023-10-12T11:38:42.377" v="307"/>
          <ac:spMkLst>
            <pc:docMk/>
            <pc:sldMk cId="2376958513" sldId="260"/>
            <ac:spMk id="13124" creationId="{62EA046F-05C6-2BC7-96AB-44B99CBB24BB}"/>
          </ac:spMkLst>
        </pc:spChg>
        <pc:spChg chg="mod">
          <ac:chgData name="White, Alex" userId="eff6cc8c-37d8-483b-9c6c-6b27e9afa9bc" providerId="ADAL" clId="{BF04C754-5BF4-4E83-9615-DB14FA25AF8A}" dt="2023-10-12T11:38:42.377" v="307"/>
          <ac:spMkLst>
            <pc:docMk/>
            <pc:sldMk cId="2376958513" sldId="260"/>
            <ac:spMk id="13125" creationId="{EE5A4387-C1FC-B116-A133-F57AAC92C33C}"/>
          </ac:spMkLst>
        </pc:spChg>
        <pc:spChg chg="mod">
          <ac:chgData name="White, Alex" userId="eff6cc8c-37d8-483b-9c6c-6b27e9afa9bc" providerId="ADAL" clId="{BF04C754-5BF4-4E83-9615-DB14FA25AF8A}" dt="2023-10-12T11:38:42.377" v="307"/>
          <ac:spMkLst>
            <pc:docMk/>
            <pc:sldMk cId="2376958513" sldId="260"/>
            <ac:spMk id="13126" creationId="{5BE62366-71D8-C8FE-CC9C-D73BECEFC302}"/>
          </ac:spMkLst>
        </pc:spChg>
        <pc:spChg chg="mod">
          <ac:chgData name="White, Alex" userId="eff6cc8c-37d8-483b-9c6c-6b27e9afa9bc" providerId="ADAL" clId="{BF04C754-5BF4-4E83-9615-DB14FA25AF8A}" dt="2023-10-12T11:38:42.377" v="307"/>
          <ac:spMkLst>
            <pc:docMk/>
            <pc:sldMk cId="2376958513" sldId="260"/>
            <ac:spMk id="13127" creationId="{B9C60F7B-E06F-546F-C2FB-4CBCE9230F45}"/>
          </ac:spMkLst>
        </pc:spChg>
        <pc:spChg chg="mod">
          <ac:chgData name="White, Alex" userId="eff6cc8c-37d8-483b-9c6c-6b27e9afa9bc" providerId="ADAL" clId="{BF04C754-5BF4-4E83-9615-DB14FA25AF8A}" dt="2023-10-12T11:38:42.377" v="307"/>
          <ac:spMkLst>
            <pc:docMk/>
            <pc:sldMk cId="2376958513" sldId="260"/>
            <ac:spMk id="13128" creationId="{C007C256-0E13-6EC2-2D3D-75F951A44D9F}"/>
          </ac:spMkLst>
        </pc:spChg>
        <pc:spChg chg="mod">
          <ac:chgData name="White, Alex" userId="eff6cc8c-37d8-483b-9c6c-6b27e9afa9bc" providerId="ADAL" clId="{BF04C754-5BF4-4E83-9615-DB14FA25AF8A}" dt="2023-10-12T11:38:42.377" v="307"/>
          <ac:spMkLst>
            <pc:docMk/>
            <pc:sldMk cId="2376958513" sldId="260"/>
            <ac:spMk id="13129" creationId="{B62C7F4C-6CDB-90A7-D308-9AB640D9FF55}"/>
          </ac:spMkLst>
        </pc:spChg>
        <pc:spChg chg="mod">
          <ac:chgData name="White, Alex" userId="eff6cc8c-37d8-483b-9c6c-6b27e9afa9bc" providerId="ADAL" clId="{BF04C754-5BF4-4E83-9615-DB14FA25AF8A}" dt="2023-10-12T11:38:42.377" v="307"/>
          <ac:spMkLst>
            <pc:docMk/>
            <pc:sldMk cId="2376958513" sldId="260"/>
            <ac:spMk id="13130" creationId="{BAF3D3A8-3FB8-1D9C-D068-10983928763B}"/>
          </ac:spMkLst>
        </pc:spChg>
        <pc:spChg chg="mod">
          <ac:chgData name="White, Alex" userId="eff6cc8c-37d8-483b-9c6c-6b27e9afa9bc" providerId="ADAL" clId="{BF04C754-5BF4-4E83-9615-DB14FA25AF8A}" dt="2023-10-12T11:38:42.377" v="307"/>
          <ac:spMkLst>
            <pc:docMk/>
            <pc:sldMk cId="2376958513" sldId="260"/>
            <ac:spMk id="13131" creationId="{02ABB937-94A6-4DB2-819A-2F1B6838556E}"/>
          </ac:spMkLst>
        </pc:spChg>
        <pc:spChg chg="mod">
          <ac:chgData name="White, Alex" userId="eff6cc8c-37d8-483b-9c6c-6b27e9afa9bc" providerId="ADAL" clId="{BF04C754-5BF4-4E83-9615-DB14FA25AF8A}" dt="2023-10-12T11:38:42.377" v="307"/>
          <ac:spMkLst>
            <pc:docMk/>
            <pc:sldMk cId="2376958513" sldId="260"/>
            <ac:spMk id="13132" creationId="{0ABAF546-C2B0-8897-9E96-1B63736264F5}"/>
          </ac:spMkLst>
        </pc:spChg>
        <pc:spChg chg="mod">
          <ac:chgData name="White, Alex" userId="eff6cc8c-37d8-483b-9c6c-6b27e9afa9bc" providerId="ADAL" clId="{BF04C754-5BF4-4E83-9615-DB14FA25AF8A}" dt="2023-10-12T11:38:42.377" v="307"/>
          <ac:spMkLst>
            <pc:docMk/>
            <pc:sldMk cId="2376958513" sldId="260"/>
            <ac:spMk id="13133" creationId="{56FB03D7-634C-A6D5-47FA-2D8997D1E679}"/>
          </ac:spMkLst>
        </pc:spChg>
        <pc:spChg chg="mod">
          <ac:chgData name="White, Alex" userId="eff6cc8c-37d8-483b-9c6c-6b27e9afa9bc" providerId="ADAL" clId="{BF04C754-5BF4-4E83-9615-DB14FA25AF8A}" dt="2023-10-12T11:38:42.377" v="307"/>
          <ac:spMkLst>
            <pc:docMk/>
            <pc:sldMk cId="2376958513" sldId="260"/>
            <ac:spMk id="13134" creationId="{F7E5EB97-2A4D-25F7-6819-8F8FD4B3498D}"/>
          </ac:spMkLst>
        </pc:spChg>
        <pc:spChg chg="mod">
          <ac:chgData name="White, Alex" userId="eff6cc8c-37d8-483b-9c6c-6b27e9afa9bc" providerId="ADAL" clId="{BF04C754-5BF4-4E83-9615-DB14FA25AF8A}" dt="2023-10-12T11:38:42.377" v="307"/>
          <ac:spMkLst>
            <pc:docMk/>
            <pc:sldMk cId="2376958513" sldId="260"/>
            <ac:spMk id="13135" creationId="{A9A33DB2-E536-8B76-3F6B-78D7EF4CF497}"/>
          </ac:spMkLst>
        </pc:spChg>
        <pc:spChg chg="mod">
          <ac:chgData name="White, Alex" userId="eff6cc8c-37d8-483b-9c6c-6b27e9afa9bc" providerId="ADAL" clId="{BF04C754-5BF4-4E83-9615-DB14FA25AF8A}" dt="2023-10-12T11:38:42.377" v="307"/>
          <ac:spMkLst>
            <pc:docMk/>
            <pc:sldMk cId="2376958513" sldId="260"/>
            <ac:spMk id="13136" creationId="{DD9D8EB8-BDE0-2ED7-5911-13265C5D080F}"/>
          </ac:spMkLst>
        </pc:spChg>
        <pc:spChg chg="mod">
          <ac:chgData name="White, Alex" userId="eff6cc8c-37d8-483b-9c6c-6b27e9afa9bc" providerId="ADAL" clId="{BF04C754-5BF4-4E83-9615-DB14FA25AF8A}" dt="2023-10-12T11:38:42.377" v="307"/>
          <ac:spMkLst>
            <pc:docMk/>
            <pc:sldMk cId="2376958513" sldId="260"/>
            <ac:spMk id="13137" creationId="{0A60A79A-AFE4-2CB9-446D-BC911035229E}"/>
          </ac:spMkLst>
        </pc:spChg>
        <pc:spChg chg="mod">
          <ac:chgData name="White, Alex" userId="eff6cc8c-37d8-483b-9c6c-6b27e9afa9bc" providerId="ADAL" clId="{BF04C754-5BF4-4E83-9615-DB14FA25AF8A}" dt="2023-10-12T11:38:42.377" v="307"/>
          <ac:spMkLst>
            <pc:docMk/>
            <pc:sldMk cId="2376958513" sldId="260"/>
            <ac:spMk id="13138" creationId="{43FD7BF5-CFA6-E834-46F4-4A4374D9E398}"/>
          </ac:spMkLst>
        </pc:spChg>
        <pc:spChg chg="mod">
          <ac:chgData name="White, Alex" userId="eff6cc8c-37d8-483b-9c6c-6b27e9afa9bc" providerId="ADAL" clId="{BF04C754-5BF4-4E83-9615-DB14FA25AF8A}" dt="2023-10-12T11:38:42.377" v="307"/>
          <ac:spMkLst>
            <pc:docMk/>
            <pc:sldMk cId="2376958513" sldId="260"/>
            <ac:spMk id="13139" creationId="{6983FD80-A3D1-D723-FE91-0A09FA28EB93}"/>
          </ac:spMkLst>
        </pc:spChg>
        <pc:spChg chg="mod">
          <ac:chgData name="White, Alex" userId="eff6cc8c-37d8-483b-9c6c-6b27e9afa9bc" providerId="ADAL" clId="{BF04C754-5BF4-4E83-9615-DB14FA25AF8A}" dt="2023-10-12T11:38:42.377" v="307"/>
          <ac:spMkLst>
            <pc:docMk/>
            <pc:sldMk cId="2376958513" sldId="260"/>
            <ac:spMk id="13140" creationId="{A8222450-F491-982E-571C-72ED8C208035}"/>
          </ac:spMkLst>
        </pc:spChg>
        <pc:spChg chg="mod">
          <ac:chgData name="White, Alex" userId="eff6cc8c-37d8-483b-9c6c-6b27e9afa9bc" providerId="ADAL" clId="{BF04C754-5BF4-4E83-9615-DB14FA25AF8A}" dt="2023-10-12T11:38:42.377" v="307"/>
          <ac:spMkLst>
            <pc:docMk/>
            <pc:sldMk cId="2376958513" sldId="260"/>
            <ac:spMk id="13141" creationId="{21F2B8E6-D77E-B7E7-B758-28A9BFAB0951}"/>
          </ac:spMkLst>
        </pc:spChg>
        <pc:spChg chg="mod">
          <ac:chgData name="White, Alex" userId="eff6cc8c-37d8-483b-9c6c-6b27e9afa9bc" providerId="ADAL" clId="{BF04C754-5BF4-4E83-9615-DB14FA25AF8A}" dt="2023-10-12T11:38:42.377" v="307"/>
          <ac:spMkLst>
            <pc:docMk/>
            <pc:sldMk cId="2376958513" sldId="260"/>
            <ac:spMk id="13142" creationId="{97392520-1854-691E-6668-12D537143359}"/>
          </ac:spMkLst>
        </pc:spChg>
        <pc:spChg chg="mod">
          <ac:chgData name="White, Alex" userId="eff6cc8c-37d8-483b-9c6c-6b27e9afa9bc" providerId="ADAL" clId="{BF04C754-5BF4-4E83-9615-DB14FA25AF8A}" dt="2023-10-12T11:38:42.377" v="307"/>
          <ac:spMkLst>
            <pc:docMk/>
            <pc:sldMk cId="2376958513" sldId="260"/>
            <ac:spMk id="13143" creationId="{AE7108C2-8573-9597-7AF7-3858F60CEBB2}"/>
          </ac:spMkLst>
        </pc:spChg>
        <pc:spChg chg="mod">
          <ac:chgData name="White, Alex" userId="eff6cc8c-37d8-483b-9c6c-6b27e9afa9bc" providerId="ADAL" clId="{BF04C754-5BF4-4E83-9615-DB14FA25AF8A}" dt="2023-10-12T11:38:42.377" v="307"/>
          <ac:spMkLst>
            <pc:docMk/>
            <pc:sldMk cId="2376958513" sldId="260"/>
            <ac:spMk id="13144" creationId="{DFA0A563-8008-6A6A-E019-B541BDD3B4C6}"/>
          </ac:spMkLst>
        </pc:spChg>
        <pc:spChg chg="mod">
          <ac:chgData name="White, Alex" userId="eff6cc8c-37d8-483b-9c6c-6b27e9afa9bc" providerId="ADAL" clId="{BF04C754-5BF4-4E83-9615-DB14FA25AF8A}" dt="2023-10-12T11:38:42.377" v="307"/>
          <ac:spMkLst>
            <pc:docMk/>
            <pc:sldMk cId="2376958513" sldId="260"/>
            <ac:spMk id="13145" creationId="{3C5ABA0E-418B-EF2B-0987-E69A14B63D8C}"/>
          </ac:spMkLst>
        </pc:spChg>
        <pc:spChg chg="mod">
          <ac:chgData name="White, Alex" userId="eff6cc8c-37d8-483b-9c6c-6b27e9afa9bc" providerId="ADAL" clId="{BF04C754-5BF4-4E83-9615-DB14FA25AF8A}" dt="2023-10-12T11:38:42.377" v="307"/>
          <ac:spMkLst>
            <pc:docMk/>
            <pc:sldMk cId="2376958513" sldId="260"/>
            <ac:spMk id="13146" creationId="{95BDF91D-0D27-9C8F-8D07-F2289BEA9661}"/>
          </ac:spMkLst>
        </pc:spChg>
        <pc:spChg chg="mod">
          <ac:chgData name="White, Alex" userId="eff6cc8c-37d8-483b-9c6c-6b27e9afa9bc" providerId="ADAL" clId="{BF04C754-5BF4-4E83-9615-DB14FA25AF8A}" dt="2023-10-12T11:38:42.377" v="307"/>
          <ac:spMkLst>
            <pc:docMk/>
            <pc:sldMk cId="2376958513" sldId="260"/>
            <ac:spMk id="13147" creationId="{E25250CE-F1A9-23C4-1533-2C0929F32FC6}"/>
          </ac:spMkLst>
        </pc:spChg>
        <pc:spChg chg="mod">
          <ac:chgData name="White, Alex" userId="eff6cc8c-37d8-483b-9c6c-6b27e9afa9bc" providerId="ADAL" clId="{BF04C754-5BF4-4E83-9615-DB14FA25AF8A}" dt="2023-10-12T11:38:42.377" v="307"/>
          <ac:spMkLst>
            <pc:docMk/>
            <pc:sldMk cId="2376958513" sldId="260"/>
            <ac:spMk id="13148" creationId="{58604017-755D-A6C6-5C16-144D41DCE42C}"/>
          </ac:spMkLst>
        </pc:spChg>
        <pc:spChg chg="mod">
          <ac:chgData name="White, Alex" userId="eff6cc8c-37d8-483b-9c6c-6b27e9afa9bc" providerId="ADAL" clId="{BF04C754-5BF4-4E83-9615-DB14FA25AF8A}" dt="2023-10-12T11:38:42.377" v="307"/>
          <ac:spMkLst>
            <pc:docMk/>
            <pc:sldMk cId="2376958513" sldId="260"/>
            <ac:spMk id="13149" creationId="{8827F1CE-E491-7BCE-83C2-6A7CFDA71619}"/>
          </ac:spMkLst>
        </pc:spChg>
        <pc:spChg chg="mod">
          <ac:chgData name="White, Alex" userId="eff6cc8c-37d8-483b-9c6c-6b27e9afa9bc" providerId="ADAL" clId="{BF04C754-5BF4-4E83-9615-DB14FA25AF8A}" dt="2023-10-12T11:38:42.377" v="307"/>
          <ac:spMkLst>
            <pc:docMk/>
            <pc:sldMk cId="2376958513" sldId="260"/>
            <ac:spMk id="13150" creationId="{7EAE9739-F1C9-4B78-7DC4-136425DF7973}"/>
          </ac:spMkLst>
        </pc:spChg>
        <pc:spChg chg="mod">
          <ac:chgData name="White, Alex" userId="eff6cc8c-37d8-483b-9c6c-6b27e9afa9bc" providerId="ADAL" clId="{BF04C754-5BF4-4E83-9615-DB14FA25AF8A}" dt="2023-10-12T11:38:42.377" v="307"/>
          <ac:spMkLst>
            <pc:docMk/>
            <pc:sldMk cId="2376958513" sldId="260"/>
            <ac:spMk id="13151" creationId="{15AD7A47-4134-225D-3A89-4C4D24C39CF2}"/>
          </ac:spMkLst>
        </pc:spChg>
        <pc:spChg chg="mod">
          <ac:chgData name="White, Alex" userId="eff6cc8c-37d8-483b-9c6c-6b27e9afa9bc" providerId="ADAL" clId="{BF04C754-5BF4-4E83-9615-DB14FA25AF8A}" dt="2023-10-12T11:38:42.377" v="307"/>
          <ac:spMkLst>
            <pc:docMk/>
            <pc:sldMk cId="2376958513" sldId="260"/>
            <ac:spMk id="13152" creationId="{9C74464C-4C90-E286-BF6F-86DCDB9ECC02}"/>
          </ac:spMkLst>
        </pc:spChg>
        <pc:spChg chg="mod">
          <ac:chgData name="White, Alex" userId="eff6cc8c-37d8-483b-9c6c-6b27e9afa9bc" providerId="ADAL" clId="{BF04C754-5BF4-4E83-9615-DB14FA25AF8A}" dt="2023-10-12T11:38:42.377" v="307"/>
          <ac:spMkLst>
            <pc:docMk/>
            <pc:sldMk cId="2376958513" sldId="260"/>
            <ac:spMk id="13153" creationId="{F07CB158-6447-5836-AA84-A41248CBC94B}"/>
          </ac:spMkLst>
        </pc:spChg>
        <pc:spChg chg="mod">
          <ac:chgData name="White, Alex" userId="eff6cc8c-37d8-483b-9c6c-6b27e9afa9bc" providerId="ADAL" clId="{BF04C754-5BF4-4E83-9615-DB14FA25AF8A}" dt="2023-10-12T11:38:42.377" v="307"/>
          <ac:spMkLst>
            <pc:docMk/>
            <pc:sldMk cId="2376958513" sldId="260"/>
            <ac:spMk id="13154" creationId="{4DF5F944-0634-0E2E-04E3-4E7EAB8FFC98}"/>
          </ac:spMkLst>
        </pc:spChg>
        <pc:spChg chg="mod">
          <ac:chgData name="White, Alex" userId="eff6cc8c-37d8-483b-9c6c-6b27e9afa9bc" providerId="ADAL" clId="{BF04C754-5BF4-4E83-9615-DB14FA25AF8A}" dt="2023-10-12T11:38:42.377" v="307"/>
          <ac:spMkLst>
            <pc:docMk/>
            <pc:sldMk cId="2376958513" sldId="260"/>
            <ac:spMk id="13155" creationId="{295C1F6A-77C8-A77A-829C-39FD627A9DFC}"/>
          </ac:spMkLst>
        </pc:spChg>
        <pc:spChg chg="mod">
          <ac:chgData name="White, Alex" userId="eff6cc8c-37d8-483b-9c6c-6b27e9afa9bc" providerId="ADAL" clId="{BF04C754-5BF4-4E83-9615-DB14FA25AF8A}" dt="2023-10-12T11:38:42.377" v="307"/>
          <ac:spMkLst>
            <pc:docMk/>
            <pc:sldMk cId="2376958513" sldId="260"/>
            <ac:spMk id="13156" creationId="{6191A4C9-38A4-B5E2-E5BB-8E50C607B486}"/>
          </ac:spMkLst>
        </pc:spChg>
        <pc:spChg chg="mod">
          <ac:chgData name="White, Alex" userId="eff6cc8c-37d8-483b-9c6c-6b27e9afa9bc" providerId="ADAL" clId="{BF04C754-5BF4-4E83-9615-DB14FA25AF8A}" dt="2023-10-12T11:38:42.377" v="307"/>
          <ac:spMkLst>
            <pc:docMk/>
            <pc:sldMk cId="2376958513" sldId="260"/>
            <ac:spMk id="13157" creationId="{F9BFF1EB-BCE0-EADD-7653-01728E558AB3}"/>
          </ac:spMkLst>
        </pc:spChg>
        <pc:spChg chg="mod">
          <ac:chgData name="White, Alex" userId="eff6cc8c-37d8-483b-9c6c-6b27e9afa9bc" providerId="ADAL" clId="{BF04C754-5BF4-4E83-9615-DB14FA25AF8A}" dt="2023-10-12T11:38:42.377" v="307"/>
          <ac:spMkLst>
            <pc:docMk/>
            <pc:sldMk cId="2376958513" sldId="260"/>
            <ac:spMk id="13158" creationId="{D01B7353-67B2-C989-340E-CD1432065D5A}"/>
          </ac:spMkLst>
        </pc:spChg>
        <pc:spChg chg="mod">
          <ac:chgData name="White, Alex" userId="eff6cc8c-37d8-483b-9c6c-6b27e9afa9bc" providerId="ADAL" clId="{BF04C754-5BF4-4E83-9615-DB14FA25AF8A}" dt="2023-10-12T11:38:42.377" v="307"/>
          <ac:spMkLst>
            <pc:docMk/>
            <pc:sldMk cId="2376958513" sldId="260"/>
            <ac:spMk id="13159" creationId="{A89C4779-625F-9A0F-C5D3-BD7EAF1FCD8E}"/>
          </ac:spMkLst>
        </pc:spChg>
        <pc:spChg chg="mod">
          <ac:chgData name="White, Alex" userId="eff6cc8c-37d8-483b-9c6c-6b27e9afa9bc" providerId="ADAL" clId="{BF04C754-5BF4-4E83-9615-DB14FA25AF8A}" dt="2023-10-12T11:38:42.377" v="307"/>
          <ac:spMkLst>
            <pc:docMk/>
            <pc:sldMk cId="2376958513" sldId="260"/>
            <ac:spMk id="13160" creationId="{3401A402-03CD-1C74-73D2-3CA2F52FB0AD}"/>
          </ac:spMkLst>
        </pc:spChg>
        <pc:spChg chg="mod">
          <ac:chgData name="White, Alex" userId="eff6cc8c-37d8-483b-9c6c-6b27e9afa9bc" providerId="ADAL" clId="{BF04C754-5BF4-4E83-9615-DB14FA25AF8A}" dt="2023-10-12T11:38:42.377" v="307"/>
          <ac:spMkLst>
            <pc:docMk/>
            <pc:sldMk cId="2376958513" sldId="260"/>
            <ac:spMk id="13161" creationId="{6404E028-40AE-8704-C88D-A706F41A4301}"/>
          </ac:spMkLst>
        </pc:spChg>
        <pc:spChg chg="mod">
          <ac:chgData name="White, Alex" userId="eff6cc8c-37d8-483b-9c6c-6b27e9afa9bc" providerId="ADAL" clId="{BF04C754-5BF4-4E83-9615-DB14FA25AF8A}" dt="2023-10-12T11:38:42.377" v="307"/>
          <ac:spMkLst>
            <pc:docMk/>
            <pc:sldMk cId="2376958513" sldId="260"/>
            <ac:spMk id="13162" creationId="{33BEA1CF-3939-4751-7715-03E3C3BDAB2A}"/>
          </ac:spMkLst>
        </pc:spChg>
        <pc:spChg chg="mod">
          <ac:chgData name="White, Alex" userId="eff6cc8c-37d8-483b-9c6c-6b27e9afa9bc" providerId="ADAL" clId="{BF04C754-5BF4-4E83-9615-DB14FA25AF8A}" dt="2023-10-12T11:38:42.377" v="307"/>
          <ac:spMkLst>
            <pc:docMk/>
            <pc:sldMk cId="2376958513" sldId="260"/>
            <ac:spMk id="13163" creationId="{568DE685-BAEB-EA47-880D-0B4849E0C805}"/>
          </ac:spMkLst>
        </pc:spChg>
        <pc:spChg chg="mod">
          <ac:chgData name="White, Alex" userId="eff6cc8c-37d8-483b-9c6c-6b27e9afa9bc" providerId="ADAL" clId="{BF04C754-5BF4-4E83-9615-DB14FA25AF8A}" dt="2023-10-12T11:38:42.377" v="307"/>
          <ac:spMkLst>
            <pc:docMk/>
            <pc:sldMk cId="2376958513" sldId="260"/>
            <ac:spMk id="13164" creationId="{2C273B39-0B48-58E0-E402-04A186E92913}"/>
          </ac:spMkLst>
        </pc:spChg>
        <pc:spChg chg="mod">
          <ac:chgData name="White, Alex" userId="eff6cc8c-37d8-483b-9c6c-6b27e9afa9bc" providerId="ADAL" clId="{BF04C754-5BF4-4E83-9615-DB14FA25AF8A}" dt="2023-10-12T11:38:42.377" v="307"/>
          <ac:spMkLst>
            <pc:docMk/>
            <pc:sldMk cId="2376958513" sldId="260"/>
            <ac:spMk id="13165" creationId="{79DDB6E7-61DE-0DD7-3DE8-96926A7B75BF}"/>
          </ac:spMkLst>
        </pc:spChg>
        <pc:spChg chg="mod">
          <ac:chgData name="White, Alex" userId="eff6cc8c-37d8-483b-9c6c-6b27e9afa9bc" providerId="ADAL" clId="{BF04C754-5BF4-4E83-9615-DB14FA25AF8A}" dt="2023-10-12T11:38:42.377" v="307"/>
          <ac:spMkLst>
            <pc:docMk/>
            <pc:sldMk cId="2376958513" sldId="260"/>
            <ac:spMk id="13166" creationId="{C6F429C3-5735-49DD-3D08-5AE78DC913DC}"/>
          </ac:spMkLst>
        </pc:spChg>
        <pc:spChg chg="mod">
          <ac:chgData name="White, Alex" userId="eff6cc8c-37d8-483b-9c6c-6b27e9afa9bc" providerId="ADAL" clId="{BF04C754-5BF4-4E83-9615-DB14FA25AF8A}" dt="2023-10-12T11:38:42.377" v="307"/>
          <ac:spMkLst>
            <pc:docMk/>
            <pc:sldMk cId="2376958513" sldId="260"/>
            <ac:spMk id="13167" creationId="{A3971E30-4D63-27A5-68E7-EACF91E1231B}"/>
          </ac:spMkLst>
        </pc:spChg>
        <pc:spChg chg="mod">
          <ac:chgData name="White, Alex" userId="eff6cc8c-37d8-483b-9c6c-6b27e9afa9bc" providerId="ADAL" clId="{BF04C754-5BF4-4E83-9615-DB14FA25AF8A}" dt="2023-10-12T11:38:42.377" v="307"/>
          <ac:spMkLst>
            <pc:docMk/>
            <pc:sldMk cId="2376958513" sldId="260"/>
            <ac:spMk id="13168" creationId="{EE0C277B-AF5E-112C-7643-C00B9A83EA3F}"/>
          </ac:spMkLst>
        </pc:spChg>
        <pc:spChg chg="mod">
          <ac:chgData name="White, Alex" userId="eff6cc8c-37d8-483b-9c6c-6b27e9afa9bc" providerId="ADAL" clId="{BF04C754-5BF4-4E83-9615-DB14FA25AF8A}" dt="2023-10-12T11:38:42.377" v="307"/>
          <ac:spMkLst>
            <pc:docMk/>
            <pc:sldMk cId="2376958513" sldId="260"/>
            <ac:spMk id="13169" creationId="{292A5BDA-F8C9-7F01-71ED-77D704724C01}"/>
          </ac:spMkLst>
        </pc:spChg>
        <pc:spChg chg="mod">
          <ac:chgData name="White, Alex" userId="eff6cc8c-37d8-483b-9c6c-6b27e9afa9bc" providerId="ADAL" clId="{BF04C754-5BF4-4E83-9615-DB14FA25AF8A}" dt="2023-10-12T11:38:42.377" v="307"/>
          <ac:spMkLst>
            <pc:docMk/>
            <pc:sldMk cId="2376958513" sldId="260"/>
            <ac:spMk id="13170" creationId="{94282BD4-B083-CAD2-64FA-FBF81DF2E55B}"/>
          </ac:spMkLst>
        </pc:spChg>
        <pc:spChg chg="mod">
          <ac:chgData name="White, Alex" userId="eff6cc8c-37d8-483b-9c6c-6b27e9afa9bc" providerId="ADAL" clId="{BF04C754-5BF4-4E83-9615-DB14FA25AF8A}" dt="2023-10-12T11:38:42.377" v="307"/>
          <ac:spMkLst>
            <pc:docMk/>
            <pc:sldMk cId="2376958513" sldId="260"/>
            <ac:spMk id="13171" creationId="{1BA1084B-0AE2-56BE-4BD2-3E7F2E2A2359}"/>
          </ac:spMkLst>
        </pc:spChg>
        <pc:spChg chg="mod">
          <ac:chgData name="White, Alex" userId="eff6cc8c-37d8-483b-9c6c-6b27e9afa9bc" providerId="ADAL" clId="{BF04C754-5BF4-4E83-9615-DB14FA25AF8A}" dt="2023-10-12T11:38:42.377" v="307"/>
          <ac:spMkLst>
            <pc:docMk/>
            <pc:sldMk cId="2376958513" sldId="260"/>
            <ac:spMk id="13172" creationId="{7D909D29-65FA-9D7A-192C-FF75DA5C6930}"/>
          </ac:spMkLst>
        </pc:spChg>
        <pc:spChg chg="mod">
          <ac:chgData name="White, Alex" userId="eff6cc8c-37d8-483b-9c6c-6b27e9afa9bc" providerId="ADAL" clId="{BF04C754-5BF4-4E83-9615-DB14FA25AF8A}" dt="2023-10-12T11:38:42.377" v="307"/>
          <ac:spMkLst>
            <pc:docMk/>
            <pc:sldMk cId="2376958513" sldId="260"/>
            <ac:spMk id="13173" creationId="{02493864-5D70-6C12-BF4C-084AA77A4AAB}"/>
          </ac:spMkLst>
        </pc:spChg>
        <pc:spChg chg="mod">
          <ac:chgData name="White, Alex" userId="eff6cc8c-37d8-483b-9c6c-6b27e9afa9bc" providerId="ADAL" clId="{BF04C754-5BF4-4E83-9615-DB14FA25AF8A}" dt="2023-10-12T11:38:42.377" v="307"/>
          <ac:spMkLst>
            <pc:docMk/>
            <pc:sldMk cId="2376958513" sldId="260"/>
            <ac:spMk id="13174" creationId="{7AFBDD06-3DBA-DA31-39C2-B6CAB8640382}"/>
          </ac:spMkLst>
        </pc:spChg>
        <pc:spChg chg="mod">
          <ac:chgData name="White, Alex" userId="eff6cc8c-37d8-483b-9c6c-6b27e9afa9bc" providerId="ADAL" clId="{BF04C754-5BF4-4E83-9615-DB14FA25AF8A}" dt="2023-10-12T11:38:42.377" v="307"/>
          <ac:spMkLst>
            <pc:docMk/>
            <pc:sldMk cId="2376958513" sldId="260"/>
            <ac:spMk id="13175" creationId="{E876CE27-F732-CB93-4060-B9BBDCB9E19C}"/>
          </ac:spMkLst>
        </pc:spChg>
        <pc:spChg chg="mod">
          <ac:chgData name="White, Alex" userId="eff6cc8c-37d8-483b-9c6c-6b27e9afa9bc" providerId="ADAL" clId="{BF04C754-5BF4-4E83-9615-DB14FA25AF8A}" dt="2023-10-12T11:38:42.377" v="307"/>
          <ac:spMkLst>
            <pc:docMk/>
            <pc:sldMk cId="2376958513" sldId="260"/>
            <ac:spMk id="13176" creationId="{2B974F7F-C443-C190-F495-456ACFECB4E1}"/>
          </ac:spMkLst>
        </pc:spChg>
        <pc:spChg chg="mod">
          <ac:chgData name="White, Alex" userId="eff6cc8c-37d8-483b-9c6c-6b27e9afa9bc" providerId="ADAL" clId="{BF04C754-5BF4-4E83-9615-DB14FA25AF8A}" dt="2023-10-12T11:38:42.377" v="307"/>
          <ac:spMkLst>
            <pc:docMk/>
            <pc:sldMk cId="2376958513" sldId="260"/>
            <ac:spMk id="13177" creationId="{5CCB6D4A-2C8C-33B1-97CD-66A471BD4584}"/>
          </ac:spMkLst>
        </pc:spChg>
        <pc:spChg chg="mod">
          <ac:chgData name="White, Alex" userId="eff6cc8c-37d8-483b-9c6c-6b27e9afa9bc" providerId="ADAL" clId="{BF04C754-5BF4-4E83-9615-DB14FA25AF8A}" dt="2023-10-12T11:38:42.377" v="307"/>
          <ac:spMkLst>
            <pc:docMk/>
            <pc:sldMk cId="2376958513" sldId="260"/>
            <ac:spMk id="13178" creationId="{EDFAAD55-5D03-6582-368D-5DF686DBC353}"/>
          </ac:spMkLst>
        </pc:spChg>
        <pc:spChg chg="mod">
          <ac:chgData name="White, Alex" userId="eff6cc8c-37d8-483b-9c6c-6b27e9afa9bc" providerId="ADAL" clId="{BF04C754-5BF4-4E83-9615-DB14FA25AF8A}" dt="2023-10-12T11:38:42.377" v="307"/>
          <ac:spMkLst>
            <pc:docMk/>
            <pc:sldMk cId="2376958513" sldId="260"/>
            <ac:spMk id="13179" creationId="{1F1D1CD4-DED0-5A86-B695-BF1B5913A597}"/>
          </ac:spMkLst>
        </pc:spChg>
        <pc:spChg chg="mod">
          <ac:chgData name="White, Alex" userId="eff6cc8c-37d8-483b-9c6c-6b27e9afa9bc" providerId="ADAL" clId="{BF04C754-5BF4-4E83-9615-DB14FA25AF8A}" dt="2023-10-12T11:38:42.377" v="307"/>
          <ac:spMkLst>
            <pc:docMk/>
            <pc:sldMk cId="2376958513" sldId="260"/>
            <ac:spMk id="13180" creationId="{2B359444-C296-F3A8-CD83-77BA091FDEA8}"/>
          </ac:spMkLst>
        </pc:spChg>
        <pc:spChg chg="mod">
          <ac:chgData name="White, Alex" userId="eff6cc8c-37d8-483b-9c6c-6b27e9afa9bc" providerId="ADAL" clId="{BF04C754-5BF4-4E83-9615-DB14FA25AF8A}" dt="2023-10-12T11:38:42.377" v="307"/>
          <ac:spMkLst>
            <pc:docMk/>
            <pc:sldMk cId="2376958513" sldId="260"/>
            <ac:spMk id="13181" creationId="{9860D04C-CDDA-6646-F80A-1579A769CF73}"/>
          </ac:spMkLst>
        </pc:spChg>
        <pc:spChg chg="mod">
          <ac:chgData name="White, Alex" userId="eff6cc8c-37d8-483b-9c6c-6b27e9afa9bc" providerId="ADAL" clId="{BF04C754-5BF4-4E83-9615-DB14FA25AF8A}" dt="2023-10-12T11:38:42.377" v="307"/>
          <ac:spMkLst>
            <pc:docMk/>
            <pc:sldMk cId="2376958513" sldId="260"/>
            <ac:spMk id="13182" creationId="{10E29155-7A3F-469B-8D7D-309C8403BD92}"/>
          </ac:spMkLst>
        </pc:spChg>
        <pc:spChg chg="mod">
          <ac:chgData name="White, Alex" userId="eff6cc8c-37d8-483b-9c6c-6b27e9afa9bc" providerId="ADAL" clId="{BF04C754-5BF4-4E83-9615-DB14FA25AF8A}" dt="2023-10-12T11:38:42.377" v="307"/>
          <ac:spMkLst>
            <pc:docMk/>
            <pc:sldMk cId="2376958513" sldId="260"/>
            <ac:spMk id="13183" creationId="{BB0950DB-4CCC-5C52-130A-76E0C2394916}"/>
          </ac:spMkLst>
        </pc:spChg>
        <pc:spChg chg="mod">
          <ac:chgData name="White, Alex" userId="eff6cc8c-37d8-483b-9c6c-6b27e9afa9bc" providerId="ADAL" clId="{BF04C754-5BF4-4E83-9615-DB14FA25AF8A}" dt="2023-10-12T11:38:42.377" v="307"/>
          <ac:spMkLst>
            <pc:docMk/>
            <pc:sldMk cId="2376958513" sldId="260"/>
            <ac:spMk id="13184" creationId="{B454576D-0F0C-6CBE-756F-B2D36AB8EE81}"/>
          </ac:spMkLst>
        </pc:spChg>
        <pc:spChg chg="mod">
          <ac:chgData name="White, Alex" userId="eff6cc8c-37d8-483b-9c6c-6b27e9afa9bc" providerId="ADAL" clId="{BF04C754-5BF4-4E83-9615-DB14FA25AF8A}" dt="2023-10-12T11:38:42.377" v="307"/>
          <ac:spMkLst>
            <pc:docMk/>
            <pc:sldMk cId="2376958513" sldId="260"/>
            <ac:spMk id="13185" creationId="{93997590-187A-CB24-A3A2-2D9D92D41E3E}"/>
          </ac:spMkLst>
        </pc:spChg>
        <pc:spChg chg="mod">
          <ac:chgData name="White, Alex" userId="eff6cc8c-37d8-483b-9c6c-6b27e9afa9bc" providerId="ADAL" clId="{BF04C754-5BF4-4E83-9615-DB14FA25AF8A}" dt="2023-10-12T11:38:42.377" v="307"/>
          <ac:spMkLst>
            <pc:docMk/>
            <pc:sldMk cId="2376958513" sldId="260"/>
            <ac:spMk id="13186" creationId="{930605A3-2115-C37B-0D44-71127B58BE28}"/>
          </ac:spMkLst>
        </pc:spChg>
        <pc:spChg chg="mod">
          <ac:chgData name="White, Alex" userId="eff6cc8c-37d8-483b-9c6c-6b27e9afa9bc" providerId="ADAL" clId="{BF04C754-5BF4-4E83-9615-DB14FA25AF8A}" dt="2023-10-12T11:38:42.377" v="307"/>
          <ac:spMkLst>
            <pc:docMk/>
            <pc:sldMk cId="2376958513" sldId="260"/>
            <ac:spMk id="13187" creationId="{C264E3CE-08E4-B327-5C8C-DFDC2DFCB40F}"/>
          </ac:spMkLst>
        </pc:spChg>
        <pc:spChg chg="mod">
          <ac:chgData name="White, Alex" userId="eff6cc8c-37d8-483b-9c6c-6b27e9afa9bc" providerId="ADAL" clId="{BF04C754-5BF4-4E83-9615-DB14FA25AF8A}" dt="2023-10-12T11:38:42.377" v="307"/>
          <ac:spMkLst>
            <pc:docMk/>
            <pc:sldMk cId="2376958513" sldId="260"/>
            <ac:spMk id="13188" creationId="{254CFF61-AA73-C039-4932-4417FBFC86A7}"/>
          </ac:spMkLst>
        </pc:spChg>
        <pc:spChg chg="mod">
          <ac:chgData name="White, Alex" userId="eff6cc8c-37d8-483b-9c6c-6b27e9afa9bc" providerId="ADAL" clId="{BF04C754-5BF4-4E83-9615-DB14FA25AF8A}" dt="2023-10-12T11:38:42.377" v="307"/>
          <ac:spMkLst>
            <pc:docMk/>
            <pc:sldMk cId="2376958513" sldId="260"/>
            <ac:spMk id="13189" creationId="{C2F7CDF4-ED9B-D6D9-1EA8-A77A89896BA9}"/>
          </ac:spMkLst>
        </pc:spChg>
        <pc:spChg chg="mod">
          <ac:chgData name="White, Alex" userId="eff6cc8c-37d8-483b-9c6c-6b27e9afa9bc" providerId="ADAL" clId="{BF04C754-5BF4-4E83-9615-DB14FA25AF8A}" dt="2023-10-12T11:38:42.377" v="307"/>
          <ac:spMkLst>
            <pc:docMk/>
            <pc:sldMk cId="2376958513" sldId="260"/>
            <ac:spMk id="13190" creationId="{BD9232E9-46F8-DA98-7869-57B93DAC9ADC}"/>
          </ac:spMkLst>
        </pc:spChg>
        <pc:spChg chg="mod">
          <ac:chgData name="White, Alex" userId="eff6cc8c-37d8-483b-9c6c-6b27e9afa9bc" providerId="ADAL" clId="{BF04C754-5BF4-4E83-9615-DB14FA25AF8A}" dt="2023-10-12T11:38:42.377" v="307"/>
          <ac:spMkLst>
            <pc:docMk/>
            <pc:sldMk cId="2376958513" sldId="260"/>
            <ac:spMk id="13191" creationId="{665B81E2-5D0B-CD9D-CC3A-57B08694C956}"/>
          </ac:spMkLst>
        </pc:spChg>
        <pc:spChg chg="mod">
          <ac:chgData name="White, Alex" userId="eff6cc8c-37d8-483b-9c6c-6b27e9afa9bc" providerId="ADAL" clId="{BF04C754-5BF4-4E83-9615-DB14FA25AF8A}" dt="2023-10-12T11:38:42.377" v="307"/>
          <ac:spMkLst>
            <pc:docMk/>
            <pc:sldMk cId="2376958513" sldId="260"/>
            <ac:spMk id="13192" creationId="{9C8CD73B-513F-DA20-0A36-96C0D6E8D5AC}"/>
          </ac:spMkLst>
        </pc:spChg>
        <pc:spChg chg="mod">
          <ac:chgData name="White, Alex" userId="eff6cc8c-37d8-483b-9c6c-6b27e9afa9bc" providerId="ADAL" clId="{BF04C754-5BF4-4E83-9615-DB14FA25AF8A}" dt="2023-10-12T11:38:42.377" v="307"/>
          <ac:spMkLst>
            <pc:docMk/>
            <pc:sldMk cId="2376958513" sldId="260"/>
            <ac:spMk id="13193" creationId="{24B44B77-D137-8CAA-C9CB-8AD5F359869B}"/>
          </ac:spMkLst>
        </pc:spChg>
        <pc:spChg chg="mod">
          <ac:chgData name="White, Alex" userId="eff6cc8c-37d8-483b-9c6c-6b27e9afa9bc" providerId="ADAL" clId="{BF04C754-5BF4-4E83-9615-DB14FA25AF8A}" dt="2023-10-12T11:38:42.377" v="307"/>
          <ac:spMkLst>
            <pc:docMk/>
            <pc:sldMk cId="2376958513" sldId="260"/>
            <ac:spMk id="13194" creationId="{79E74A72-C9C8-1036-249D-131E0723D899}"/>
          </ac:spMkLst>
        </pc:spChg>
        <pc:spChg chg="mod">
          <ac:chgData name="White, Alex" userId="eff6cc8c-37d8-483b-9c6c-6b27e9afa9bc" providerId="ADAL" clId="{BF04C754-5BF4-4E83-9615-DB14FA25AF8A}" dt="2023-10-12T11:38:42.377" v="307"/>
          <ac:spMkLst>
            <pc:docMk/>
            <pc:sldMk cId="2376958513" sldId="260"/>
            <ac:spMk id="13195" creationId="{749E4D39-9F2A-C75E-A60C-77B5B5E4C74A}"/>
          </ac:spMkLst>
        </pc:spChg>
        <pc:spChg chg="mod">
          <ac:chgData name="White, Alex" userId="eff6cc8c-37d8-483b-9c6c-6b27e9afa9bc" providerId="ADAL" clId="{BF04C754-5BF4-4E83-9615-DB14FA25AF8A}" dt="2023-10-12T11:38:42.377" v="307"/>
          <ac:spMkLst>
            <pc:docMk/>
            <pc:sldMk cId="2376958513" sldId="260"/>
            <ac:spMk id="13196" creationId="{F9A157EA-60A9-6DD3-02C6-18A243DEB3C9}"/>
          </ac:spMkLst>
        </pc:spChg>
        <pc:spChg chg="mod">
          <ac:chgData name="White, Alex" userId="eff6cc8c-37d8-483b-9c6c-6b27e9afa9bc" providerId="ADAL" clId="{BF04C754-5BF4-4E83-9615-DB14FA25AF8A}" dt="2023-10-12T11:38:42.377" v="307"/>
          <ac:spMkLst>
            <pc:docMk/>
            <pc:sldMk cId="2376958513" sldId="260"/>
            <ac:spMk id="13197" creationId="{296F60C9-D5C7-C633-55C8-DF028146767B}"/>
          </ac:spMkLst>
        </pc:spChg>
        <pc:spChg chg="mod">
          <ac:chgData name="White, Alex" userId="eff6cc8c-37d8-483b-9c6c-6b27e9afa9bc" providerId="ADAL" clId="{BF04C754-5BF4-4E83-9615-DB14FA25AF8A}" dt="2023-10-12T11:38:42.377" v="307"/>
          <ac:spMkLst>
            <pc:docMk/>
            <pc:sldMk cId="2376958513" sldId="260"/>
            <ac:spMk id="13198" creationId="{AB1D077E-79F8-D7D1-3175-91F299547EC5}"/>
          </ac:spMkLst>
        </pc:spChg>
        <pc:spChg chg="mod">
          <ac:chgData name="White, Alex" userId="eff6cc8c-37d8-483b-9c6c-6b27e9afa9bc" providerId="ADAL" clId="{BF04C754-5BF4-4E83-9615-DB14FA25AF8A}" dt="2023-10-12T11:38:42.377" v="307"/>
          <ac:spMkLst>
            <pc:docMk/>
            <pc:sldMk cId="2376958513" sldId="260"/>
            <ac:spMk id="13199" creationId="{01D813CA-5BDE-5245-C0FD-E515D6C24EF5}"/>
          </ac:spMkLst>
        </pc:spChg>
        <pc:spChg chg="mod">
          <ac:chgData name="White, Alex" userId="eff6cc8c-37d8-483b-9c6c-6b27e9afa9bc" providerId="ADAL" clId="{BF04C754-5BF4-4E83-9615-DB14FA25AF8A}" dt="2023-10-12T11:38:42.377" v="307"/>
          <ac:spMkLst>
            <pc:docMk/>
            <pc:sldMk cId="2376958513" sldId="260"/>
            <ac:spMk id="13200" creationId="{A2E2F61E-7AE3-0E03-66CF-22027F07B13F}"/>
          </ac:spMkLst>
        </pc:spChg>
        <pc:spChg chg="mod">
          <ac:chgData name="White, Alex" userId="eff6cc8c-37d8-483b-9c6c-6b27e9afa9bc" providerId="ADAL" clId="{BF04C754-5BF4-4E83-9615-DB14FA25AF8A}" dt="2023-10-12T11:38:42.377" v="307"/>
          <ac:spMkLst>
            <pc:docMk/>
            <pc:sldMk cId="2376958513" sldId="260"/>
            <ac:spMk id="13201" creationId="{D6EEC648-2787-4208-92EF-679E5CA23423}"/>
          </ac:spMkLst>
        </pc:spChg>
        <pc:spChg chg="mod">
          <ac:chgData name="White, Alex" userId="eff6cc8c-37d8-483b-9c6c-6b27e9afa9bc" providerId="ADAL" clId="{BF04C754-5BF4-4E83-9615-DB14FA25AF8A}" dt="2023-10-12T11:38:42.377" v="307"/>
          <ac:spMkLst>
            <pc:docMk/>
            <pc:sldMk cId="2376958513" sldId="260"/>
            <ac:spMk id="13202" creationId="{B9CC2CDD-C77D-04B9-228E-E55749CE49DF}"/>
          </ac:spMkLst>
        </pc:spChg>
        <pc:spChg chg="mod">
          <ac:chgData name="White, Alex" userId="eff6cc8c-37d8-483b-9c6c-6b27e9afa9bc" providerId="ADAL" clId="{BF04C754-5BF4-4E83-9615-DB14FA25AF8A}" dt="2023-10-12T11:38:42.377" v="307"/>
          <ac:spMkLst>
            <pc:docMk/>
            <pc:sldMk cId="2376958513" sldId="260"/>
            <ac:spMk id="13203" creationId="{FA591D47-6994-F407-EE7F-54EDCC2A7052}"/>
          </ac:spMkLst>
        </pc:spChg>
        <pc:spChg chg="mod">
          <ac:chgData name="White, Alex" userId="eff6cc8c-37d8-483b-9c6c-6b27e9afa9bc" providerId="ADAL" clId="{BF04C754-5BF4-4E83-9615-DB14FA25AF8A}" dt="2023-10-12T11:38:42.377" v="307"/>
          <ac:spMkLst>
            <pc:docMk/>
            <pc:sldMk cId="2376958513" sldId="260"/>
            <ac:spMk id="13204" creationId="{46A430BA-D95E-CB68-A658-B728E13E93CF}"/>
          </ac:spMkLst>
        </pc:spChg>
        <pc:spChg chg="mod">
          <ac:chgData name="White, Alex" userId="eff6cc8c-37d8-483b-9c6c-6b27e9afa9bc" providerId="ADAL" clId="{BF04C754-5BF4-4E83-9615-DB14FA25AF8A}" dt="2023-10-12T11:38:42.377" v="307"/>
          <ac:spMkLst>
            <pc:docMk/>
            <pc:sldMk cId="2376958513" sldId="260"/>
            <ac:spMk id="13205" creationId="{113E2387-EE48-1786-4404-6AF25B783107}"/>
          </ac:spMkLst>
        </pc:spChg>
        <pc:spChg chg="mod">
          <ac:chgData name="White, Alex" userId="eff6cc8c-37d8-483b-9c6c-6b27e9afa9bc" providerId="ADAL" clId="{BF04C754-5BF4-4E83-9615-DB14FA25AF8A}" dt="2023-10-12T11:38:42.377" v="307"/>
          <ac:spMkLst>
            <pc:docMk/>
            <pc:sldMk cId="2376958513" sldId="260"/>
            <ac:spMk id="13206" creationId="{C326F28B-7851-3074-FE71-7E472F5D1F7A}"/>
          </ac:spMkLst>
        </pc:spChg>
        <pc:spChg chg="mod">
          <ac:chgData name="White, Alex" userId="eff6cc8c-37d8-483b-9c6c-6b27e9afa9bc" providerId="ADAL" clId="{BF04C754-5BF4-4E83-9615-DB14FA25AF8A}" dt="2023-10-12T11:38:42.377" v="307"/>
          <ac:spMkLst>
            <pc:docMk/>
            <pc:sldMk cId="2376958513" sldId="260"/>
            <ac:spMk id="13207" creationId="{6D4A620E-8D95-85D6-2786-8DBA92A884D6}"/>
          </ac:spMkLst>
        </pc:spChg>
        <pc:spChg chg="mod">
          <ac:chgData name="White, Alex" userId="eff6cc8c-37d8-483b-9c6c-6b27e9afa9bc" providerId="ADAL" clId="{BF04C754-5BF4-4E83-9615-DB14FA25AF8A}" dt="2023-10-12T11:38:42.377" v="307"/>
          <ac:spMkLst>
            <pc:docMk/>
            <pc:sldMk cId="2376958513" sldId="260"/>
            <ac:spMk id="13208" creationId="{397082DB-0CA1-9700-D890-15624BC7B691}"/>
          </ac:spMkLst>
        </pc:spChg>
        <pc:spChg chg="mod">
          <ac:chgData name="White, Alex" userId="eff6cc8c-37d8-483b-9c6c-6b27e9afa9bc" providerId="ADAL" clId="{BF04C754-5BF4-4E83-9615-DB14FA25AF8A}" dt="2023-10-12T11:38:42.377" v="307"/>
          <ac:spMkLst>
            <pc:docMk/>
            <pc:sldMk cId="2376958513" sldId="260"/>
            <ac:spMk id="13209" creationId="{268A6CA2-E1C4-8BDE-1230-050F0F9887D0}"/>
          </ac:spMkLst>
        </pc:spChg>
        <pc:spChg chg="mod">
          <ac:chgData name="White, Alex" userId="eff6cc8c-37d8-483b-9c6c-6b27e9afa9bc" providerId="ADAL" clId="{BF04C754-5BF4-4E83-9615-DB14FA25AF8A}" dt="2023-10-12T11:38:42.377" v="307"/>
          <ac:spMkLst>
            <pc:docMk/>
            <pc:sldMk cId="2376958513" sldId="260"/>
            <ac:spMk id="13210" creationId="{8BA94DEA-F562-D6C2-CA0A-6E1ADAB59131}"/>
          </ac:spMkLst>
        </pc:spChg>
        <pc:spChg chg="mod">
          <ac:chgData name="White, Alex" userId="eff6cc8c-37d8-483b-9c6c-6b27e9afa9bc" providerId="ADAL" clId="{BF04C754-5BF4-4E83-9615-DB14FA25AF8A}" dt="2023-10-12T11:38:42.377" v="307"/>
          <ac:spMkLst>
            <pc:docMk/>
            <pc:sldMk cId="2376958513" sldId="260"/>
            <ac:spMk id="13211" creationId="{0983FDA4-13C5-B6F8-6351-01850B46565E}"/>
          </ac:spMkLst>
        </pc:spChg>
        <pc:spChg chg="mod">
          <ac:chgData name="White, Alex" userId="eff6cc8c-37d8-483b-9c6c-6b27e9afa9bc" providerId="ADAL" clId="{BF04C754-5BF4-4E83-9615-DB14FA25AF8A}" dt="2023-10-12T11:38:42.377" v="307"/>
          <ac:spMkLst>
            <pc:docMk/>
            <pc:sldMk cId="2376958513" sldId="260"/>
            <ac:spMk id="13212" creationId="{7E8CEB3D-23F9-A835-75AF-32C10CFEB3FC}"/>
          </ac:spMkLst>
        </pc:spChg>
        <pc:spChg chg="mod">
          <ac:chgData name="White, Alex" userId="eff6cc8c-37d8-483b-9c6c-6b27e9afa9bc" providerId="ADAL" clId="{BF04C754-5BF4-4E83-9615-DB14FA25AF8A}" dt="2023-10-12T11:38:42.377" v="307"/>
          <ac:spMkLst>
            <pc:docMk/>
            <pc:sldMk cId="2376958513" sldId="260"/>
            <ac:spMk id="13213" creationId="{821BC4D2-DB2A-DA0B-08DC-71D71416BD2D}"/>
          </ac:spMkLst>
        </pc:spChg>
        <pc:spChg chg="mod">
          <ac:chgData name="White, Alex" userId="eff6cc8c-37d8-483b-9c6c-6b27e9afa9bc" providerId="ADAL" clId="{BF04C754-5BF4-4E83-9615-DB14FA25AF8A}" dt="2023-10-12T11:38:42.377" v="307"/>
          <ac:spMkLst>
            <pc:docMk/>
            <pc:sldMk cId="2376958513" sldId="260"/>
            <ac:spMk id="13214" creationId="{3E92E718-545A-80BF-B288-A336872422F8}"/>
          </ac:spMkLst>
        </pc:spChg>
        <pc:spChg chg="mod">
          <ac:chgData name="White, Alex" userId="eff6cc8c-37d8-483b-9c6c-6b27e9afa9bc" providerId="ADAL" clId="{BF04C754-5BF4-4E83-9615-DB14FA25AF8A}" dt="2023-10-12T11:38:42.377" v="307"/>
          <ac:spMkLst>
            <pc:docMk/>
            <pc:sldMk cId="2376958513" sldId="260"/>
            <ac:spMk id="13215" creationId="{5742FA88-7F89-3A48-98C3-F9E59F026AAC}"/>
          </ac:spMkLst>
        </pc:spChg>
        <pc:spChg chg="mod">
          <ac:chgData name="White, Alex" userId="eff6cc8c-37d8-483b-9c6c-6b27e9afa9bc" providerId="ADAL" clId="{BF04C754-5BF4-4E83-9615-DB14FA25AF8A}" dt="2023-10-12T11:38:42.377" v="307"/>
          <ac:spMkLst>
            <pc:docMk/>
            <pc:sldMk cId="2376958513" sldId="260"/>
            <ac:spMk id="13216" creationId="{98F5FED9-BEDB-D9A2-A8E6-49136B610B70}"/>
          </ac:spMkLst>
        </pc:spChg>
        <pc:spChg chg="mod">
          <ac:chgData name="White, Alex" userId="eff6cc8c-37d8-483b-9c6c-6b27e9afa9bc" providerId="ADAL" clId="{BF04C754-5BF4-4E83-9615-DB14FA25AF8A}" dt="2023-10-12T11:38:42.377" v="307"/>
          <ac:spMkLst>
            <pc:docMk/>
            <pc:sldMk cId="2376958513" sldId="260"/>
            <ac:spMk id="13217" creationId="{DF57E50C-8C7D-23BE-EB4A-2A8D196F71CD}"/>
          </ac:spMkLst>
        </pc:spChg>
        <pc:spChg chg="mod">
          <ac:chgData name="White, Alex" userId="eff6cc8c-37d8-483b-9c6c-6b27e9afa9bc" providerId="ADAL" clId="{BF04C754-5BF4-4E83-9615-DB14FA25AF8A}" dt="2023-10-12T11:38:42.377" v="307"/>
          <ac:spMkLst>
            <pc:docMk/>
            <pc:sldMk cId="2376958513" sldId="260"/>
            <ac:spMk id="13218" creationId="{0A155975-9A8E-86CC-573A-5124DBA93D39}"/>
          </ac:spMkLst>
        </pc:spChg>
        <pc:spChg chg="mod">
          <ac:chgData name="White, Alex" userId="eff6cc8c-37d8-483b-9c6c-6b27e9afa9bc" providerId="ADAL" clId="{BF04C754-5BF4-4E83-9615-DB14FA25AF8A}" dt="2023-10-12T11:38:42.377" v="307"/>
          <ac:spMkLst>
            <pc:docMk/>
            <pc:sldMk cId="2376958513" sldId="260"/>
            <ac:spMk id="13219" creationId="{C6C56B84-34C0-F360-325E-3DEA0883EEB9}"/>
          </ac:spMkLst>
        </pc:spChg>
        <pc:spChg chg="mod">
          <ac:chgData name="White, Alex" userId="eff6cc8c-37d8-483b-9c6c-6b27e9afa9bc" providerId="ADAL" clId="{BF04C754-5BF4-4E83-9615-DB14FA25AF8A}" dt="2023-10-12T11:38:42.377" v="307"/>
          <ac:spMkLst>
            <pc:docMk/>
            <pc:sldMk cId="2376958513" sldId="260"/>
            <ac:spMk id="13220" creationId="{27913E92-681E-775B-B86A-454AAF6A306D}"/>
          </ac:spMkLst>
        </pc:spChg>
        <pc:spChg chg="mod">
          <ac:chgData name="White, Alex" userId="eff6cc8c-37d8-483b-9c6c-6b27e9afa9bc" providerId="ADAL" clId="{BF04C754-5BF4-4E83-9615-DB14FA25AF8A}" dt="2023-10-12T11:38:42.377" v="307"/>
          <ac:spMkLst>
            <pc:docMk/>
            <pc:sldMk cId="2376958513" sldId="260"/>
            <ac:spMk id="13221" creationId="{0BE4DED9-84A1-E528-5D9D-6253ED5219FD}"/>
          </ac:spMkLst>
        </pc:spChg>
        <pc:spChg chg="mod">
          <ac:chgData name="White, Alex" userId="eff6cc8c-37d8-483b-9c6c-6b27e9afa9bc" providerId="ADAL" clId="{BF04C754-5BF4-4E83-9615-DB14FA25AF8A}" dt="2023-10-12T11:38:42.377" v="307"/>
          <ac:spMkLst>
            <pc:docMk/>
            <pc:sldMk cId="2376958513" sldId="260"/>
            <ac:spMk id="13222" creationId="{08330ABB-45B6-8E59-4A94-116D7EE4E09D}"/>
          </ac:spMkLst>
        </pc:spChg>
        <pc:spChg chg="mod">
          <ac:chgData name="White, Alex" userId="eff6cc8c-37d8-483b-9c6c-6b27e9afa9bc" providerId="ADAL" clId="{BF04C754-5BF4-4E83-9615-DB14FA25AF8A}" dt="2023-10-12T11:38:42.377" v="307"/>
          <ac:spMkLst>
            <pc:docMk/>
            <pc:sldMk cId="2376958513" sldId="260"/>
            <ac:spMk id="13223" creationId="{E12A9A7F-F1E5-EF71-10F3-4E10AB08AC60}"/>
          </ac:spMkLst>
        </pc:spChg>
        <pc:spChg chg="mod">
          <ac:chgData name="White, Alex" userId="eff6cc8c-37d8-483b-9c6c-6b27e9afa9bc" providerId="ADAL" clId="{BF04C754-5BF4-4E83-9615-DB14FA25AF8A}" dt="2023-10-12T11:38:42.377" v="307"/>
          <ac:spMkLst>
            <pc:docMk/>
            <pc:sldMk cId="2376958513" sldId="260"/>
            <ac:spMk id="13224" creationId="{5F23990A-8B71-6DEB-EF5F-BFA67F280FE0}"/>
          </ac:spMkLst>
        </pc:spChg>
        <pc:spChg chg="mod">
          <ac:chgData name="White, Alex" userId="eff6cc8c-37d8-483b-9c6c-6b27e9afa9bc" providerId="ADAL" clId="{BF04C754-5BF4-4E83-9615-DB14FA25AF8A}" dt="2023-10-12T11:38:42.377" v="307"/>
          <ac:spMkLst>
            <pc:docMk/>
            <pc:sldMk cId="2376958513" sldId="260"/>
            <ac:spMk id="13225" creationId="{03AF1A0D-4872-9F82-10AF-07AB97DB9A3C}"/>
          </ac:spMkLst>
        </pc:spChg>
        <pc:spChg chg="mod">
          <ac:chgData name="White, Alex" userId="eff6cc8c-37d8-483b-9c6c-6b27e9afa9bc" providerId="ADAL" clId="{BF04C754-5BF4-4E83-9615-DB14FA25AF8A}" dt="2023-10-12T11:38:42.377" v="307"/>
          <ac:spMkLst>
            <pc:docMk/>
            <pc:sldMk cId="2376958513" sldId="260"/>
            <ac:spMk id="13226" creationId="{F3857692-B12F-7DF2-AEC2-FD029D092162}"/>
          </ac:spMkLst>
        </pc:spChg>
        <pc:spChg chg="mod">
          <ac:chgData name="White, Alex" userId="eff6cc8c-37d8-483b-9c6c-6b27e9afa9bc" providerId="ADAL" clId="{BF04C754-5BF4-4E83-9615-DB14FA25AF8A}" dt="2023-10-12T11:38:42.377" v="307"/>
          <ac:spMkLst>
            <pc:docMk/>
            <pc:sldMk cId="2376958513" sldId="260"/>
            <ac:spMk id="13227" creationId="{4A6F2A67-671C-E207-1E5C-5599C607C992}"/>
          </ac:spMkLst>
        </pc:spChg>
        <pc:spChg chg="mod">
          <ac:chgData name="White, Alex" userId="eff6cc8c-37d8-483b-9c6c-6b27e9afa9bc" providerId="ADAL" clId="{BF04C754-5BF4-4E83-9615-DB14FA25AF8A}" dt="2023-10-12T11:38:42.377" v="307"/>
          <ac:spMkLst>
            <pc:docMk/>
            <pc:sldMk cId="2376958513" sldId="260"/>
            <ac:spMk id="13228" creationId="{D867F46D-90ED-2C04-9C8C-A68FC92C02BA}"/>
          </ac:spMkLst>
        </pc:spChg>
        <pc:spChg chg="mod">
          <ac:chgData name="White, Alex" userId="eff6cc8c-37d8-483b-9c6c-6b27e9afa9bc" providerId="ADAL" clId="{BF04C754-5BF4-4E83-9615-DB14FA25AF8A}" dt="2023-10-12T11:38:42.377" v="307"/>
          <ac:spMkLst>
            <pc:docMk/>
            <pc:sldMk cId="2376958513" sldId="260"/>
            <ac:spMk id="13229" creationId="{E92B2707-FB16-61FD-CE96-A85E1F3E2773}"/>
          </ac:spMkLst>
        </pc:spChg>
        <pc:spChg chg="mod">
          <ac:chgData name="White, Alex" userId="eff6cc8c-37d8-483b-9c6c-6b27e9afa9bc" providerId="ADAL" clId="{BF04C754-5BF4-4E83-9615-DB14FA25AF8A}" dt="2023-10-12T11:38:42.377" v="307"/>
          <ac:spMkLst>
            <pc:docMk/>
            <pc:sldMk cId="2376958513" sldId="260"/>
            <ac:spMk id="13230" creationId="{B8C99EA4-A005-B2C6-1F8A-21679BADC699}"/>
          </ac:spMkLst>
        </pc:spChg>
        <pc:spChg chg="mod">
          <ac:chgData name="White, Alex" userId="eff6cc8c-37d8-483b-9c6c-6b27e9afa9bc" providerId="ADAL" clId="{BF04C754-5BF4-4E83-9615-DB14FA25AF8A}" dt="2023-10-12T11:38:42.377" v="307"/>
          <ac:spMkLst>
            <pc:docMk/>
            <pc:sldMk cId="2376958513" sldId="260"/>
            <ac:spMk id="13231" creationId="{A431D923-B61E-4456-7200-EDAF6DF3E197}"/>
          </ac:spMkLst>
        </pc:spChg>
        <pc:spChg chg="mod">
          <ac:chgData name="White, Alex" userId="eff6cc8c-37d8-483b-9c6c-6b27e9afa9bc" providerId="ADAL" clId="{BF04C754-5BF4-4E83-9615-DB14FA25AF8A}" dt="2023-10-12T11:38:42.377" v="307"/>
          <ac:spMkLst>
            <pc:docMk/>
            <pc:sldMk cId="2376958513" sldId="260"/>
            <ac:spMk id="13232" creationId="{0F04509B-DF96-3B71-0E9C-0EED0E05B86E}"/>
          </ac:spMkLst>
        </pc:spChg>
        <pc:spChg chg="mod">
          <ac:chgData name="White, Alex" userId="eff6cc8c-37d8-483b-9c6c-6b27e9afa9bc" providerId="ADAL" clId="{BF04C754-5BF4-4E83-9615-DB14FA25AF8A}" dt="2023-10-12T11:38:42.377" v="307"/>
          <ac:spMkLst>
            <pc:docMk/>
            <pc:sldMk cId="2376958513" sldId="260"/>
            <ac:spMk id="13233" creationId="{A8453DC1-EA20-D2C6-5400-25032C666AD0}"/>
          </ac:spMkLst>
        </pc:spChg>
        <pc:spChg chg="mod">
          <ac:chgData name="White, Alex" userId="eff6cc8c-37d8-483b-9c6c-6b27e9afa9bc" providerId="ADAL" clId="{BF04C754-5BF4-4E83-9615-DB14FA25AF8A}" dt="2023-10-12T11:38:42.377" v="307"/>
          <ac:spMkLst>
            <pc:docMk/>
            <pc:sldMk cId="2376958513" sldId="260"/>
            <ac:spMk id="13234" creationId="{DFD6AB8A-509B-C406-D11D-8F9D867B5091}"/>
          </ac:spMkLst>
        </pc:spChg>
        <pc:spChg chg="mod">
          <ac:chgData name="White, Alex" userId="eff6cc8c-37d8-483b-9c6c-6b27e9afa9bc" providerId="ADAL" clId="{BF04C754-5BF4-4E83-9615-DB14FA25AF8A}" dt="2023-10-12T11:38:42.377" v="307"/>
          <ac:spMkLst>
            <pc:docMk/>
            <pc:sldMk cId="2376958513" sldId="260"/>
            <ac:spMk id="13235" creationId="{08FED9FA-4463-D70A-93FD-6666DD69D33E}"/>
          </ac:spMkLst>
        </pc:spChg>
        <pc:spChg chg="mod">
          <ac:chgData name="White, Alex" userId="eff6cc8c-37d8-483b-9c6c-6b27e9afa9bc" providerId="ADAL" clId="{BF04C754-5BF4-4E83-9615-DB14FA25AF8A}" dt="2023-10-12T11:38:42.377" v="307"/>
          <ac:spMkLst>
            <pc:docMk/>
            <pc:sldMk cId="2376958513" sldId="260"/>
            <ac:spMk id="13236" creationId="{7558EB4F-6095-E748-696D-20ECB5BA0981}"/>
          </ac:spMkLst>
        </pc:spChg>
        <pc:spChg chg="mod">
          <ac:chgData name="White, Alex" userId="eff6cc8c-37d8-483b-9c6c-6b27e9afa9bc" providerId="ADAL" clId="{BF04C754-5BF4-4E83-9615-DB14FA25AF8A}" dt="2023-10-12T11:38:42.377" v="307"/>
          <ac:spMkLst>
            <pc:docMk/>
            <pc:sldMk cId="2376958513" sldId="260"/>
            <ac:spMk id="13237" creationId="{C43CD164-5B42-AC69-EB4E-4A091C09C8BD}"/>
          </ac:spMkLst>
        </pc:spChg>
        <pc:spChg chg="mod">
          <ac:chgData name="White, Alex" userId="eff6cc8c-37d8-483b-9c6c-6b27e9afa9bc" providerId="ADAL" clId="{BF04C754-5BF4-4E83-9615-DB14FA25AF8A}" dt="2023-10-12T11:38:42.377" v="307"/>
          <ac:spMkLst>
            <pc:docMk/>
            <pc:sldMk cId="2376958513" sldId="260"/>
            <ac:spMk id="13238" creationId="{5F37879B-6C64-6271-B10D-3DF76109DBB7}"/>
          </ac:spMkLst>
        </pc:spChg>
        <pc:spChg chg="mod">
          <ac:chgData name="White, Alex" userId="eff6cc8c-37d8-483b-9c6c-6b27e9afa9bc" providerId="ADAL" clId="{BF04C754-5BF4-4E83-9615-DB14FA25AF8A}" dt="2023-10-12T11:38:42.377" v="307"/>
          <ac:spMkLst>
            <pc:docMk/>
            <pc:sldMk cId="2376958513" sldId="260"/>
            <ac:spMk id="13239" creationId="{89AC22A9-AA4F-A403-6DA7-60C463E9D3AE}"/>
          </ac:spMkLst>
        </pc:spChg>
        <pc:spChg chg="mod">
          <ac:chgData name="White, Alex" userId="eff6cc8c-37d8-483b-9c6c-6b27e9afa9bc" providerId="ADAL" clId="{BF04C754-5BF4-4E83-9615-DB14FA25AF8A}" dt="2023-10-12T11:38:42.377" v="307"/>
          <ac:spMkLst>
            <pc:docMk/>
            <pc:sldMk cId="2376958513" sldId="260"/>
            <ac:spMk id="13240" creationId="{A8F0DC49-4828-BBF8-2481-66FD208B67BB}"/>
          </ac:spMkLst>
        </pc:spChg>
        <pc:spChg chg="mod">
          <ac:chgData name="White, Alex" userId="eff6cc8c-37d8-483b-9c6c-6b27e9afa9bc" providerId="ADAL" clId="{BF04C754-5BF4-4E83-9615-DB14FA25AF8A}" dt="2023-10-12T11:38:42.377" v="307"/>
          <ac:spMkLst>
            <pc:docMk/>
            <pc:sldMk cId="2376958513" sldId="260"/>
            <ac:spMk id="13241" creationId="{AD367A39-9F86-54B0-63BE-69DFFDA504D8}"/>
          </ac:spMkLst>
        </pc:spChg>
        <pc:spChg chg="mod">
          <ac:chgData name="White, Alex" userId="eff6cc8c-37d8-483b-9c6c-6b27e9afa9bc" providerId="ADAL" clId="{BF04C754-5BF4-4E83-9615-DB14FA25AF8A}" dt="2023-10-12T11:38:42.377" v="307"/>
          <ac:spMkLst>
            <pc:docMk/>
            <pc:sldMk cId="2376958513" sldId="260"/>
            <ac:spMk id="13242" creationId="{9720509B-1FF8-D566-FC1A-51857E830D3E}"/>
          </ac:spMkLst>
        </pc:spChg>
        <pc:spChg chg="mod">
          <ac:chgData name="White, Alex" userId="eff6cc8c-37d8-483b-9c6c-6b27e9afa9bc" providerId="ADAL" clId="{BF04C754-5BF4-4E83-9615-DB14FA25AF8A}" dt="2023-10-12T11:38:42.377" v="307"/>
          <ac:spMkLst>
            <pc:docMk/>
            <pc:sldMk cId="2376958513" sldId="260"/>
            <ac:spMk id="13243" creationId="{9A9CF838-2E80-A4D7-2D69-E7FF53ECA738}"/>
          </ac:spMkLst>
        </pc:spChg>
        <pc:spChg chg="mod">
          <ac:chgData name="White, Alex" userId="eff6cc8c-37d8-483b-9c6c-6b27e9afa9bc" providerId="ADAL" clId="{BF04C754-5BF4-4E83-9615-DB14FA25AF8A}" dt="2023-10-12T11:38:42.377" v="307"/>
          <ac:spMkLst>
            <pc:docMk/>
            <pc:sldMk cId="2376958513" sldId="260"/>
            <ac:spMk id="13244" creationId="{FC7B1256-39F9-232E-3BED-F645FE2DEECB}"/>
          </ac:spMkLst>
        </pc:spChg>
        <pc:spChg chg="mod">
          <ac:chgData name="White, Alex" userId="eff6cc8c-37d8-483b-9c6c-6b27e9afa9bc" providerId="ADAL" clId="{BF04C754-5BF4-4E83-9615-DB14FA25AF8A}" dt="2023-10-12T11:38:42.377" v="307"/>
          <ac:spMkLst>
            <pc:docMk/>
            <pc:sldMk cId="2376958513" sldId="260"/>
            <ac:spMk id="13245" creationId="{B28E3C75-D598-C82A-264E-4C5D5B76D4E1}"/>
          </ac:spMkLst>
        </pc:spChg>
        <pc:spChg chg="mod">
          <ac:chgData name="White, Alex" userId="eff6cc8c-37d8-483b-9c6c-6b27e9afa9bc" providerId="ADAL" clId="{BF04C754-5BF4-4E83-9615-DB14FA25AF8A}" dt="2023-10-12T11:38:42.377" v="307"/>
          <ac:spMkLst>
            <pc:docMk/>
            <pc:sldMk cId="2376958513" sldId="260"/>
            <ac:spMk id="13246" creationId="{8C1907B9-12C7-09FD-998F-0335D01D633C}"/>
          </ac:spMkLst>
        </pc:spChg>
        <pc:spChg chg="mod">
          <ac:chgData name="White, Alex" userId="eff6cc8c-37d8-483b-9c6c-6b27e9afa9bc" providerId="ADAL" clId="{BF04C754-5BF4-4E83-9615-DB14FA25AF8A}" dt="2023-10-12T11:38:42.377" v="307"/>
          <ac:spMkLst>
            <pc:docMk/>
            <pc:sldMk cId="2376958513" sldId="260"/>
            <ac:spMk id="13247" creationId="{0D5C62E4-F6F6-FB6A-B5C7-5506D9621E1A}"/>
          </ac:spMkLst>
        </pc:spChg>
        <pc:spChg chg="mod">
          <ac:chgData name="White, Alex" userId="eff6cc8c-37d8-483b-9c6c-6b27e9afa9bc" providerId="ADAL" clId="{BF04C754-5BF4-4E83-9615-DB14FA25AF8A}" dt="2023-10-12T11:38:42.377" v="307"/>
          <ac:spMkLst>
            <pc:docMk/>
            <pc:sldMk cId="2376958513" sldId="260"/>
            <ac:spMk id="13248" creationId="{47753B6E-D0EE-D42D-6388-F75DFC624053}"/>
          </ac:spMkLst>
        </pc:spChg>
        <pc:spChg chg="mod">
          <ac:chgData name="White, Alex" userId="eff6cc8c-37d8-483b-9c6c-6b27e9afa9bc" providerId="ADAL" clId="{BF04C754-5BF4-4E83-9615-DB14FA25AF8A}" dt="2023-10-12T11:38:42.377" v="307"/>
          <ac:spMkLst>
            <pc:docMk/>
            <pc:sldMk cId="2376958513" sldId="260"/>
            <ac:spMk id="13249" creationId="{F0FD273C-18EF-C6F4-D656-A21C2A707FED}"/>
          </ac:spMkLst>
        </pc:spChg>
        <pc:spChg chg="mod">
          <ac:chgData name="White, Alex" userId="eff6cc8c-37d8-483b-9c6c-6b27e9afa9bc" providerId="ADAL" clId="{BF04C754-5BF4-4E83-9615-DB14FA25AF8A}" dt="2023-10-12T11:38:42.377" v="307"/>
          <ac:spMkLst>
            <pc:docMk/>
            <pc:sldMk cId="2376958513" sldId="260"/>
            <ac:spMk id="13250" creationId="{2A876F1E-2385-4B87-C9EA-18F787BB41BC}"/>
          </ac:spMkLst>
        </pc:spChg>
        <pc:spChg chg="mod">
          <ac:chgData name="White, Alex" userId="eff6cc8c-37d8-483b-9c6c-6b27e9afa9bc" providerId="ADAL" clId="{BF04C754-5BF4-4E83-9615-DB14FA25AF8A}" dt="2023-10-12T11:38:42.377" v="307"/>
          <ac:spMkLst>
            <pc:docMk/>
            <pc:sldMk cId="2376958513" sldId="260"/>
            <ac:spMk id="13251" creationId="{ED6E278A-1602-1793-877B-EB9FC34CF743}"/>
          </ac:spMkLst>
        </pc:spChg>
        <pc:spChg chg="mod">
          <ac:chgData name="White, Alex" userId="eff6cc8c-37d8-483b-9c6c-6b27e9afa9bc" providerId="ADAL" clId="{BF04C754-5BF4-4E83-9615-DB14FA25AF8A}" dt="2023-10-12T11:38:42.377" v="307"/>
          <ac:spMkLst>
            <pc:docMk/>
            <pc:sldMk cId="2376958513" sldId="260"/>
            <ac:spMk id="13252" creationId="{5AB4E7A5-9F94-6ABE-104C-EF4AF65748E1}"/>
          </ac:spMkLst>
        </pc:spChg>
        <pc:spChg chg="mod">
          <ac:chgData name="White, Alex" userId="eff6cc8c-37d8-483b-9c6c-6b27e9afa9bc" providerId="ADAL" clId="{BF04C754-5BF4-4E83-9615-DB14FA25AF8A}" dt="2023-10-12T11:38:42.377" v="307"/>
          <ac:spMkLst>
            <pc:docMk/>
            <pc:sldMk cId="2376958513" sldId="260"/>
            <ac:spMk id="13253" creationId="{D35B324C-2DB5-516A-2A54-D7EE9E4C2356}"/>
          </ac:spMkLst>
        </pc:spChg>
        <pc:spChg chg="mod">
          <ac:chgData name="White, Alex" userId="eff6cc8c-37d8-483b-9c6c-6b27e9afa9bc" providerId="ADAL" clId="{BF04C754-5BF4-4E83-9615-DB14FA25AF8A}" dt="2023-10-12T11:38:42.377" v="307"/>
          <ac:spMkLst>
            <pc:docMk/>
            <pc:sldMk cId="2376958513" sldId="260"/>
            <ac:spMk id="13254" creationId="{C9BC0367-4901-886A-C1F2-A1B1DD25F4A8}"/>
          </ac:spMkLst>
        </pc:spChg>
        <pc:spChg chg="mod">
          <ac:chgData name="White, Alex" userId="eff6cc8c-37d8-483b-9c6c-6b27e9afa9bc" providerId="ADAL" clId="{BF04C754-5BF4-4E83-9615-DB14FA25AF8A}" dt="2023-10-12T11:38:42.377" v="307"/>
          <ac:spMkLst>
            <pc:docMk/>
            <pc:sldMk cId="2376958513" sldId="260"/>
            <ac:spMk id="13255" creationId="{F5A30CFC-3F17-8816-C384-5D8180B0E885}"/>
          </ac:spMkLst>
        </pc:spChg>
        <pc:spChg chg="mod">
          <ac:chgData name="White, Alex" userId="eff6cc8c-37d8-483b-9c6c-6b27e9afa9bc" providerId="ADAL" clId="{BF04C754-5BF4-4E83-9615-DB14FA25AF8A}" dt="2023-10-12T11:38:42.377" v="307"/>
          <ac:spMkLst>
            <pc:docMk/>
            <pc:sldMk cId="2376958513" sldId="260"/>
            <ac:spMk id="13256" creationId="{0F7C2769-688A-7C1E-1011-3C1C68B0235E}"/>
          </ac:spMkLst>
        </pc:spChg>
        <pc:spChg chg="mod">
          <ac:chgData name="White, Alex" userId="eff6cc8c-37d8-483b-9c6c-6b27e9afa9bc" providerId="ADAL" clId="{BF04C754-5BF4-4E83-9615-DB14FA25AF8A}" dt="2023-10-12T11:38:42.377" v="307"/>
          <ac:spMkLst>
            <pc:docMk/>
            <pc:sldMk cId="2376958513" sldId="260"/>
            <ac:spMk id="13257" creationId="{099896BA-F0FB-05A1-925F-3768F0F47ED9}"/>
          </ac:spMkLst>
        </pc:spChg>
        <pc:spChg chg="mod">
          <ac:chgData name="White, Alex" userId="eff6cc8c-37d8-483b-9c6c-6b27e9afa9bc" providerId="ADAL" clId="{BF04C754-5BF4-4E83-9615-DB14FA25AF8A}" dt="2023-10-12T11:38:42.377" v="307"/>
          <ac:spMkLst>
            <pc:docMk/>
            <pc:sldMk cId="2376958513" sldId="260"/>
            <ac:spMk id="13258" creationId="{DEAC922B-5745-6DE3-0546-7AB99A14A203}"/>
          </ac:spMkLst>
        </pc:spChg>
        <pc:spChg chg="mod">
          <ac:chgData name="White, Alex" userId="eff6cc8c-37d8-483b-9c6c-6b27e9afa9bc" providerId="ADAL" clId="{BF04C754-5BF4-4E83-9615-DB14FA25AF8A}" dt="2023-10-12T11:38:42.377" v="307"/>
          <ac:spMkLst>
            <pc:docMk/>
            <pc:sldMk cId="2376958513" sldId="260"/>
            <ac:spMk id="13259" creationId="{FB28C6A2-C0B5-8E8C-1E1F-7FB8EE9FE9CD}"/>
          </ac:spMkLst>
        </pc:spChg>
        <pc:spChg chg="mod">
          <ac:chgData name="White, Alex" userId="eff6cc8c-37d8-483b-9c6c-6b27e9afa9bc" providerId="ADAL" clId="{BF04C754-5BF4-4E83-9615-DB14FA25AF8A}" dt="2023-10-12T11:38:42.377" v="307"/>
          <ac:spMkLst>
            <pc:docMk/>
            <pc:sldMk cId="2376958513" sldId="260"/>
            <ac:spMk id="13260" creationId="{266444F5-7DE0-46F0-EFEB-66AED6E91493}"/>
          </ac:spMkLst>
        </pc:spChg>
        <pc:spChg chg="mod">
          <ac:chgData name="White, Alex" userId="eff6cc8c-37d8-483b-9c6c-6b27e9afa9bc" providerId="ADAL" clId="{BF04C754-5BF4-4E83-9615-DB14FA25AF8A}" dt="2023-10-12T11:38:42.377" v="307"/>
          <ac:spMkLst>
            <pc:docMk/>
            <pc:sldMk cId="2376958513" sldId="260"/>
            <ac:spMk id="13261" creationId="{6126DF68-7FD1-B60F-1CFA-CBA47C9F4B7C}"/>
          </ac:spMkLst>
        </pc:spChg>
        <pc:spChg chg="mod">
          <ac:chgData name="White, Alex" userId="eff6cc8c-37d8-483b-9c6c-6b27e9afa9bc" providerId="ADAL" clId="{BF04C754-5BF4-4E83-9615-DB14FA25AF8A}" dt="2023-10-12T11:38:42.377" v="307"/>
          <ac:spMkLst>
            <pc:docMk/>
            <pc:sldMk cId="2376958513" sldId="260"/>
            <ac:spMk id="13262" creationId="{31E1449D-4674-3DCC-A93F-24069835EBC0}"/>
          </ac:spMkLst>
        </pc:spChg>
        <pc:spChg chg="mod">
          <ac:chgData name="White, Alex" userId="eff6cc8c-37d8-483b-9c6c-6b27e9afa9bc" providerId="ADAL" clId="{BF04C754-5BF4-4E83-9615-DB14FA25AF8A}" dt="2023-10-12T11:38:42.377" v="307"/>
          <ac:spMkLst>
            <pc:docMk/>
            <pc:sldMk cId="2376958513" sldId="260"/>
            <ac:spMk id="13263" creationId="{6FAA991D-5222-4032-3091-0A525F180F78}"/>
          </ac:spMkLst>
        </pc:spChg>
        <pc:spChg chg="mod">
          <ac:chgData name="White, Alex" userId="eff6cc8c-37d8-483b-9c6c-6b27e9afa9bc" providerId="ADAL" clId="{BF04C754-5BF4-4E83-9615-DB14FA25AF8A}" dt="2023-10-12T11:38:42.377" v="307"/>
          <ac:spMkLst>
            <pc:docMk/>
            <pc:sldMk cId="2376958513" sldId="260"/>
            <ac:spMk id="13264" creationId="{4BB3C891-A0CD-941A-A1C6-ED004FEA9335}"/>
          </ac:spMkLst>
        </pc:spChg>
        <pc:spChg chg="mod">
          <ac:chgData name="White, Alex" userId="eff6cc8c-37d8-483b-9c6c-6b27e9afa9bc" providerId="ADAL" clId="{BF04C754-5BF4-4E83-9615-DB14FA25AF8A}" dt="2023-10-12T11:38:42.377" v="307"/>
          <ac:spMkLst>
            <pc:docMk/>
            <pc:sldMk cId="2376958513" sldId="260"/>
            <ac:spMk id="13265" creationId="{E552FA69-AC1C-1639-727B-63E757FCB21E}"/>
          </ac:spMkLst>
        </pc:spChg>
        <pc:spChg chg="mod">
          <ac:chgData name="White, Alex" userId="eff6cc8c-37d8-483b-9c6c-6b27e9afa9bc" providerId="ADAL" clId="{BF04C754-5BF4-4E83-9615-DB14FA25AF8A}" dt="2023-10-12T11:38:42.377" v="307"/>
          <ac:spMkLst>
            <pc:docMk/>
            <pc:sldMk cId="2376958513" sldId="260"/>
            <ac:spMk id="13266" creationId="{FB582046-D1B1-D3AA-7925-D908923B7CCA}"/>
          </ac:spMkLst>
        </pc:spChg>
        <pc:spChg chg="mod">
          <ac:chgData name="White, Alex" userId="eff6cc8c-37d8-483b-9c6c-6b27e9afa9bc" providerId="ADAL" clId="{BF04C754-5BF4-4E83-9615-DB14FA25AF8A}" dt="2023-10-12T11:38:42.377" v="307"/>
          <ac:spMkLst>
            <pc:docMk/>
            <pc:sldMk cId="2376958513" sldId="260"/>
            <ac:spMk id="13267" creationId="{124ECF1E-203C-DFB8-FA6A-F15F437ABEA7}"/>
          </ac:spMkLst>
        </pc:spChg>
        <pc:spChg chg="mod">
          <ac:chgData name="White, Alex" userId="eff6cc8c-37d8-483b-9c6c-6b27e9afa9bc" providerId="ADAL" clId="{BF04C754-5BF4-4E83-9615-DB14FA25AF8A}" dt="2023-10-12T11:38:42.377" v="307"/>
          <ac:spMkLst>
            <pc:docMk/>
            <pc:sldMk cId="2376958513" sldId="260"/>
            <ac:spMk id="13268" creationId="{A2A47E5B-7ED9-D34E-156B-9A30760D3097}"/>
          </ac:spMkLst>
        </pc:spChg>
        <pc:spChg chg="mod">
          <ac:chgData name="White, Alex" userId="eff6cc8c-37d8-483b-9c6c-6b27e9afa9bc" providerId="ADAL" clId="{BF04C754-5BF4-4E83-9615-DB14FA25AF8A}" dt="2023-10-12T11:38:42.377" v="307"/>
          <ac:spMkLst>
            <pc:docMk/>
            <pc:sldMk cId="2376958513" sldId="260"/>
            <ac:spMk id="13269" creationId="{E213BE11-8D34-7115-2CE5-7C220FDDE257}"/>
          </ac:spMkLst>
        </pc:spChg>
        <pc:spChg chg="mod">
          <ac:chgData name="White, Alex" userId="eff6cc8c-37d8-483b-9c6c-6b27e9afa9bc" providerId="ADAL" clId="{BF04C754-5BF4-4E83-9615-DB14FA25AF8A}" dt="2023-10-12T11:38:42.377" v="307"/>
          <ac:spMkLst>
            <pc:docMk/>
            <pc:sldMk cId="2376958513" sldId="260"/>
            <ac:spMk id="13270" creationId="{DED83CD8-CF0D-1A29-5597-70159633E185}"/>
          </ac:spMkLst>
        </pc:spChg>
        <pc:spChg chg="mod">
          <ac:chgData name="White, Alex" userId="eff6cc8c-37d8-483b-9c6c-6b27e9afa9bc" providerId="ADAL" clId="{BF04C754-5BF4-4E83-9615-DB14FA25AF8A}" dt="2023-10-12T11:38:42.377" v="307"/>
          <ac:spMkLst>
            <pc:docMk/>
            <pc:sldMk cId="2376958513" sldId="260"/>
            <ac:spMk id="13271" creationId="{23726D54-8B01-951C-CAB1-EAD49B0BF6C5}"/>
          </ac:spMkLst>
        </pc:spChg>
        <pc:spChg chg="mod">
          <ac:chgData name="White, Alex" userId="eff6cc8c-37d8-483b-9c6c-6b27e9afa9bc" providerId="ADAL" clId="{BF04C754-5BF4-4E83-9615-DB14FA25AF8A}" dt="2023-10-12T11:38:42.377" v="307"/>
          <ac:spMkLst>
            <pc:docMk/>
            <pc:sldMk cId="2376958513" sldId="260"/>
            <ac:spMk id="13272" creationId="{175C50A2-AEF2-4584-BD8D-3CEDF7C7A2C0}"/>
          </ac:spMkLst>
        </pc:spChg>
        <pc:spChg chg="mod">
          <ac:chgData name="White, Alex" userId="eff6cc8c-37d8-483b-9c6c-6b27e9afa9bc" providerId="ADAL" clId="{BF04C754-5BF4-4E83-9615-DB14FA25AF8A}" dt="2023-10-12T11:38:42.377" v="307"/>
          <ac:spMkLst>
            <pc:docMk/>
            <pc:sldMk cId="2376958513" sldId="260"/>
            <ac:spMk id="13273" creationId="{72021B68-CEAB-562B-2909-E47B394B1B4A}"/>
          </ac:spMkLst>
        </pc:spChg>
        <pc:spChg chg="mod">
          <ac:chgData name="White, Alex" userId="eff6cc8c-37d8-483b-9c6c-6b27e9afa9bc" providerId="ADAL" clId="{BF04C754-5BF4-4E83-9615-DB14FA25AF8A}" dt="2023-10-12T11:38:42.377" v="307"/>
          <ac:spMkLst>
            <pc:docMk/>
            <pc:sldMk cId="2376958513" sldId="260"/>
            <ac:spMk id="13274" creationId="{353CCD40-18F6-DC76-BE36-4B0E0D33CA72}"/>
          </ac:spMkLst>
        </pc:spChg>
        <pc:spChg chg="mod">
          <ac:chgData name="White, Alex" userId="eff6cc8c-37d8-483b-9c6c-6b27e9afa9bc" providerId="ADAL" clId="{BF04C754-5BF4-4E83-9615-DB14FA25AF8A}" dt="2023-10-12T11:38:42.377" v="307"/>
          <ac:spMkLst>
            <pc:docMk/>
            <pc:sldMk cId="2376958513" sldId="260"/>
            <ac:spMk id="13275" creationId="{62FEB88A-593E-5F29-E881-ED2C946DE163}"/>
          </ac:spMkLst>
        </pc:spChg>
        <pc:spChg chg="mod">
          <ac:chgData name="White, Alex" userId="eff6cc8c-37d8-483b-9c6c-6b27e9afa9bc" providerId="ADAL" clId="{BF04C754-5BF4-4E83-9615-DB14FA25AF8A}" dt="2023-10-12T11:38:42.377" v="307"/>
          <ac:spMkLst>
            <pc:docMk/>
            <pc:sldMk cId="2376958513" sldId="260"/>
            <ac:spMk id="13276" creationId="{8E0E639C-857B-A6D1-EAF4-838249215050}"/>
          </ac:spMkLst>
        </pc:spChg>
        <pc:spChg chg="mod">
          <ac:chgData name="White, Alex" userId="eff6cc8c-37d8-483b-9c6c-6b27e9afa9bc" providerId="ADAL" clId="{BF04C754-5BF4-4E83-9615-DB14FA25AF8A}" dt="2023-10-12T11:38:42.377" v="307"/>
          <ac:spMkLst>
            <pc:docMk/>
            <pc:sldMk cId="2376958513" sldId="260"/>
            <ac:spMk id="13277" creationId="{CEF36557-2013-4458-BDB2-829EF8C263F9}"/>
          </ac:spMkLst>
        </pc:spChg>
        <pc:spChg chg="mod">
          <ac:chgData name="White, Alex" userId="eff6cc8c-37d8-483b-9c6c-6b27e9afa9bc" providerId="ADAL" clId="{BF04C754-5BF4-4E83-9615-DB14FA25AF8A}" dt="2023-10-12T11:38:42.377" v="307"/>
          <ac:spMkLst>
            <pc:docMk/>
            <pc:sldMk cId="2376958513" sldId="260"/>
            <ac:spMk id="13278" creationId="{B37439F4-E2FB-5DA2-467C-A7B3CB93E467}"/>
          </ac:spMkLst>
        </pc:spChg>
        <pc:spChg chg="mod">
          <ac:chgData name="White, Alex" userId="eff6cc8c-37d8-483b-9c6c-6b27e9afa9bc" providerId="ADAL" clId="{BF04C754-5BF4-4E83-9615-DB14FA25AF8A}" dt="2023-10-12T11:38:42.377" v="307"/>
          <ac:spMkLst>
            <pc:docMk/>
            <pc:sldMk cId="2376958513" sldId="260"/>
            <ac:spMk id="13279" creationId="{A861957D-B38E-59DA-3CDD-242E553337E1}"/>
          </ac:spMkLst>
        </pc:spChg>
        <pc:spChg chg="mod">
          <ac:chgData name="White, Alex" userId="eff6cc8c-37d8-483b-9c6c-6b27e9afa9bc" providerId="ADAL" clId="{BF04C754-5BF4-4E83-9615-DB14FA25AF8A}" dt="2023-10-12T11:38:42.377" v="307"/>
          <ac:spMkLst>
            <pc:docMk/>
            <pc:sldMk cId="2376958513" sldId="260"/>
            <ac:spMk id="13280" creationId="{843F0DD4-609E-BA16-0A49-8C8CD608006A}"/>
          </ac:spMkLst>
        </pc:spChg>
        <pc:spChg chg="mod">
          <ac:chgData name="White, Alex" userId="eff6cc8c-37d8-483b-9c6c-6b27e9afa9bc" providerId="ADAL" clId="{BF04C754-5BF4-4E83-9615-DB14FA25AF8A}" dt="2023-10-12T11:38:42.377" v="307"/>
          <ac:spMkLst>
            <pc:docMk/>
            <pc:sldMk cId="2376958513" sldId="260"/>
            <ac:spMk id="13281" creationId="{5EC5F0A7-E935-BEBB-E088-26587070FF8D}"/>
          </ac:spMkLst>
        </pc:spChg>
        <pc:spChg chg="mod">
          <ac:chgData name="White, Alex" userId="eff6cc8c-37d8-483b-9c6c-6b27e9afa9bc" providerId="ADAL" clId="{BF04C754-5BF4-4E83-9615-DB14FA25AF8A}" dt="2023-10-12T11:38:42.377" v="307"/>
          <ac:spMkLst>
            <pc:docMk/>
            <pc:sldMk cId="2376958513" sldId="260"/>
            <ac:spMk id="13282" creationId="{34579D96-25C8-E73B-E681-80DC876227F8}"/>
          </ac:spMkLst>
        </pc:spChg>
        <pc:spChg chg="mod">
          <ac:chgData name="White, Alex" userId="eff6cc8c-37d8-483b-9c6c-6b27e9afa9bc" providerId="ADAL" clId="{BF04C754-5BF4-4E83-9615-DB14FA25AF8A}" dt="2023-10-12T11:38:42.377" v="307"/>
          <ac:spMkLst>
            <pc:docMk/>
            <pc:sldMk cId="2376958513" sldId="260"/>
            <ac:spMk id="13283" creationId="{2C8004CA-9D9E-021B-1181-CC3FA4E341FA}"/>
          </ac:spMkLst>
        </pc:spChg>
        <pc:spChg chg="mod">
          <ac:chgData name="White, Alex" userId="eff6cc8c-37d8-483b-9c6c-6b27e9afa9bc" providerId="ADAL" clId="{BF04C754-5BF4-4E83-9615-DB14FA25AF8A}" dt="2023-10-12T11:38:42.377" v="307"/>
          <ac:spMkLst>
            <pc:docMk/>
            <pc:sldMk cId="2376958513" sldId="260"/>
            <ac:spMk id="13284" creationId="{445F5A68-1C5B-662C-4C8D-35197CFF553A}"/>
          </ac:spMkLst>
        </pc:spChg>
        <pc:spChg chg="mod">
          <ac:chgData name="White, Alex" userId="eff6cc8c-37d8-483b-9c6c-6b27e9afa9bc" providerId="ADAL" clId="{BF04C754-5BF4-4E83-9615-DB14FA25AF8A}" dt="2023-10-12T11:38:42.377" v="307"/>
          <ac:spMkLst>
            <pc:docMk/>
            <pc:sldMk cId="2376958513" sldId="260"/>
            <ac:spMk id="13285" creationId="{3C07500B-D33D-E68D-244E-1B84671E5AC3}"/>
          </ac:spMkLst>
        </pc:spChg>
        <pc:spChg chg="mod">
          <ac:chgData name="White, Alex" userId="eff6cc8c-37d8-483b-9c6c-6b27e9afa9bc" providerId="ADAL" clId="{BF04C754-5BF4-4E83-9615-DB14FA25AF8A}" dt="2023-10-12T11:38:42.377" v="307"/>
          <ac:spMkLst>
            <pc:docMk/>
            <pc:sldMk cId="2376958513" sldId="260"/>
            <ac:spMk id="13286" creationId="{64B7ABFC-3D63-A498-29DA-21EA703A48CD}"/>
          </ac:spMkLst>
        </pc:spChg>
        <pc:spChg chg="mod">
          <ac:chgData name="White, Alex" userId="eff6cc8c-37d8-483b-9c6c-6b27e9afa9bc" providerId="ADAL" clId="{BF04C754-5BF4-4E83-9615-DB14FA25AF8A}" dt="2023-10-12T11:38:42.377" v="307"/>
          <ac:spMkLst>
            <pc:docMk/>
            <pc:sldMk cId="2376958513" sldId="260"/>
            <ac:spMk id="13287" creationId="{D5C1DB54-C084-68AE-0AB1-A1CEDC5E8075}"/>
          </ac:spMkLst>
        </pc:spChg>
        <pc:spChg chg="mod">
          <ac:chgData name="White, Alex" userId="eff6cc8c-37d8-483b-9c6c-6b27e9afa9bc" providerId="ADAL" clId="{BF04C754-5BF4-4E83-9615-DB14FA25AF8A}" dt="2023-10-12T11:38:42.377" v="307"/>
          <ac:spMkLst>
            <pc:docMk/>
            <pc:sldMk cId="2376958513" sldId="260"/>
            <ac:spMk id="13288" creationId="{0CF2139F-FF88-C784-D24F-A203004CEC00}"/>
          </ac:spMkLst>
        </pc:spChg>
        <pc:spChg chg="mod">
          <ac:chgData name="White, Alex" userId="eff6cc8c-37d8-483b-9c6c-6b27e9afa9bc" providerId="ADAL" clId="{BF04C754-5BF4-4E83-9615-DB14FA25AF8A}" dt="2023-10-12T11:38:42.377" v="307"/>
          <ac:spMkLst>
            <pc:docMk/>
            <pc:sldMk cId="2376958513" sldId="260"/>
            <ac:spMk id="13289" creationId="{F8D90138-AE12-9981-AE20-B7808FCBF249}"/>
          </ac:spMkLst>
        </pc:spChg>
        <pc:spChg chg="mod">
          <ac:chgData name="White, Alex" userId="eff6cc8c-37d8-483b-9c6c-6b27e9afa9bc" providerId="ADAL" clId="{BF04C754-5BF4-4E83-9615-DB14FA25AF8A}" dt="2023-10-12T11:38:42.377" v="307"/>
          <ac:spMkLst>
            <pc:docMk/>
            <pc:sldMk cId="2376958513" sldId="260"/>
            <ac:spMk id="13290" creationId="{F842E8F5-D335-9224-083D-751FC8DBF435}"/>
          </ac:spMkLst>
        </pc:spChg>
        <pc:spChg chg="mod">
          <ac:chgData name="White, Alex" userId="eff6cc8c-37d8-483b-9c6c-6b27e9afa9bc" providerId="ADAL" clId="{BF04C754-5BF4-4E83-9615-DB14FA25AF8A}" dt="2023-10-12T11:38:42.377" v="307"/>
          <ac:spMkLst>
            <pc:docMk/>
            <pc:sldMk cId="2376958513" sldId="260"/>
            <ac:spMk id="13291" creationId="{E7FC122D-0F8A-2CF6-B3EE-3E2899957268}"/>
          </ac:spMkLst>
        </pc:spChg>
        <pc:spChg chg="mod">
          <ac:chgData name="White, Alex" userId="eff6cc8c-37d8-483b-9c6c-6b27e9afa9bc" providerId="ADAL" clId="{BF04C754-5BF4-4E83-9615-DB14FA25AF8A}" dt="2023-10-12T11:38:42.377" v="307"/>
          <ac:spMkLst>
            <pc:docMk/>
            <pc:sldMk cId="2376958513" sldId="260"/>
            <ac:spMk id="13292" creationId="{C67D0C72-A859-CC18-3491-B1FA28D5016F}"/>
          </ac:spMkLst>
        </pc:spChg>
        <pc:spChg chg="mod">
          <ac:chgData name="White, Alex" userId="eff6cc8c-37d8-483b-9c6c-6b27e9afa9bc" providerId="ADAL" clId="{BF04C754-5BF4-4E83-9615-DB14FA25AF8A}" dt="2023-10-12T11:38:42.377" v="307"/>
          <ac:spMkLst>
            <pc:docMk/>
            <pc:sldMk cId="2376958513" sldId="260"/>
            <ac:spMk id="13293" creationId="{5332F01F-D4B2-C9B8-3EAC-B9D7C4D20AAD}"/>
          </ac:spMkLst>
        </pc:spChg>
        <pc:spChg chg="mod">
          <ac:chgData name="White, Alex" userId="eff6cc8c-37d8-483b-9c6c-6b27e9afa9bc" providerId="ADAL" clId="{BF04C754-5BF4-4E83-9615-DB14FA25AF8A}" dt="2023-10-12T11:38:42.377" v="307"/>
          <ac:spMkLst>
            <pc:docMk/>
            <pc:sldMk cId="2376958513" sldId="260"/>
            <ac:spMk id="13294" creationId="{121B5A55-6FAD-1CBC-E587-7DC6DEF7EE2D}"/>
          </ac:spMkLst>
        </pc:spChg>
        <pc:spChg chg="mod">
          <ac:chgData name="White, Alex" userId="eff6cc8c-37d8-483b-9c6c-6b27e9afa9bc" providerId="ADAL" clId="{BF04C754-5BF4-4E83-9615-DB14FA25AF8A}" dt="2023-10-12T11:38:42.377" v="307"/>
          <ac:spMkLst>
            <pc:docMk/>
            <pc:sldMk cId="2376958513" sldId="260"/>
            <ac:spMk id="13295" creationId="{54668F04-8066-43E4-A630-18EAE663A454}"/>
          </ac:spMkLst>
        </pc:spChg>
        <pc:spChg chg="mod">
          <ac:chgData name="White, Alex" userId="eff6cc8c-37d8-483b-9c6c-6b27e9afa9bc" providerId="ADAL" clId="{BF04C754-5BF4-4E83-9615-DB14FA25AF8A}" dt="2023-10-12T11:38:42.377" v="307"/>
          <ac:spMkLst>
            <pc:docMk/>
            <pc:sldMk cId="2376958513" sldId="260"/>
            <ac:spMk id="13296" creationId="{DD2A64AD-27D9-106C-868E-FE4BE478BF20}"/>
          </ac:spMkLst>
        </pc:spChg>
        <pc:spChg chg="mod">
          <ac:chgData name="White, Alex" userId="eff6cc8c-37d8-483b-9c6c-6b27e9afa9bc" providerId="ADAL" clId="{BF04C754-5BF4-4E83-9615-DB14FA25AF8A}" dt="2023-10-12T11:38:42.377" v="307"/>
          <ac:spMkLst>
            <pc:docMk/>
            <pc:sldMk cId="2376958513" sldId="260"/>
            <ac:spMk id="13297" creationId="{2EC41B5F-921A-DDAB-14A2-83A22486970F}"/>
          </ac:spMkLst>
        </pc:spChg>
        <pc:spChg chg="mod">
          <ac:chgData name="White, Alex" userId="eff6cc8c-37d8-483b-9c6c-6b27e9afa9bc" providerId="ADAL" clId="{BF04C754-5BF4-4E83-9615-DB14FA25AF8A}" dt="2023-10-12T11:38:42.377" v="307"/>
          <ac:spMkLst>
            <pc:docMk/>
            <pc:sldMk cId="2376958513" sldId="260"/>
            <ac:spMk id="13298" creationId="{1FA26D92-A829-7D05-2406-6C6B0BA25EAB}"/>
          </ac:spMkLst>
        </pc:spChg>
        <pc:spChg chg="mod">
          <ac:chgData name="White, Alex" userId="eff6cc8c-37d8-483b-9c6c-6b27e9afa9bc" providerId="ADAL" clId="{BF04C754-5BF4-4E83-9615-DB14FA25AF8A}" dt="2023-10-12T11:38:42.377" v="307"/>
          <ac:spMkLst>
            <pc:docMk/>
            <pc:sldMk cId="2376958513" sldId="260"/>
            <ac:spMk id="13299" creationId="{B6180767-9E1C-A529-67A7-3A3A92F8E81C}"/>
          </ac:spMkLst>
        </pc:spChg>
        <pc:spChg chg="mod">
          <ac:chgData name="White, Alex" userId="eff6cc8c-37d8-483b-9c6c-6b27e9afa9bc" providerId="ADAL" clId="{BF04C754-5BF4-4E83-9615-DB14FA25AF8A}" dt="2023-10-12T11:38:42.377" v="307"/>
          <ac:spMkLst>
            <pc:docMk/>
            <pc:sldMk cId="2376958513" sldId="260"/>
            <ac:spMk id="13300" creationId="{85F29F13-E1D6-66FD-E00F-29DF0A4F68F2}"/>
          </ac:spMkLst>
        </pc:spChg>
        <pc:spChg chg="mod">
          <ac:chgData name="White, Alex" userId="eff6cc8c-37d8-483b-9c6c-6b27e9afa9bc" providerId="ADAL" clId="{BF04C754-5BF4-4E83-9615-DB14FA25AF8A}" dt="2023-10-12T11:38:42.377" v="307"/>
          <ac:spMkLst>
            <pc:docMk/>
            <pc:sldMk cId="2376958513" sldId="260"/>
            <ac:spMk id="13301" creationId="{445B397E-FCEA-B846-FE29-074015C7881D}"/>
          </ac:spMkLst>
        </pc:spChg>
        <pc:spChg chg="mod">
          <ac:chgData name="White, Alex" userId="eff6cc8c-37d8-483b-9c6c-6b27e9afa9bc" providerId="ADAL" clId="{BF04C754-5BF4-4E83-9615-DB14FA25AF8A}" dt="2023-10-12T11:38:42.377" v="307"/>
          <ac:spMkLst>
            <pc:docMk/>
            <pc:sldMk cId="2376958513" sldId="260"/>
            <ac:spMk id="13302" creationId="{42064AA8-7E51-F1DF-A5B2-5C9D30B68499}"/>
          </ac:spMkLst>
        </pc:spChg>
        <pc:spChg chg="mod">
          <ac:chgData name="White, Alex" userId="eff6cc8c-37d8-483b-9c6c-6b27e9afa9bc" providerId="ADAL" clId="{BF04C754-5BF4-4E83-9615-DB14FA25AF8A}" dt="2023-10-12T11:38:42.377" v="307"/>
          <ac:spMkLst>
            <pc:docMk/>
            <pc:sldMk cId="2376958513" sldId="260"/>
            <ac:spMk id="13303" creationId="{83EBF6CA-43F1-3B16-20F4-8693C733E32B}"/>
          </ac:spMkLst>
        </pc:spChg>
        <pc:spChg chg="mod">
          <ac:chgData name="White, Alex" userId="eff6cc8c-37d8-483b-9c6c-6b27e9afa9bc" providerId="ADAL" clId="{BF04C754-5BF4-4E83-9615-DB14FA25AF8A}" dt="2023-10-12T11:38:42.377" v="307"/>
          <ac:spMkLst>
            <pc:docMk/>
            <pc:sldMk cId="2376958513" sldId="260"/>
            <ac:spMk id="13304" creationId="{C33AD923-53D3-9839-874D-C0CF31C9BBC7}"/>
          </ac:spMkLst>
        </pc:spChg>
        <pc:spChg chg="mod">
          <ac:chgData name="White, Alex" userId="eff6cc8c-37d8-483b-9c6c-6b27e9afa9bc" providerId="ADAL" clId="{BF04C754-5BF4-4E83-9615-DB14FA25AF8A}" dt="2023-10-12T11:38:42.377" v="307"/>
          <ac:spMkLst>
            <pc:docMk/>
            <pc:sldMk cId="2376958513" sldId="260"/>
            <ac:spMk id="13305" creationId="{26651265-42F8-64DD-299D-C6E25DBC9CD9}"/>
          </ac:spMkLst>
        </pc:spChg>
        <pc:spChg chg="mod">
          <ac:chgData name="White, Alex" userId="eff6cc8c-37d8-483b-9c6c-6b27e9afa9bc" providerId="ADAL" clId="{BF04C754-5BF4-4E83-9615-DB14FA25AF8A}" dt="2023-10-12T11:38:42.377" v="307"/>
          <ac:spMkLst>
            <pc:docMk/>
            <pc:sldMk cId="2376958513" sldId="260"/>
            <ac:spMk id="13306" creationId="{942E5635-9D24-65E0-7837-1A166E28AE2A}"/>
          </ac:spMkLst>
        </pc:spChg>
        <pc:spChg chg="mod">
          <ac:chgData name="White, Alex" userId="eff6cc8c-37d8-483b-9c6c-6b27e9afa9bc" providerId="ADAL" clId="{BF04C754-5BF4-4E83-9615-DB14FA25AF8A}" dt="2023-10-12T11:38:42.377" v="307"/>
          <ac:spMkLst>
            <pc:docMk/>
            <pc:sldMk cId="2376958513" sldId="260"/>
            <ac:spMk id="13307" creationId="{2B50DC1D-7655-B15C-8E53-85CE2044EDCA}"/>
          </ac:spMkLst>
        </pc:spChg>
        <pc:spChg chg="mod">
          <ac:chgData name="White, Alex" userId="eff6cc8c-37d8-483b-9c6c-6b27e9afa9bc" providerId="ADAL" clId="{BF04C754-5BF4-4E83-9615-DB14FA25AF8A}" dt="2023-10-12T11:38:42.377" v="307"/>
          <ac:spMkLst>
            <pc:docMk/>
            <pc:sldMk cId="2376958513" sldId="260"/>
            <ac:spMk id="13308" creationId="{80D1F583-D751-D1D0-034A-DC8884865C8A}"/>
          </ac:spMkLst>
        </pc:spChg>
        <pc:spChg chg="mod">
          <ac:chgData name="White, Alex" userId="eff6cc8c-37d8-483b-9c6c-6b27e9afa9bc" providerId="ADAL" clId="{BF04C754-5BF4-4E83-9615-DB14FA25AF8A}" dt="2023-10-12T11:38:42.377" v="307"/>
          <ac:spMkLst>
            <pc:docMk/>
            <pc:sldMk cId="2376958513" sldId="260"/>
            <ac:spMk id="13309" creationId="{EADE9423-448A-E0D0-B7A2-7AFFC3C3DEE1}"/>
          </ac:spMkLst>
        </pc:spChg>
        <pc:spChg chg="mod">
          <ac:chgData name="White, Alex" userId="eff6cc8c-37d8-483b-9c6c-6b27e9afa9bc" providerId="ADAL" clId="{BF04C754-5BF4-4E83-9615-DB14FA25AF8A}" dt="2023-10-12T11:38:42.377" v="307"/>
          <ac:spMkLst>
            <pc:docMk/>
            <pc:sldMk cId="2376958513" sldId="260"/>
            <ac:spMk id="13310" creationId="{FC3C9EA5-C8FC-69EC-6B4B-A94A5EE58B6F}"/>
          </ac:spMkLst>
        </pc:spChg>
        <pc:spChg chg="mod">
          <ac:chgData name="White, Alex" userId="eff6cc8c-37d8-483b-9c6c-6b27e9afa9bc" providerId="ADAL" clId="{BF04C754-5BF4-4E83-9615-DB14FA25AF8A}" dt="2023-10-12T11:38:42.377" v="307"/>
          <ac:spMkLst>
            <pc:docMk/>
            <pc:sldMk cId="2376958513" sldId="260"/>
            <ac:spMk id="13311" creationId="{8C025161-A935-A368-A349-DBFA1DA59D89}"/>
          </ac:spMkLst>
        </pc:spChg>
        <pc:spChg chg="mod">
          <ac:chgData name="White, Alex" userId="eff6cc8c-37d8-483b-9c6c-6b27e9afa9bc" providerId="ADAL" clId="{BF04C754-5BF4-4E83-9615-DB14FA25AF8A}" dt="2023-10-12T11:38:42.377" v="307"/>
          <ac:spMkLst>
            <pc:docMk/>
            <pc:sldMk cId="2376958513" sldId="260"/>
            <ac:spMk id="13312" creationId="{65F6C348-C6AD-E7C6-D225-83ED6935ACAD}"/>
          </ac:spMkLst>
        </pc:spChg>
        <pc:spChg chg="mod">
          <ac:chgData name="White, Alex" userId="eff6cc8c-37d8-483b-9c6c-6b27e9afa9bc" providerId="ADAL" clId="{BF04C754-5BF4-4E83-9615-DB14FA25AF8A}" dt="2023-10-12T11:38:42.377" v="307"/>
          <ac:spMkLst>
            <pc:docMk/>
            <pc:sldMk cId="2376958513" sldId="260"/>
            <ac:spMk id="13313" creationId="{270FEBE3-D6BB-097D-C667-57360D6CF18F}"/>
          </ac:spMkLst>
        </pc:spChg>
        <pc:spChg chg="mod">
          <ac:chgData name="White, Alex" userId="eff6cc8c-37d8-483b-9c6c-6b27e9afa9bc" providerId="ADAL" clId="{BF04C754-5BF4-4E83-9615-DB14FA25AF8A}" dt="2023-10-12T11:38:42.377" v="307"/>
          <ac:spMkLst>
            <pc:docMk/>
            <pc:sldMk cId="2376958513" sldId="260"/>
            <ac:spMk id="13314" creationId="{AFDF1009-A5E8-5BE3-F1E3-9380BD8BA3D5}"/>
          </ac:spMkLst>
        </pc:spChg>
        <pc:spChg chg="mod">
          <ac:chgData name="White, Alex" userId="eff6cc8c-37d8-483b-9c6c-6b27e9afa9bc" providerId="ADAL" clId="{BF04C754-5BF4-4E83-9615-DB14FA25AF8A}" dt="2023-10-12T11:38:42.377" v="307"/>
          <ac:spMkLst>
            <pc:docMk/>
            <pc:sldMk cId="2376958513" sldId="260"/>
            <ac:spMk id="13315" creationId="{1A442C4D-EDB3-8E72-0319-B847403E9486}"/>
          </ac:spMkLst>
        </pc:spChg>
        <pc:spChg chg="mod">
          <ac:chgData name="White, Alex" userId="eff6cc8c-37d8-483b-9c6c-6b27e9afa9bc" providerId="ADAL" clId="{BF04C754-5BF4-4E83-9615-DB14FA25AF8A}" dt="2023-10-12T11:38:42.377" v="307"/>
          <ac:spMkLst>
            <pc:docMk/>
            <pc:sldMk cId="2376958513" sldId="260"/>
            <ac:spMk id="13316" creationId="{87FCFD9F-26E7-93EE-23B1-C092E2B262FE}"/>
          </ac:spMkLst>
        </pc:spChg>
        <pc:spChg chg="mod">
          <ac:chgData name="White, Alex" userId="eff6cc8c-37d8-483b-9c6c-6b27e9afa9bc" providerId="ADAL" clId="{BF04C754-5BF4-4E83-9615-DB14FA25AF8A}" dt="2023-10-12T11:38:42.377" v="307"/>
          <ac:spMkLst>
            <pc:docMk/>
            <pc:sldMk cId="2376958513" sldId="260"/>
            <ac:spMk id="13317" creationId="{7EDBF242-F17F-9628-BFF5-772A832BD638}"/>
          </ac:spMkLst>
        </pc:spChg>
        <pc:spChg chg="mod">
          <ac:chgData name="White, Alex" userId="eff6cc8c-37d8-483b-9c6c-6b27e9afa9bc" providerId="ADAL" clId="{BF04C754-5BF4-4E83-9615-DB14FA25AF8A}" dt="2023-10-12T11:38:42.377" v="307"/>
          <ac:spMkLst>
            <pc:docMk/>
            <pc:sldMk cId="2376958513" sldId="260"/>
            <ac:spMk id="13318" creationId="{E31BCD92-39E2-7725-FA94-1C377BE03371}"/>
          </ac:spMkLst>
        </pc:spChg>
        <pc:spChg chg="mod">
          <ac:chgData name="White, Alex" userId="eff6cc8c-37d8-483b-9c6c-6b27e9afa9bc" providerId="ADAL" clId="{BF04C754-5BF4-4E83-9615-DB14FA25AF8A}" dt="2023-10-12T11:38:42.377" v="307"/>
          <ac:spMkLst>
            <pc:docMk/>
            <pc:sldMk cId="2376958513" sldId="260"/>
            <ac:spMk id="13319" creationId="{7574269B-B85A-3992-6C7E-25981063ECEC}"/>
          </ac:spMkLst>
        </pc:spChg>
        <pc:spChg chg="mod">
          <ac:chgData name="White, Alex" userId="eff6cc8c-37d8-483b-9c6c-6b27e9afa9bc" providerId="ADAL" clId="{BF04C754-5BF4-4E83-9615-DB14FA25AF8A}" dt="2023-10-12T11:38:42.377" v="307"/>
          <ac:spMkLst>
            <pc:docMk/>
            <pc:sldMk cId="2376958513" sldId="260"/>
            <ac:spMk id="13320" creationId="{BBF619C2-8E2F-31F3-E456-50E3AC3D80B7}"/>
          </ac:spMkLst>
        </pc:spChg>
        <pc:spChg chg="mod">
          <ac:chgData name="White, Alex" userId="eff6cc8c-37d8-483b-9c6c-6b27e9afa9bc" providerId="ADAL" clId="{BF04C754-5BF4-4E83-9615-DB14FA25AF8A}" dt="2023-10-12T11:38:42.377" v="307"/>
          <ac:spMkLst>
            <pc:docMk/>
            <pc:sldMk cId="2376958513" sldId="260"/>
            <ac:spMk id="13321" creationId="{A4728B84-58E9-C955-A139-269C0A7DB924}"/>
          </ac:spMkLst>
        </pc:spChg>
        <pc:spChg chg="mod">
          <ac:chgData name="White, Alex" userId="eff6cc8c-37d8-483b-9c6c-6b27e9afa9bc" providerId="ADAL" clId="{BF04C754-5BF4-4E83-9615-DB14FA25AF8A}" dt="2023-10-12T11:38:42.377" v="307"/>
          <ac:spMkLst>
            <pc:docMk/>
            <pc:sldMk cId="2376958513" sldId="260"/>
            <ac:spMk id="13322" creationId="{31DAB95F-B34C-45DA-104A-EC45CF95A355}"/>
          </ac:spMkLst>
        </pc:spChg>
        <pc:spChg chg="mod">
          <ac:chgData name="White, Alex" userId="eff6cc8c-37d8-483b-9c6c-6b27e9afa9bc" providerId="ADAL" clId="{BF04C754-5BF4-4E83-9615-DB14FA25AF8A}" dt="2023-10-12T11:38:42.377" v="307"/>
          <ac:spMkLst>
            <pc:docMk/>
            <pc:sldMk cId="2376958513" sldId="260"/>
            <ac:spMk id="13323" creationId="{091C7A88-BD7E-F1A2-EC20-23DFAC991E38}"/>
          </ac:spMkLst>
        </pc:spChg>
        <pc:spChg chg="mod">
          <ac:chgData name="White, Alex" userId="eff6cc8c-37d8-483b-9c6c-6b27e9afa9bc" providerId="ADAL" clId="{BF04C754-5BF4-4E83-9615-DB14FA25AF8A}" dt="2023-10-12T11:38:42.377" v="307"/>
          <ac:spMkLst>
            <pc:docMk/>
            <pc:sldMk cId="2376958513" sldId="260"/>
            <ac:spMk id="13324" creationId="{5D847B5F-FB17-6CC2-06DB-57036E5976F9}"/>
          </ac:spMkLst>
        </pc:spChg>
        <pc:spChg chg="mod">
          <ac:chgData name="White, Alex" userId="eff6cc8c-37d8-483b-9c6c-6b27e9afa9bc" providerId="ADAL" clId="{BF04C754-5BF4-4E83-9615-DB14FA25AF8A}" dt="2023-10-12T11:38:42.377" v="307"/>
          <ac:spMkLst>
            <pc:docMk/>
            <pc:sldMk cId="2376958513" sldId="260"/>
            <ac:spMk id="13325" creationId="{FF4CD720-01E2-7111-D14D-001408C8A280}"/>
          </ac:spMkLst>
        </pc:spChg>
        <pc:spChg chg="mod">
          <ac:chgData name="White, Alex" userId="eff6cc8c-37d8-483b-9c6c-6b27e9afa9bc" providerId="ADAL" clId="{BF04C754-5BF4-4E83-9615-DB14FA25AF8A}" dt="2023-10-12T11:38:42.377" v="307"/>
          <ac:spMkLst>
            <pc:docMk/>
            <pc:sldMk cId="2376958513" sldId="260"/>
            <ac:spMk id="13326" creationId="{E09E6EBD-9CA5-4512-D411-0C02528313AC}"/>
          </ac:spMkLst>
        </pc:spChg>
        <pc:spChg chg="mod">
          <ac:chgData name="White, Alex" userId="eff6cc8c-37d8-483b-9c6c-6b27e9afa9bc" providerId="ADAL" clId="{BF04C754-5BF4-4E83-9615-DB14FA25AF8A}" dt="2023-10-12T11:38:42.377" v="307"/>
          <ac:spMkLst>
            <pc:docMk/>
            <pc:sldMk cId="2376958513" sldId="260"/>
            <ac:spMk id="13327" creationId="{9BB20E7F-5FE1-DD17-C224-77697E294392}"/>
          </ac:spMkLst>
        </pc:spChg>
        <pc:spChg chg="mod">
          <ac:chgData name="White, Alex" userId="eff6cc8c-37d8-483b-9c6c-6b27e9afa9bc" providerId="ADAL" clId="{BF04C754-5BF4-4E83-9615-DB14FA25AF8A}" dt="2023-10-12T11:38:42.377" v="307"/>
          <ac:spMkLst>
            <pc:docMk/>
            <pc:sldMk cId="2376958513" sldId="260"/>
            <ac:spMk id="13328" creationId="{9B18C0D5-8BC8-75A0-066F-89A57C3EE7A8}"/>
          </ac:spMkLst>
        </pc:spChg>
        <pc:spChg chg="mod">
          <ac:chgData name="White, Alex" userId="eff6cc8c-37d8-483b-9c6c-6b27e9afa9bc" providerId="ADAL" clId="{BF04C754-5BF4-4E83-9615-DB14FA25AF8A}" dt="2023-10-12T11:38:42.377" v="307"/>
          <ac:spMkLst>
            <pc:docMk/>
            <pc:sldMk cId="2376958513" sldId="260"/>
            <ac:spMk id="13329" creationId="{E70D3538-34F5-4F14-0F99-5CBAED1223B1}"/>
          </ac:spMkLst>
        </pc:spChg>
        <pc:spChg chg="mod">
          <ac:chgData name="White, Alex" userId="eff6cc8c-37d8-483b-9c6c-6b27e9afa9bc" providerId="ADAL" clId="{BF04C754-5BF4-4E83-9615-DB14FA25AF8A}" dt="2023-10-12T11:38:42.377" v="307"/>
          <ac:spMkLst>
            <pc:docMk/>
            <pc:sldMk cId="2376958513" sldId="260"/>
            <ac:spMk id="13330" creationId="{2A227A7F-DE97-5342-F300-C415CB71E681}"/>
          </ac:spMkLst>
        </pc:spChg>
        <pc:spChg chg="mod">
          <ac:chgData name="White, Alex" userId="eff6cc8c-37d8-483b-9c6c-6b27e9afa9bc" providerId="ADAL" clId="{BF04C754-5BF4-4E83-9615-DB14FA25AF8A}" dt="2023-10-12T11:38:42.377" v="307"/>
          <ac:spMkLst>
            <pc:docMk/>
            <pc:sldMk cId="2376958513" sldId="260"/>
            <ac:spMk id="13331" creationId="{C68A75AB-EED6-58BE-C366-ADD8AD28F311}"/>
          </ac:spMkLst>
        </pc:spChg>
        <pc:spChg chg="mod">
          <ac:chgData name="White, Alex" userId="eff6cc8c-37d8-483b-9c6c-6b27e9afa9bc" providerId="ADAL" clId="{BF04C754-5BF4-4E83-9615-DB14FA25AF8A}" dt="2023-10-12T11:38:42.377" v="307"/>
          <ac:spMkLst>
            <pc:docMk/>
            <pc:sldMk cId="2376958513" sldId="260"/>
            <ac:spMk id="13332" creationId="{6EFDAF88-B265-6BB0-A591-D206701776E0}"/>
          </ac:spMkLst>
        </pc:spChg>
        <pc:spChg chg="mod">
          <ac:chgData name="White, Alex" userId="eff6cc8c-37d8-483b-9c6c-6b27e9afa9bc" providerId="ADAL" clId="{BF04C754-5BF4-4E83-9615-DB14FA25AF8A}" dt="2023-10-12T11:38:42.377" v="307"/>
          <ac:spMkLst>
            <pc:docMk/>
            <pc:sldMk cId="2376958513" sldId="260"/>
            <ac:spMk id="13333" creationId="{0F96A235-0F75-EFD1-975A-3AD154129FC0}"/>
          </ac:spMkLst>
        </pc:spChg>
        <pc:spChg chg="mod">
          <ac:chgData name="White, Alex" userId="eff6cc8c-37d8-483b-9c6c-6b27e9afa9bc" providerId="ADAL" clId="{BF04C754-5BF4-4E83-9615-DB14FA25AF8A}" dt="2023-10-12T11:38:42.377" v="307"/>
          <ac:spMkLst>
            <pc:docMk/>
            <pc:sldMk cId="2376958513" sldId="260"/>
            <ac:spMk id="13334" creationId="{FD89FC53-AD88-5EDA-E9CE-06903DA0BDC2}"/>
          </ac:spMkLst>
        </pc:spChg>
        <pc:spChg chg="mod">
          <ac:chgData name="White, Alex" userId="eff6cc8c-37d8-483b-9c6c-6b27e9afa9bc" providerId="ADAL" clId="{BF04C754-5BF4-4E83-9615-DB14FA25AF8A}" dt="2023-10-12T11:38:42.377" v="307"/>
          <ac:spMkLst>
            <pc:docMk/>
            <pc:sldMk cId="2376958513" sldId="260"/>
            <ac:spMk id="13335" creationId="{4F34DB90-91BA-358F-21EE-E23976BAE7DC}"/>
          </ac:spMkLst>
        </pc:spChg>
        <pc:spChg chg="mod">
          <ac:chgData name="White, Alex" userId="eff6cc8c-37d8-483b-9c6c-6b27e9afa9bc" providerId="ADAL" clId="{BF04C754-5BF4-4E83-9615-DB14FA25AF8A}" dt="2023-10-12T11:38:42.377" v="307"/>
          <ac:spMkLst>
            <pc:docMk/>
            <pc:sldMk cId="2376958513" sldId="260"/>
            <ac:spMk id="13336" creationId="{7E2E5272-759B-F0BB-D52C-7ADB9DDD5B12}"/>
          </ac:spMkLst>
        </pc:spChg>
        <pc:spChg chg="mod">
          <ac:chgData name="White, Alex" userId="eff6cc8c-37d8-483b-9c6c-6b27e9afa9bc" providerId="ADAL" clId="{BF04C754-5BF4-4E83-9615-DB14FA25AF8A}" dt="2023-10-12T11:38:42.377" v="307"/>
          <ac:spMkLst>
            <pc:docMk/>
            <pc:sldMk cId="2376958513" sldId="260"/>
            <ac:spMk id="13337" creationId="{EBE6AFA6-52F8-E2D6-4510-121747BF4897}"/>
          </ac:spMkLst>
        </pc:spChg>
        <pc:spChg chg="mod">
          <ac:chgData name="White, Alex" userId="eff6cc8c-37d8-483b-9c6c-6b27e9afa9bc" providerId="ADAL" clId="{BF04C754-5BF4-4E83-9615-DB14FA25AF8A}" dt="2023-10-12T11:38:42.377" v="307"/>
          <ac:spMkLst>
            <pc:docMk/>
            <pc:sldMk cId="2376958513" sldId="260"/>
            <ac:spMk id="13338" creationId="{ACC1DC5B-A565-F565-3575-395CA4C8FA5E}"/>
          </ac:spMkLst>
        </pc:spChg>
        <pc:spChg chg="mod">
          <ac:chgData name="White, Alex" userId="eff6cc8c-37d8-483b-9c6c-6b27e9afa9bc" providerId="ADAL" clId="{BF04C754-5BF4-4E83-9615-DB14FA25AF8A}" dt="2023-10-12T11:38:42.377" v="307"/>
          <ac:spMkLst>
            <pc:docMk/>
            <pc:sldMk cId="2376958513" sldId="260"/>
            <ac:spMk id="13339" creationId="{8D79F760-E38D-ADCE-1324-C03B07898804}"/>
          </ac:spMkLst>
        </pc:spChg>
        <pc:spChg chg="mod">
          <ac:chgData name="White, Alex" userId="eff6cc8c-37d8-483b-9c6c-6b27e9afa9bc" providerId="ADAL" clId="{BF04C754-5BF4-4E83-9615-DB14FA25AF8A}" dt="2023-10-12T11:38:42.377" v="307"/>
          <ac:spMkLst>
            <pc:docMk/>
            <pc:sldMk cId="2376958513" sldId="260"/>
            <ac:spMk id="13340" creationId="{45DE91DE-76F9-5E42-0B56-0D1B46438ED6}"/>
          </ac:spMkLst>
        </pc:spChg>
        <pc:spChg chg="mod">
          <ac:chgData name="White, Alex" userId="eff6cc8c-37d8-483b-9c6c-6b27e9afa9bc" providerId="ADAL" clId="{BF04C754-5BF4-4E83-9615-DB14FA25AF8A}" dt="2023-10-12T11:38:42.377" v="307"/>
          <ac:spMkLst>
            <pc:docMk/>
            <pc:sldMk cId="2376958513" sldId="260"/>
            <ac:spMk id="13341" creationId="{3C9FEDAC-5564-4D38-46AD-D30A171EB986}"/>
          </ac:spMkLst>
        </pc:spChg>
        <pc:spChg chg="mod">
          <ac:chgData name="White, Alex" userId="eff6cc8c-37d8-483b-9c6c-6b27e9afa9bc" providerId="ADAL" clId="{BF04C754-5BF4-4E83-9615-DB14FA25AF8A}" dt="2023-10-12T11:38:42.377" v="307"/>
          <ac:spMkLst>
            <pc:docMk/>
            <pc:sldMk cId="2376958513" sldId="260"/>
            <ac:spMk id="13342" creationId="{F6EE583D-6558-70DD-5395-86FF7E33E6A4}"/>
          </ac:spMkLst>
        </pc:spChg>
        <pc:spChg chg="mod">
          <ac:chgData name="White, Alex" userId="eff6cc8c-37d8-483b-9c6c-6b27e9afa9bc" providerId="ADAL" clId="{BF04C754-5BF4-4E83-9615-DB14FA25AF8A}" dt="2023-10-12T11:38:42.377" v="307"/>
          <ac:spMkLst>
            <pc:docMk/>
            <pc:sldMk cId="2376958513" sldId="260"/>
            <ac:spMk id="13343" creationId="{87526C0F-8E7C-456B-E5F9-7CBF2F0F22FB}"/>
          </ac:spMkLst>
        </pc:spChg>
        <pc:spChg chg="mod">
          <ac:chgData name="White, Alex" userId="eff6cc8c-37d8-483b-9c6c-6b27e9afa9bc" providerId="ADAL" clId="{BF04C754-5BF4-4E83-9615-DB14FA25AF8A}" dt="2023-10-12T11:38:42.377" v="307"/>
          <ac:spMkLst>
            <pc:docMk/>
            <pc:sldMk cId="2376958513" sldId="260"/>
            <ac:spMk id="13344" creationId="{73445360-1688-4F1B-0AFB-2E1ACBFFA1C9}"/>
          </ac:spMkLst>
        </pc:spChg>
        <pc:spChg chg="mod">
          <ac:chgData name="White, Alex" userId="eff6cc8c-37d8-483b-9c6c-6b27e9afa9bc" providerId="ADAL" clId="{BF04C754-5BF4-4E83-9615-DB14FA25AF8A}" dt="2023-10-12T11:38:42.377" v="307"/>
          <ac:spMkLst>
            <pc:docMk/>
            <pc:sldMk cId="2376958513" sldId="260"/>
            <ac:spMk id="13345" creationId="{F8B21C0E-1E38-6F3F-97EB-1FBD91D13C3A}"/>
          </ac:spMkLst>
        </pc:spChg>
        <pc:spChg chg="mod">
          <ac:chgData name="White, Alex" userId="eff6cc8c-37d8-483b-9c6c-6b27e9afa9bc" providerId="ADAL" clId="{BF04C754-5BF4-4E83-9615-DB14FA25AF8A}" dt="2023-10-12T11:38:42.377" v="307"/>
          <ac:spMkLst>
            <pc:docMk/>
            <pc:sldMk cId="2376958513" sldId="260"/>
            <ac:spMk id="13346" creationId="{9D7F2592-CD06-F21D-3F45-88B44A731347}"/>
          </ac:spMkLst>
        </pc:spChg>
        <pc:spChg chg="mod">
          <ac:chgData name="White, Alex" userId="eff6cc8c-37d8-483b-9c6c-6b27e9afa9bc" providerId="ADAL" clId="{BF04C754-5BF4-4E83-9615-DB14FA25AF8A}" dt="2023-10-12T11:38:42.377" v="307"/>
          <ac:spMkLst>
            <pc:docMk/>
            <pc:sldMk cId="2376958513" sldId="260"/>
            <ac:spMk id="13347" creationId="{85EC0F06-191B-46E8-4973-C83DA8C258A5}"/>
          </ac:spMkLst>
        </pc:spChg>
        <pc:spChg chg="mod">
          <ac:chgData name="White, Alex" userId="eff6cc8c-37d8-483b-9c6c-6b27e9afa9bc" providerId="ADAL" clId="{BF04C754-5BF4-4E83-9615-DB14FA25AF8A}" dt="2023-10-12T11:38:42.377" v="307"/>
          <ac:spMkLst>
            <pc:docMk/>
            <pc:sldMk cId="2376958513" sldId="260"/>
            <ac:spMk id="13348" creationId="{2E0A4133-D274-021A-A66F-37C112565699}"/>
          </ac:spMkLst>
        </pc:spChg>
        <pc:spChg chg="mod">
          <ac:chgData name="White, Alex" userId="eff6cc8c-37d8-483b-9c6c-6b27e9afa9bc" providerId="ADAL" clId="{BF04C754-5BF4-4E83-9615-DB14FA25AF8A}" dt="2023-10-12T11:38:42.377" v="307"/>
          <ac:spMkLst>
            <pc:docMk/>
            <pc:sldMk cId="2376958513" sldId="260"/>
            <ac:spMk id="13349" creationId="{B81F6260-BC3F-4D83-732A-324276A3B543}"/>
          </ac:spMkLst>
        </pc:spChg>
        <pc:spChg chg="mod">
          <ac:chgData name="White, Alex" userId="eff6cc8c-37d8-483b-9c6c-6b27e9afa9bc" providerId="ADAL" clId="{BF04C754-5BF4-4E83-9615-DB14FA25AF8A}" dt="2023-10-12T11:38:42.377" v="307"/>
          <ac:spMkLst>
            <pc:docMk/>
            <pc:sldMk cId="2376958513" sldId="260"/>
            <ac:spMk id="13350" creationId="{4EF03355-A8E8-4E54-F34D-99644F3ED62D}"/>
          </ac:spMkLst>
        </pc:spChg>
        <pc:spChg chg="mod">
          <ac:chgData name="White, Alex" userId="eff6cc8c-37d8-483b-9c6c-6b27e9afa9bc" providerId="ADAL" clId="{BF04C754-5BF4-4E83-9615-DB14FA25AF8A}" dt="2023-10-12T11:38:42.377" v="307"/>
          <ac:spMkLst>
            <pc:docMk/>
            <pc:sldMk cId="2376958513" sldId="260"/>
            <ac:spMk id="13351" creationId="{7667CCAA-BADC-24C1-69E3-5B0CAE9CE8A8}"/>
          </ac:spMkLst>
        </pc:spChg>
        <pc:spChg chg="mod">
          <ac:chgData name="White, Alex" userId="eff6cc8c-37d8-483b-9c6c-6b27e9afa9bc" providerId="ADAL" clId="{BF04C754-5BF4-4E83-9615-DB14FA25AF8A}" dt="2023-10-12T11:38:42.377" v="307"/>
          <ac:spMkLst>
            <pc:docMk/>
            <pc:sldMk cId="2376958513" sldId="260"/>
            <ac:spMk id="13352" creationId="{CB638A92-EF8E-7480-AE59-64F57FD3FF08}"/>
          </ac:spMkLst>
        </pc:spChg>
        <pc:spChg chg="mod">
          <ac:chgData name="White, Alex" userId="eff6cc8c-37d8-483b-9c6c-6b27e9afa9bc" providerId="ADAL" clId="{BF04C754-5BF4-4E83-9615-DB14FA25AF8A}" dt="2023-10-12T11:38:42.377" v="307"/>
          <ac:spMkLst>
            <pc:docMk/>
            <pc:sldMk cId="2376958513" sldId="260"/>
            <ac:spMk id="13353" creationId="{24125B00-C66B-FF9E-A8FD-BDEDA10D9F73}"/>
          </ac:spMkLst>
        </pc:spChg>
        <pc:spChg chg="mod">
          <ac:chgData name="White, Alex" userId="eff6cc8c-37d8-483b-9c6c-6b27e9afa9bc" providerId="ADAL" clId="{BF04C754-5BF4-4E83-9615-DB14FA25AF8A}" dt="2023-10-12T11:38:42.377" v="307"/>
          <ac:spMkLst>
            <pc:docMk/>
            <pc:sldMk cId="2376958513" sldId="260"/>
            <ac:spMk id="13354" creationId="{FBDBD54B-AB0E-521A-FFEA-EE5A21E5CCA6}"/>
          </ac:spMkLst>
        </pc:spChg>
        <pc:spChg chg="mod">
          <ac:chgData name="White, Alex" userId="eff6cc8c-37d8-483b-9c6c-6b27e9afa9bc" providerId="ADAL" clId="{BF04C754-5BF4-4E83-9615-DB14FA25AF8A}" dt="2023-10-12T11:38:42.377" v="307"/>
          <ac:spMkLst>
            <pc:docMk/>
            <pc:sldMk cId="2376958513" sldId="260"/>
            <ac:spMk id="13355" creationId="{6E65E3CC-D125-5A42-2E52-2D8F8B4C817E}"/>
          </ac:spMkLst>
        </pc:spChg>
        <pc:spChg chg="mod">
          <ac:chgData name="White, Alex" userId="eff6cc8c-37d8-483b-9c6c-6b27e9afa9bc" providerId="ADAL" clId="{BF04C754-5BF4-4E83-9615-DB14FA25AF8A}" dt="2023-10-12T11:38:42.377" v="307"/>
          <ac:spMkLst>
            <pc:docMk/>
            <pc:sldMk cId="2376958513" sldId="260"/>
            <ac:spMk id="13356" creationId="{D73902E1-1C23-C1A8-C2D3-9FD6C8CFE287}"/>
          </ac:spMkLst>
        </pc:spChg>
        <pc:spChg chg="mod">
          <ac:chgData name="White, Alex" userId="eff6cc8c-37d8-483b-9c6c-6b27e9afa9bc" providerId="ADAL" clId="{BF04C754-5BF4-4E83-9615-DB14FA25AF8A}" dt="2023-10-12T11:38:42.377" v="307"/>
          <ac:spMkLst>
            <pc:docMk/>
            <pc:sldMk cId="2376958513" sldId="260"/>
            <ac:spMk id="13357" creationId="{A9AB3A37-B80A-95F3-5089-008746DEA090}"/>
          </ac:spMkLst>
        </pc:spChg>
        <pc:spChg chg="mod">
          <ac:chgData name="White, Alex" userId="eff6cc8c-37d8-483b-9c6c-6b27e9afa9bc" providerId="ADAL" clId="{BF04C754-5BF4-4E83-9615-DB14FA25AF8A}" dt="2023-10-12T11:38:42.377" v="307"/>
          <ac:spMkLst>
            <pc:docMk/>
            <pc:sldMk cId="2376958513" sldId="260"/>
            <ac:spMk id="13358" creationId="{C15EF96A-4256-6652-13B6-0A9CF08EF4D9}"/>
          </ac:spMkLst>
        </pc:spChg>
        <pc:spChg chg="mod">
          <ac:chgData name="White, Alex" userId="eff6cc8c-37d8-483b-9c6c-6b27e9afa9bc" providerId="ADAL" clId="{BF04C754-5BF4-4E83-9615-DB14FA25AF8A}" dt="2023-10-12T11:38:42.377" v="307"/>
          <ac:spMkLst>
            <pc:docMk/>
            <pc:sldMk cId="2376958513" sldId="260"/>
            <ac:spMk id="13359" creationId="{9826EB6A-8761-FB29-C0DC-0ED4FB578D4E}"/>
          </ac:spMkLst>
        </pc:spChg>
        <pc:spChg chg="mod">
          <ac:chgData name="White, Alex" userId="eff6cc8c-37d8-483b-9c6c-6b27e9afa9bc" providerId="ADAL" clId="{BF04C754-5BF4-4E83-9615-DB14FA25AF8A}" dt="2023-10-12T11:38:42.377" v="307"/>
          <ac:spMkLst>
            <pc:docMk/>
            <pc:sldMk cId="2376958513" sldId="260"/>
            <ac:spMk id="13360" creationId="{BFAD95E8-0C13-7BBA-0EE6-5EF2D4857638}"/>
          </ac:spMkLst>
        </pc:spChg>
        <pc:spChg chg="mod">
          <ac:chgData name="White, Alex" userId="eff6cc8c-37d8-483b-9c6c-6b27e9afa9bc" providerId="ADAL" clId="{BF04C754-5BF4-4E83-9615-DB14FA25AF8A}" dt="2023-10-12T11:38:42.377" v="307"/>
          <ac:spMkLst>
            <pc:docMk/>
            <pc:sldMk cId="2376958513" sldId="260"/>
            <ac:spMk id="13361" creationId="{267B4E7B-006C-D0DE-67DF-9E4F7535FAED}"/>
          </ac:spMkLst>
        </pc:spChg>
        <pc:spChg chg="mod">
          <ac:chgData name="White, Alex" userId="eff6cc8c-37d8-483b-9c6c-6b27e9afa9bc" providerId="ADAL" clId="{BF04C754-5BF4-4E83-9615-DB14FA25AF8A}" dt="2023-10-12T11:38:42.377" v="307"/>
          <ac:spMkLst>
            <pc:docMk/>
            <pc:sldMk cId="2376958513" sldId="260"/>
            <ac:spMk id="13362" creationId="{3F9F351B-9047-0BB2-F769-4E1E90D6AE86}"/>
          </ac:spMkLst>
        </pc:spChg>
        <pc:spChg chg="mod">
          <ac:chgData name="White, Alex" userId="eff6cc8c-37d8-483b-9c6c-6b27e9afa9bc" providerId="ADAL" clId="{BF04C754-5BF4-4E83-9615-DB14FA25AF8A}" dt="2023-10-12T11:38:42.377" v="307"/>
          <ac:spMkLst>
            <pc:docMk/>
            <pc:sldMk cId="2376958513" sldId="260"/>
            <ac:spMk id="13363" creationId="{4E53FE9C-BF8E-C8F2-2BDB-9E2303491398}"/>
          </ac:spMkLst>
        </pc:spChg>
        <pc:spChg chg="mod">
          <ac:chgData name="White, Alex" userId="eff6cc8c-37d8-483b-9c6c-6b27e9afa9bc" providerId="ADAL" clId="{BF04C754-5BF4-4E83-9615-DB14FA25AF8A}" dt="2023-10-12T11:38:42.377" v="307"/>
          <ac:spMkLst>
            <pc:docMk/>
            <pc:sldMk cId="2376958513" sldId="260"/>
            <ac:spMk id="13364" creationId="{28F96E9C-968F-C7A6-91F8-4B573128F030}"/>
          </ac:spMkLst>
        </pc:spChg>
        <pc:spChg chg="mod">
          <ac:chgData name="White, Alex" userId="eff6cc8c-37d8-483b-9c6c-6b27e9afa9bc" providerId="ADAL" clId="{BF04C754-5BF4-4E83-9615-DB14FA25AF8A}" dt="2023-10-12T11:38:42.377" v="307"/>
          <ac:spMkLst>
            <pc:docMk/>
            <pc:sldMk cId="2376958513" sldId="260"/>
            <ac:spMk id="13365" creationId="{EB9E6DBB-7DB3-EDD2-C961-CB0B9C41B765}"/>
          </ac:spMkLst>
        </pc:spChg>
        <pc:spChg chg="mod">
          <ac:chgData name="White, Alex" userId="eff6cc8c-37d8-483b-9c6c-6b27e9afa9bc" providerId="ADAL" clId="{BF04C754-5BF4-4E83-9615-DB14FA25AF8A}" dt="2023-10-12T11:38:42.377" v="307"/>
          <ac:spMkLst>
            <pc:docMk/>
            <pc:sldMk cId="2376958513" sldId="260"/>
            <ac:spMk id="13366" creationId="{D1991E8D-2A83-CE6A-243E-09715768F956}"/>
          </ac:spMkLst>
        </pc:spChg>
        <pc:spChg chg="mod">
          <ac:chgData name="White, Alex" userId="eff6cc8c-37d8-483b-9c6c-6b27e9afa9bc" providerId="ADAL" clId="{BF04C754-5BF4-4E83-9615-DB14FA25AF8A}" dt="2023-10-12T11:38:42.377" v="307"/>
          <ac:spMkLst>
            <pc:docMk/>
            <pc:sldMk cId="2376958513" sldId="260"/>
            <ac:spMk id="13367" creationId="{7B044743-BB58-9F53-7E97-F31C30F8ECC4}"/>
          </ac:spMkLst>
        </pc:spChg>
        <pc:spChg chg="mod">
          <ac:chgData name="White, Alex" userId="eff6cc8c-37d8-483b-9c6c-6b27e9afa9bc" providerId="ADAL" clId="{BF04C754-5BF4-4E83-9615-DB14FA25AF8A}" dt="2023-10-12T11:38:42.377" v="307"/>
          <ac:spMkLst>
            <pc:docMk/>
            <pc:sldMk cId="2376958513" sldId="260"/>
            <ac:spMk id="13368" creationId="{94EF2851-912A-F65E-82F6-9B90A52AEA1F}"/>
          </ac:spMkLst>
        </pc:spChg>
        <pc:spChg chg="mod">
          <ac:chgData name="White, Alex" userId="eff6cc8c-37d8-483b-9c6c-6b27e9afa9bc" providerId="ADAL" clId="{BF04C754-5BF4-4E83-9615-DB14FA25AF8A}" dt="2023-10-12T11:38:42.377" v="307"/>
          <ac:spMkLst>
            <pc:docMk/>
            <pc:sldMk cId="2376958513" sldId="260"/>
            <ac:spMk id="13369" creationId="{8617BF08-1B1C-4412-6070-0028843BE743}"/>
          </ac:spMkLst>
        </pc:spChg>
        <pc:spChg chg="mod">
          <ac:chgData name="White, Alex" userId="eff6cc8c-37d8-483b-9c6c-6b27e9afa9bc" providerId="ADAL" clId="{BF04C754-5BF4-4E83-9615-DB14FA25AF8A}" dt="2023-10-12T11:38:42.377" v="307"/>
          <ac:spMkLst>
            <pc:docMk/>
            <pc:sldMk cId="2376958513" sldId="260"/>
            <ac:spMk id="13370" creationId="{0B89268E-54BE-FD0B-ED8A-69D41C653AC4}"/>
          </ac:spMkLst>
        </pc:spChg>
        <pc:spChg chg="mod">
          <ac:chgData name="White, Alex" userId="eff6cc8c-37d8-483b-9c6c-6b27e9afa9bc" providerId="ADAL" clId="{BF04C754-5BF4-4E83-9615-DB14FA25AF8A}" dt="2023-10-12T11:38:42.377" v="307"/>
          <ac:spMkLst>
            <pc:docMk/>
            <pc:sldMk cId="2376958513" sldId="260"/>
            <ac:spMk id="13371" creationId="{ED8CBE28-34BD-8ADE-C75B-D3CD7878983F}"/>
          </ac:spMkLst>
        </pc:spChg>
        <pc:spChg chg="mod">
          <ac:chgData name="White, Alex" userId="eff6cc8c-37d8-483b-9c6c-6b27e9afa9bc" providerId="ADAL" clId="{BF04C754-5BF4-4E83-9615-DB14FA25AF8A}" dt="2023-10-12T11:38:42.377" v="307"/>
          <ac:spMkLst>
            <pc:docMk/>
            <pc:sldMk cId="2376958513" sldId="260"/>
            <ac:spMk id="13372" creationId="{515E025E-7770-537F-282B-418E2FDCF189}"/>
          </ac:spMkLst>
        </pc:spChg>
        <pc:spChg chg="mod">
          <ac:chgData name="White, Alex" userId="eff6cc8c-37d8-483b-9c6c-6b27e9afa9bc" providerId="ADAL" clId="{BF04C754-5BF4-4E83-9615-DB14FA25AF8A}" dt="2023-10-12T11:38:42.377" v="307"/>
          <ac:spMkLst>
            <pc:docMk/>
            <pc:sldMk cId="2376958513" sldId="260"/>
            <ac:spMk id="13373" creationId="{D7E0B828-EF77-31A1-37EC-761AE9F2AFF8}"/>
          </ac:spMkLst>
        </pc:spChg>
        <pc:spChg chg="mod">
          <ac:chgData name="White, Alex" userId="eff6cc8c-37d8-483b-9c6c-6b27e9afa9bc" providerId="ADAL" clId="{BF04C754-5BF4-4E83-9615-DB14FA25AF8A}" dt="2023-10-12T11:38:42.377" v="307"/>
          <ac:spMkLst>
            <pc:docMk/>
            <pc:sldMk cId="2376958513" sldId="260"/>
            <ac:spMk id="13374" creationId="{B0564095-F393-61A9-175D-FC45DA22BD6E}"/>
          </ac:spMkLst>
        </pc:spChg>
        <pc:spChg chg="mod">
          <ac:chgData name="White, Alex" userId="eff6cc8c-37d8-483b-9c6c-6b27e9afa9bc" providerId="ADAL" clId="{BF04C754-5BF4-4E83-9615-DB14FA25AF8A}" dt="2023-10-12T11:38:42.377" v="307"/>
          <ac:spMkLst>
            <pc:docMk/>
            <pc:sldMk cId="2376958513" sldId="260"/>
            <ac:spMk id="13375" creationId="{D9A25C06-2EE2-0D3B-7BC2-EF3DA50D61BA}"/>
          </ac:spMkLst>
        </pc:spChg>
        <pc:spChg chg="mod">
          <ac:chgData name="White, Alex" userId="eff6cc8c-37d8-483b-9c6c-6b27e9afa9bc" providerId="ADAL" clId="{BF04C754-5BF4-4E83-9615-DB14FA25AF8A}" dt="2023-10-12T11:38:42.377" v="307"/>
          <ac:spMkLst>
            <pc:docMk/>
            <pc:sldMk cId="2376958513" sldId="260"/>
            <ac:spMk id="13376" creationId="{7949F981-BDD1-547C-26D5-BF8B9D17DA22}"/>
          </ac:spMkLst>
        </pc:spChg>
        <pc:spChg chg="mod">
          <ac:chgData name="White, Alex" userId="eff6cc8c-37d8-483b-9c6c-6b27e9afa9bc" providerId="ADAL" clId="{BF04C754-5BF4-4E83-9615-DB14FA25AF8A}" dt="2023-10-12T11:38:42.377" v="307"/>
          <ac:spMkLst>
            <pc:docMk/>
            <pc:sldMk cId="2376958513" sldId="260"/>
            <ac:spMk id="13377" creationId="{777B88CF-24EC-D289-8163-0399E4F9AC61}"/>
          </ac:spMkLst>
        </pc:spChg>
        <pc:spChg chg="mod">
          <ac:chgData name="White, Alex" userId="eff6cc8c-37d8-483b-9c6c-6b27e9afa9bc" providerId="ADAL" clId="{BF04C754-5BF4-4E83-9615-DB14FA25AF8A}" dt="2023-10-12T11:38:42.377" v="307"/>
          <ac:spMkLst>
            <pc:docMk/>
            <pc:sldMk cId="2376958513" sldId="260"/>
            <ac:spMk id="13378" creationId="{B45EB18C-66E6-C893-B021-4F3F0B521048}"/>
          </ac:spMkLst>
        </pc:spChg>
        <pc:spChg chg="mod">
          <ac:chgData name="White, Alex" userId="eff6cc8c-37d8-483b-9c6c-6b27e9afa9bc" providerId="ADAL" clId="{BF04C754-5BF4-4E83-9615-DB14FA25AF8A}" dt="2023-10-12T11:38:42.377" v="307"/>
          <ac:spMkLst>
            <pc:docMk/>
            <pc:sldMk cId="2376958513" sldId="260"/>
            <ac:spMk id="13379" creationId="{74C07E08-DE27-94BD-A711-D9FE763828A5}"/>
          </ac:spMkLst>
        </pc:spChg>
        <pc:spChg chg="mod">
          <ac:chgData name="White, Alex" userId="eff6cc8c-37d8-483b-9c6c-6b27e9afa9bc" providerId="ADAL" clId="{BF04C754-5BF4-4E83-9615-DB14FA25AF8A}" dt="2023-10-12T11:38:42.377" v="307"/>
          <ac:spMkLst>
            <pc:docMk/>
            <pc:sldMk cId="2376958513" sldId="260"/>
            <ac:spMk id="13380" creationId="{3D92C33D-9BC2-53D5-185A-6CE5243FF590}"/>
          </ac:spMkLst>
        </pc:spChg>
        <pc:spChg chg="mod">
          <ac:chgData name="White, Alex" userId="eff6cc8c-37d8-483b-9c6c-6b27e9afa9bc" providerId="ADAL" clId="{BF04C754-5BF4-4E83-9615-DB14FA25AF8A}" dt="2023-10-12T11:38:42.377" v="307"/>
          <ac:spMkLst>
            <pc:docMk/>
            <pc:sldMk cId="2376958513" sldId="260"/>
            <ac:spMk id="13381" creationId="{68014308-A741-B3EF-866E-E9971A704C64}"/>
          </ac:spMkLst>
        </pc:spChg>
        <pc:spChg chg="mod">
          <ac:chgData name="White, Alex" userId="eff6cc8c-37d8-483b-9c6c-6b27e9afa9bc" providerId="ADAL" clId="{BF04C754-5BF4-4E83-9615-DB14FA25AF8A}" dt="2023-10-12T11:38:42.377" v="307"/>
          <ac:spMkLst>
            <pc:docMk/>
            <pc:sldMk cId="2376958513" sldId="260"/>
            <ac:spMk id="13382" creationId="{C12CFAFE-0530-4047-E343-27BF6835DD9D}"/>
          </ac:spMkLst>
        </pc:spChg>
        <pc:spChg chg="mod">
          <ac:chgData name="White, Alex" userId="eff6cc8c-37d8-483b-9c6c-6b27e9afa9bc" providerId="ADAL" clId="{BF04C754-5BF4-4E83-9615-DB14FA25AF8A}" dt="2023-10-12T11:38:42.377" v="307"/>
          <ac:spMkLst>
            <pc:docMk/>
            <pc:sldMk cId="2376958513" sldId="260"/>
            <ac:spMk id="13383" creationId="{B5480D84-D94A-033A-0175-9E3045C31C0A}"/>
          </ac:spMkLst>
        </pc:spChg>
        <pc:spChg chg="mod">
          <ac:chgData name="White, Alex" userId="eff6cc8c-37d8-483b-9c6c-6b27e9afa9bc" providerId="ADAL" clId="{BF04C754-5BF4-4E83-9615-DB14FA25AF8A}" dt="2023-10-12T11:38:42.377" v="307"/>
          <ac:spMkLst>
            <pc:docMk/>
            <pc:sldMk cId="2376958513" sldId="260"/>
            <ac:spMk id="13384" creationId="{1944E2CD-2D92-57AA-0218-9032F548575A}"/>
          </ac:spMkLst>
        </pc:spChg>
        <pc:spChg chg="mod">
          <ac:chgData name="White, Alex" userId="eff6cc8c-37d8-483b-9c6c-6b27e9afa9bc" providerId="ADAL" clId="{BF04C754-5BF4-4E83-9615-DB14FA25AF8A}" dt="2023-10-12T11:38:42.377" v="307"/>
          <ac:spMkLst>
            <pc:docMk/>
            <pc:sldMk cId="2376958513" sldId="260"/>
            <ac:spMk id="13385" creationId="{EB9CCD76-4CAC-8191-E162-3E7233A1D3C9}"/>
          </ac:spMkLst>
        </pc:spChg>
        <pc:spChg chg="mod">
          <ac:chgData name="White, Alex" userId="eff6cc8c-37d8-483b-9c6c-6b27e9afa9bc" providerId="ADAL" clId="{BF04C754-5BF4-4E83-9615-DB14FA25AF8A}" dt="2023-10-12T11:38:42.377" v="307"/>
          <ac:spMkLst>
            <pc:docMk/>
            <pc:sldMk cId="2376958513" sldId="260"/>
            <ac:spMk id="13386" creationId="{7FF100BF-3AF5-A515-E262-8EE091EC09DA}"/>
          </ac:spMkLst>
        </pc:spChg>
        <pc:spChg chg="mod">
          <ac:chgData name="White, Alex" userId="eff6cc8c-37d8-483b-9c6c-6b27e9afa9bc" providerId="ADAL" clId="{BF04C754-5BF4-4E83-9615-DB14FA25AF8A}" dt="2023-10-12T11:38:42.377" v="307"/>
          <ac:spMkLst>
            <pc:docMk/>
            <pc:sldMk cId="2376958513" sldId="260"/>
            <ac:spMk id="13387" creationId="{C0ABBA66-FE39-1B80-CB33-9DC2903B085D}"/>
          </ac:spMkLst>
        </pc:spChg>
        <pc:spChg chg="mod">
          <ac:chgData name="White, Alex" userId="eff6cc8c-37d8-483b-9c6c-6b27e9afa9bc" providerId="ADAL" clId="{BF04C754-5BF4-4E83-9615-DB14FA25AF8A}" dt="2023-10-12T11:38:42.377" v="307"/>
          <ac:spMkLst>
            <pc:docMk/>
            <pc:sldMk cId="2376958513" sldId="260"/>
            <ac:spMk id="13388" creationId="{69DDF11D-F4CE-6EFB-CAB2-003F533819AB}"/>
          </ac:spMkLst>
        </pc:spChg>
        <pc:spChg chg="mod">
          <ac:chgData name="White, Alex" userId="eff6cc8c-37d8-483b-9c6c-6b27e9afa9bc" providerId="ADAL" clId="{BF04C754-5BF4-4E83-9615-DB14FA25AF8A}" dt="2023-10-12T11:38:42.377" v="307"/>
          <ac:spMkLst>
            <pc:docMk/>
            <pc:sldMk cId="2376958513" sldId="260"/>
            <ac:spMk id="13389" creationId="{3C7F740D-D7E3-6314-3CAF-A10F8BA9F92E}"/>
          </ac:spMkLst>
        </pc:spChg>
        <pc:spChg chg="mod">
          <ac:chgData name="White, Alex" userId="eff6cc8c-37d8-483b-9c6c-6b27e9afa9bc" providerId="ADAL" clId="{BF04C754-5BF4-4E83-9615-DB14FA25AF8A}" dt="2023-10-12T11:38:42.377" v="307"/>
          <ac:spMkLst>
            <pc:docMk/>
            <pc:sldMk cId="2376958513" sldId="260"/>
            <ac:spMk id="13390" creationId="{8489B4ED-4028-1DB0-4D4D-5FC55F97CE67}"/>
          </ac:spMkLst>
        </pc:spChg>
        <pc:spChg chg="mod">
          <ac:chgData name="White, Alex" userId="eff6cc8c-37d8-483b-9c6c-6b27e9afa9bc" providerId="ADAL" clId="{BF04C754-5BF4-4E83-9615-DB14FA25AF8A}" dt="2023-10-12T11:38:42.377" v="307"/>
          <ac:spMkLst>
            <pc:docMk/>
            <pc:sldMk cId="2376958513" sldId="260"/>
            <ac:spMk id="13391" creationId="{169158F6-A1B1-CDD2-53C7-995647EE9AEA}"/>
          </ac:spMkLst>
        </pc:spChg>
        <pc:spChg chg="mod">
          <ac:chgData name="White, Alex" userId="eff6cc8c-37d8-483b-9c6c-6b27e9afa9bc" providerId="ADAL" clId="{BF04C754-5BF4-4E83-9615-DB14FA25AF8A}" dt="2023-10-12T11:38:42.377" v="307"/>
          <ac:spMkLst>
            <pc:docMk/>
            <pc:sldMk cId="2376958513" sldId="260"/>
            <ac:spMk id="13392" creationId="{AD520921-02E9-8622-4F63-8DC6DB9D5450}"/>
          </ac:spMkLst>
        </pc:spChg>
        <pc:spChg chg="mod">
          <ac:chgData name="White, Alex" userId="eff6cc8c-37d8-483b-9c6c-6b27e9afa9bc" providerId="ADAL" clId="{BF04C754-5BF4-4E83-9615-DB14FA25AF8A}" dt="2023-10-12T11:38:42.377" v="307"/>
          <ac:spMkLst>
            <pc:docMk/>
            <pc:sldMk cId="2376958513" sldId="260"/>
            <ac:spMk id="13393" creationId="{06F77AC0-C3B0-984C-171F-7DD45728A5CD}"/>
          </ac:spMkLst>
        </pc:spChg>
        <pc:spChg chg="mod">
          <ac:chgData name="White, Alex" userId="eff6cc8c-37d8-483b-9c6c-6b27e9afa9bc" providerId="ADAL" clId="{BF04C754-5BF4-4E83-9615-DB14FA25AF8A}" dt="2023-10-12T11:38:42.377" v="307"/>
          <ac:spMkLst>
            <pc:docMk/>
            <pc:sldMk cId="2376958513" sldId="260"/>
            <ac:spMk id="13394" creationId="{3B7E67D8-7645-0A0E-7FC8-540AA8BD74A2}"/>
          </ac:spMkLst>
        </pc:spChg>
        <pc:spChg chg="mod">
          <ac:chgData name="White, Alex" userId="eff6cc8c-37d8-483b-9c6c-6b27e9afa9bc" providerId="ADAL" clId="{BF04C754-5BF4-4E83-9615-DB14FA25AF8A}" dt="2023-10-12T11:38:42.377" v="307"/>
          <ac:spMkLst>
            <pc:docMk/>
            <pc:sldMk cId="2376958513" sldId="260"/>
            <ac:spMk id="13395" creationId="{E3716600-9D5D-C11B-5573-1189C687C071}"/>
          </ac:spMkLst>
        </pc:spChg>
        <pc:spChg chg="mod">
          <ac:chgData name="White, Alex" userId="eff6cc8c-37d8-483b-9c6c-6b27e9afa9bc" providerId="ADAL" clId="{BF04C754-5BF4-4E83-9615-DB14FA25AF8A}" dt="2023-10-12T11:38:42.377" v="307"/>
          <ac:spMkLst>
            <pc:docMk/>
            <pc:sldMk cId="2376958513" sldId="260"/>
            <ac:spMk id="13396" creationId="{56320140-B749-CB3A-D5B9-C812F02B142A}"/>
          </ac:spMkLst>
        </pc:spChg>
        <pc:spChg chg="mod">
          <ac:chgData name="White, Alex" userId="eff6cc8c-37d8-483b-9c6c-6b27e9afa9bc" providerId="ADAL" clId="{BF04C754-5BF4-4E83-9615-DB14FA25AF8A}" dt="2023-10-12T11:38:42.377" v="307"/>
          <ac:spMkLst>
            <pc:docMk/>
            <pc:sldMk cId="2376958513" sldId="260"/>
            <ac:spMk id="13397" creationId="{1A9570BB-1877-90D8-4904-D2ECA6FA6900}"/>
          </ac:spMkLst>
        </pc:spChg>
        <pc:spChg chg="mod">
          <ac:chgData name="White, Alex" userId="eff6cc8c-37d8-483b-9c6c-6b27e9afa9bc" providerId="ADAL" clId="{BF04C754-5BF4-4E83-9615-DB14FA25AF8A}" dt="2023-10-12T11:38:42.377" v="307"/>
          <ac:spMkLst>
            <pc:docMk/>
            <pc:sldMk cId="2376958513" sldId="260"/>
            <ac:spMk id="13398" creationId="{DB8C874A-431B-D920-6901-C431A1FAA8CC}"/>
          </ac:spMkLst>
        </pc:spChg>
        <pc:spChg chg="mod">
          <ac:chgData name="White, Alex" userId="eff6cc8c-37d8-483b-9c6c-6b27e9afa9bc" providerId="ADAL" clId="{BF04C754-5BF4-4E83-9615-DB14FA25AF8A}" dt="2023-10-12T11:38:42.377" v="307"/>
          <ac:spMkLst>
            <pc:docMk/>
            <pc:sldMk cId="2376958513" sldId="260"/>
            <ac:spMk id="13399" creationId="{959DD14B-42D0-57D2-1AE3-D67B14B762CD}"/>
          </ac:spMkLst>
        </pc:spChg>
        <pc:spChg chg="mod">
          <ac:chgData name="White, Alex" userId="eff6cc8c-37d8-483b-9c6c-6b27e9afa9bc" providerId="ADAL" clId="{BF04C754-5BF4-4E83-9615-DB14FA25AF8A}" dt="2023-10-12T11:38:42.377" v="307"/>
          <ac:spMkLst>
            <pc:docMk/>
            <pc:sldMk cId="2376958513" sldId="260"/>
            <ac:spMk id="13400" creationId="{3F93232E-1880-5685-D3F5-22A89DC8A3E6}"/>
          </ac:spMkLst>
        </pc:spChg>
        <pc:spChg chg="mod">
          <ac:chgData name="White, Alex" userId="eff6cc8c-37d8-483b-9c6c-6b27e9afa9bc" providerId="ADAL" clId="{BF04C754-5BF4-4E83-9615-DB14FA25AF8A}" dt="2023-10-12T11:38:42.377" v="307"/>
          <ac:spMkLst>
            <pc:docMk/>
            <pc:sldMk cId="2376958513" sldId="260"/>
            <ac:spMk id="13401" creationId="{1EA73C3B-E135-26A6-AF14-EE71D5D031B3}"/>
          </ac:spMkLst>
        </pc:spChg>
        <pc:spChg chg="mod">
          <ac:chgData name="White, Alex" userId="eff6cc8c-37d8-483b-9c6c-6b27e9afa9bc" providerId="ADAL" clId="{BF04C754-5BF4-4E83-9615-DB14FA25AF8A}" dt="2023-10-12T11:38:42.377" v="307"/>
          <ac:spMkLst>
            <pc:docMk/>
            <pc:sldMk cId="2376958513" sldId="260"/>
            <ac:spMk id="13402" creationId="{CBFD917B-6D66-3B13-940F-40E35995CB70}"/>
          </ac:spMkLst>
        </pc:spChg>
        <pc:spChg chg="mod">
          <ac:chgData name="White, Alex" userId="eff6cc8c-37d8-483b-9c6c-6b27e9afa9bc" providerId="ADAL" clId="{BF04C754-5BF4-4E83-9615-DB14FA25AF8A}" dt="2023-10-12T11:38:42.377" v="307"/>
          <ac:spMkLst>
            <pc:docMk/>
            <pc:sldMk cId="2376958513" sldId="260"/>
            <ac:spMk id="13403" creationId="{C58EDCD8-A257-23C0-B683-6E48B93731F2}"/>
          </ac:spMkLst>
        </pc:spChg>
        <pc:spChg chg="mod">
          <ac:chgData name="White, Alex" userId="eff6cc8c-37d8-483b-9c6c-6b27e9afa9bc" providerId="ADAL" clId="{BF04C754-5BF4-4E83-9615-DB14FA25AF8A}" dt="2023-10-12T11:38:42.377" v="307"/>
          <ac:spMkLst>
            <pc:docMk/>
            <pc:sldMk cId="2376958513" sldId="260"/>
            <ac:spMk id="13404" creationId="{F4D1F289-7AF7-1446-CA5D-A62B71A434A7}"/>
          </ac:spMkLst>
        </pc:spChg>
        <pc:spChg chg="mod">
          <ac:chgData name="White, Alex" userId="eff6cc8c-37d8-483b-9c6c-6b27e9afa9bc" providerId="ADAL" clId="{BF04C754-5BF4-4E83-9615-DB14FA25AF8A}" dt="2023-10-12T11:38:42.377" v="307"/>
          <ac:spMkLst>
            <pc:docMk/>
            <pc:sldMk cId="2376958513" sldId="260"/>
            <ac:spMk id="13405" creationId="{78BFD500-8166-6798-CE13-93B149C34790}"/>
          </ac:spMkLst>
        </pc:spChg>
        <pc:spChg chg="mod">
          <ac:chgData name="White, Alex" userId="eff6cc8c-37d8-483b-9c6c-6b27e9afa9bc" providerId="ADAL" clId="{BF04C754-5BF4-4E83-9615-DB14FA25AF8A}" dt="2023-10-12T11:38:42.377" v="307"/>
          <ac:spMkLst>
            <pc:docMk/>
            <pc:sldMk cId="2376958513" sldId="260"/>
            <ac:spMk id="13406" creationId="{3CBF085B-84AE-18A3-5EDF-2D5267BDAA22}"/>
          </ac:spMkLst>
        </pc:spChg>
        <pc:spChg chg="mod">
          <ac:chgData name="White, Alex" userId="eff6cc8c-37d8-483b-9c6c-6b27e9afa9bc" providerId="ADAL" clId="{BF04C754-5BF4-4E83-9615-DB14FA25AF8A}" dt="2023-10-12T11:38:42.377" v="307"/>
          <ac:spMkLst>
            <pc:docMk/>
            <pc:sldMk cId="2376958513" sldId="260"/>
            <ac:spMk id="13407" creationId="{B30E946A-05AA-098C-6FC1-8C2DB41B4EEE}"/>
          </ac:spMkLst>
        </pc:spChg>
        <pc:spChg chg="mod">
          <ac:chgData name="White, Alex" userId="eff6cc8c-37d8-483b-9c6c-6b27e9afa9bc" providerId="ADAL" clId="{BF04C754-5BF4-4E83-9615-DB14FA25AF8A}" dt="2023-10-12T11:38:42.377" v="307"/>
          <ac:spMkLst>
            <pc:docMk/>
            <pc:sldMk cId="2376958513" sldId="260"/>
            <ac:spMk id="13408" creationId="{70AA3232-359D-1142-6B3E-F42D1C95764E}"/>
          </ac:spMkLst>
        </pc:spChg>
        <pc:spChg chg="mod">
          <ac:chgData name="White, Alex" userId="eff6cc8c-37d8-483b-9c6c-6b27e9afa9bc" providerId="ADAL" clId="{BF04C754-5BF4-4E83-9615-DB14FA25AF8A}" dt="2023-10-12T11:38:42.377" v="307"/>
          <ac:spMkLst>
            <pc:docMk/>
            <pc:sldMk cId="2376958513" sldId="260"/>
            <ac:spMk id="13409" creationId="{299BFB06-F9A8-FF48-323D-19AAA61F2F70}"/>
          </ac:spMkLst>
        </pc:spChg>
        <pc:spChg chg="mod">
          <ac:chgData name="White, Alex" userId="eff6cc8c-37d8-483b-9c6c-6b27e9afa9bc" providerId="ADAL" clId="{BF04C754-5BF4-4E83-9615-DB14FA25AF8A}" dt="2023-10-12T11:38:42.377" v="307"/>
          <ac:spMkLst>
            <pc:docMk/>
            <pc:sldMk cId="2376958513" sldId="260"/>
            <ac:spMk id="13410" creationId="{B60CFF28-EA42-4A4E-CC99-C61867E48641}"/>
          </ac:spMkLst>
        </pc:spChg>
        <pc:spChg chg="mod">
          <ac:chgData name="White, Alex" userId="eff6cc8c-37d8-483b-9c6c-6b27e9afa9bc" providerId="ADAL" clId="{BF04C754-5BF4-4E83-9615-DB14FA25AF8A}" dt="2023-10-12T11:38:42.377" v="307"/>
          <ac:spMkLst>
            <pc:docMk/>
            <pc:sldMk cId="2376958513" sldId="260"/>
            <ac:spMk id="13411" creationId="{7C809797-8FD9-EFF9-4B8D-526F518F1C8A}"/>
          </ac:spMkLst>
        </pc:spChg>
        <pc:spChg chg="mod">
          <ac:chgData name="White, Alex" userId="eff6cc8c-37d8-483b-9c6c-6b27e9afa9bc" providerId="ADAL" clId="{BF04C754-5BF4-4E83-9615-DB14FA25AF8A}" dt="2023-10-12T11:38:42.377" v="307"/>
          <ac:spMkLst>
            <pc:docMk/>
            <pc:sldMk cId="2376958513" sldId="260"/>
            <ac:spMk id="13412" creationId="{C8D511D0-0616-B965-A8AE-DF90503EE8AB}"/>
          </ac:spMkLst>
        </pc:spChg>
        <pc:spChg chg="mod">
          <ac:chgData name="White, Alex" userId="eff6cc8c-37d8-483b-9c6c-6b27e9afa9bc" providerId="ADAL" clId="{BF04C754-5BF4-4E83-9615-DB14FA25AF8A}" dt="2023-10-12T11:38:42.377" v="307"/>
          <ac:spMkLst>
            <pc:docMk/>
            <pc:sldMk cId="2376958513" sldId="260"/>
            <ac:spMk id="13413" creationId="{4D81B2DD-61AD-F4BF-A959-4829DF03D40F}"/>
          </ac:spMkLst>
        </pc:spChg>
        <pc:spChg chg="mod">
          <ac:chgData name="White, Alex" userId="eff6cc8c-37d8-483b-9c6c-6b27e9afa9bc" providerId="ADAL" clId="{BF04C754-5BF4-4E83-9615-DB14FA25AF8A}" dt="2023-10-12T11:38:42.377" v="307"/>
          <ac:spMkLst>
            <pc:docMk/>
            <pc:sldMk cId="2376958513" sldId="260"/>
            <ac:spMk id="13414" creationId="{F90F8688-6FC1-A090-C96A-DA649E211DD2}"/>
          </ac:spMkLst>
        </pc:spChg>
        <pc:spChg chg="mod">
          <ac:chgData name="White, Alex" userId="eff6cc8c-37d8-483b-9c6c-6b27e9afa9bc" providerId="ADAL" clId="{BF04C754-5BF4-4E83-9615-DB14FA25AF8A}" dt="2023-10-12T11:38:42.377" v="307"/>
          <ac:spMkLst>
            <pc:docMk/>
            <pc:sldMk cId="2376958513" sldId="260"/>
            <ac:spMk id="13415" creationId="{0C3B338C-8FE9-60DA-7876-E6A2478415D7}"/>
          </ac:spMkLst>
        </pc:spChg>
        <pc:spChg chg="mod">
          <ac:chgData name="White, Alex" userId="eff6cc8c-37d8-483b-9c6c-6b27e9afa9bc" providerId="ADAL" clId="{BF04C754-5BF4-4E83-9615-DB14FA25AF8A}" dt="2023-10-12T11:38:42.377" v="307"/>
          <ac:spMkLst>
            <pc:docMk/>
            <pc:sldMk cId="2376958513" sldId="260"/>
            <ac:spMk id="13416" creationId="{A5B2CC01-3481-7459-D209-C7A81D2EF475}"/>
          </ac:spMkLst>
        </pc:spChg>
        <pc:spChg chg="mod">
          <ac:chgData name="White, Alex" userId="eff6cc8c-37d8-483b-9c6c-6b27e9afa9bc" providerId="ADAL" clId="{BF04C754-5BF4-4E83-9615-DB14FA25AF8A}" dt="2023-10-12T11:38:42.377" v="307"/>
          <ac:spMkLst>
            <pc:docMk/>
            <pc:sldMk cId="2376958513" sldId="260"/>
            <ac:spMk id="13417" creationId="{B03FF91C-B899-8C2F-842B-81E1C3DA30B2}"/>
          </ac:spMkLst>
        </pc:spChg>
        <pc:spChg chg="mod">
          <ac:chgData name="White, Alex" userId="eff6cc8c-37d8-483b-9c6c-6b27e9afa9bc" providerId="ADAL" clId="{BF04C754-5BF4-4E83-9615-DB14FA25AF8A}" dt="2023-10-12T11:38:42.377" v="307"/>
          <ac:spMkLst>
            <pc:docMk/>
            <pc:sldMk cId="2376958513" sldId="260"/>
            <ac:spMk id="13418" creationId="{F0AA6FB0-FB29-1DDC-293D-385C40CB265E}"/>
          </ac:spMkLst>
        </pc:spChg>
        <pc:spChg chg="mod">
          <ac:chgData name="White, Alex" userId="eff6cc8c-37d8-483b-9c6c-6b27e9afa9bc" providerId="ADAL" clId="{BF04C754-5BF4-4E83-9615-DB14FA25AF8A}" dt="2023-10-12T11:38:42.377" v="307"/>
          <ac:spMkLst>
            <pc:docMk/>
            <pc:sldMk cId="2376958513" sldId="260"/>
            <ac:spMk id="13419" creationId="{69ECF02E-E16C-3E5C-835D-DEFC3D81E79C}"/>
          </ac:spMkLst>
        </pc:spChg>
        <pc:spChg chg="mod">
          <ac:chgData name="White, Alex" userId="eff6cc8c-37d8-483b-9c6c-6b27e9afa9bc" providerId="ADAL" clId="{BF04C754-5BF4-4E83-9615-DB14FA25AF8A}" dt="2023-10-12T11:38:42.377" v="307"/>
          <ac:spMkLst>
            <pc:docMk/>
            <pc:sldMk cId="2376958513" sldId="260"/>
            <ac:spMk id="13420" creationId="{9DB3252B-4FCD-F709-2BA7-46BFFCAF2FA7}"/>
          </ac:spMkLst>
        </pc:spChg>
        <pc:spChg chg="mod">
          <ac:chgData name="White, Alex" userId="eff6cc8c-37d8-483b-9c6c-6b27e9afa9bc" providerId="ADAL" clId="{BF04C754-5BF4-4E83-9615-DB14FA25AF8A}" dt="2023-10-12T11:38:42.377" v="307"/>
          <ac:spMkLst>
            <pc:docMk/>
            <pc:sldMk cId="2376958513" sldId="260"/>
            <ac:spMk id="13421" creationId="{78639D55-D0B6-AA7F-5FE7-4E72840C66CF}"/>
          </ac:spMkLst>
        </pc:spChg>
        <pc:spChg chg="mod">
          <ac:chgData name="White, Alex" userId="eff6cc8c-37d8-483b-9c6c-6b27e9afa9bc" providerId="ADAL" clId="{BF04C754-5BF4-4E83-9615-DB14FA25AF8A}" dt="2023-10-12T11:38:42.377" v="307"/>
          <ac:spMkLst>
            <pc:docMk/>
            <pc:sldMk cId="2376958513" sldId="260"/>
            <ac:spMk id="13422" creationId="{F349BDBC-B526-FDD5-D37A-DE8E1196284E}"/>
          </ac:spMkLst>
        </pc:spChg>
        <pc:spChg chg="mod">
          <ac:chgData name="White, Alex" userId="eff6cc8c-37d8-483b-9c6c-6b27e9afa9bc" providerId="ADAL" clId="{BF04C754-5BF4-4E83-9615-DB14FA25AF8A}" dt="2023-10-12T11:38:42.377" v="307"/>
          <ac:spMkLst>
            <pc:docMk/>
            <pc:sldMk cId="2376958513" sldId="260"/>
            <ac:spMk id="13423" creationId="{9DA8B3D6-1193-1A54-8308-3D0E16513E3B}"/>
          </ac:spMkLst>
        </pc:spChg>
        <pc:spChg chg="mod">
          <ac:chgData name="White, Alex" userId="eff6cc8c-37d8-483b-9c6c-6b27e9afa9bc" providerId="ADAL" clId="{BF04C754-5BF4-4E83-9615-DB14FA25AF8A}" dt="2023-10-12T11:38:42.377" v="307"/>
          <ac:spMkLst>
            <pc:docMk/>
            <pc:sldMk cId="2376958513" sldId="260"/>
            <ac:spMk id="13424" creationId="{63CFCDED-123E-E339-7432-5DF26765DD64}"/>
          </ac:spMkLst>
        </pc:spChg>
        <pc:spChg chg="mod">
          <ac:chgData name="White, Alex" userId="eff6cc8c-37d8-483b-9c6c-6b27e9afa9bc" providerId="ADAL" clId="{BF04C754-5BF4-4E83-9615-DB14FA25AF8A}" dt="2023-10-12T11:38:42.377" v="307"/>
          <ac:spMkLst>
            <pc:docMk/>
            <pc:sldMk cId="2376958513" sldId="260"/>
            <ac:spMk id="13425" creationId="{76DAA6E6-E596-75FA-4093-B58C2ABEB270}"/>
          </ac:spMkLst>
        </pc:spChg>
        <pc:spChg chg="mod">
          <ac:chgData name="White, Alex" userId="eff6cc8c-37d8-483b-9c6c-6b27e9afa9bc" providerId="ADAL" clId="{BF04C754-5BF4-4E83-9615-DB14FA25AF8A}" dt="2023-10-12T11:38:42.377" v="307"/>
          <ac:spMkLst>
            <pc:docMk/>
            <pc:sldMk cId="2376958513" sldId="260"/>
            <ac:spMk id="13426" creationId="{48717F11-5290-AB82-2709-796F75653C4C}"/>
          </ac:spMkLst>
        </pc:spChg>
        <pc:spChg chg="mod">
          <ac:chgData name="White, Alex" userId="eff6cc8c-37d8-483b-9c6c-6b27e9afa9bc" providerId="ADAL" clId="{BF04C754-5BF4-4E83-9615-DB14FA25AF8A}" dt="2023-10-12T11:38:42.377" v="307"/>
          <ac:spMkLst>
            <pc:docMk/>
            <pc:sldMk cId="2376958513" sldId="260"/>
            <ac:spMk id="13427" creationId="{E025EABB-DA16-38C8-4FF4-564787ADC8AF}"/>
          </ac:spMkLst>
        </pc:spChg>
        <pc:spChg chg="mod">
          <ac:chgData name="White, Alex" userId="eff6cc8c-37d8-483b-9c6c-6b27e9afa9bc" providerId="ADAL" clId="{BF04C754-5BF4-4E83-9615-DB14FA25AF8A}" dt="2023-10-12T11:38:42.377" v="307"/>
          <ac:spMkLst>
            <pc:docMk/>
            <pc:sldMk cId="2376958513" sldId="260"/>
            <ac:spMk id="13428" creationId="{0538E305-9619-FB0A-D7A0-8073C349E2E4}"/>
          </ac:spMkLst>
        </pc:spChg>
        <pc:spChg chg="mod">
          <ac:chgData name="White, Alex" userId="eff6cc8c-37d8-483b-9c6c-6b27e9afa9bc" providerId="ADAL" clId="{BF04C754-5BF4-4E83-9615-DB14FA25AF8A}" dt="2023-10-12T11:38:42.377" v="307"/>
          <ac:spMkLst>
            <pc:docMk/>
            <pc:sldMk cId="2376958513" sldId="260"/>
            <ac:spMk id="13429" creationId="{26D22864-3A19-0CDF-E425-8C3CD71B3FA3}"/>
          </ac:spMkLst>
        </pc:spChg>
        <pc:spChg chg="mod">
          <ac:chgData name="White, Alex" userId="eff6cc8c-37d8-483b-9c6c-6b27e9afa9bc" providerId="ADAL" clId="{BF04C754-5BF4-4E83-9615-DB14FA25AF8A}" dt="2023-10-12T11:38:42.377" v="307"/>
          <ac:spMkLst>
            <pc:docMk/>
            <pc:sldMk cId="2376958513" sldId="260"/>
            <ac:spMk id="13430" creationId="{36AA2EA2-5648-441E-412E-AAECCCC1CB2D}"/>
          </ac:spMkLst>
        </pc:spChg>
        <pc:spChg chg="mod">
          <ac:chgData name="White, Alex" userId="eff6cc8c-37d8-483b-9c6c-6b27e9afa9bc" providerId="ADAL" clId="{BF04C754-5BF4-4E83-9615-DB14FA25AF8A}" dt="2023-10-12T11:38:42.377" v="307"/>
          <ac:spMkLst>
            <pc:docMk/>
            <pc:sldMk cId="2376958513" sldId="260"/>
            <ac:spMk id="13431" creationId="{EEDD295C-894F-1D1E-4939-7D14BAD96AE7}"/>
          </ac:spMkLst>
        </pc:spChg>
        <pc:spChg chg="mod">
          <ac:chgData name="White, Alex" userId="eff6cc8c-37d8-483b-9c6c-6b27e9afa9bc" providerId="ADAL" clId="{BF04C754-5BF4-4E83-9615-DB14FA25AF8A}" dt="2023-10-12T11:38:42.377" v="307"/>
          <ac:spMkLst>
            <pc:docMk/>
            <pc:sldMk cId="2376958513" sldId="260"/>
            <ac:spMk id="13432" creationId="{040CB457-76DD-0DA7-3AD6-E6E102C32493}"/>
          </ac:spMkLst>
        </pc:spChg>
        <pc:spChg chg="mod">
          <ac:chgData name="White, Alex" userId="eff6cc8c-37d8-483b-9c6c-6b27e9afa9bc" providerId="ADAL" clId="{BF04C754-5BF4-4E83-9615-DB14FA25AF8A}" dt="2023-10-12T11:38:42.377" v="307"/>
          <ac:spMkLst>
            <pc:docMk/>
            <pc:sldMk cId="2376958513" sldId="260"/>
            <ac:spMk id="13433" creationId="{0EA4BE86-C191-B6C2-EE89-C44883807AD9}"/>
          </ac:spMkLst>
        </pc:spChg>
        <pc:spChg chg="mod">
          <ac:chgData name="White, Alex" userId="eff6cc8c-37d8-483b-9c6c-6b27e9afa9bc" providerId="ADAL" clId="{BF04C754-5BF4-4E83-9615-DB14FA25AF8A}" dt="2023-10-12T11:38:42.377" v="307"/>
          <ac:spMkLst>
            <pc:docMk/>
            <pc:sldMk cId="2376958513" sldId="260"/>
            <ac:spMk id="13434" creationId="{249097FE-8E9D-CD5E-5C7E-C9349BDAE0C3}"/>
          </ac:spMkLst>
        </pc:spChg>
        <pc:spChg chg="mod">
          <ac:chgData name="White, Alex" userId="eff6cc8c-37d8-483b-9c6c-6b27e9afa9bc" providerId="ADAL" clId="{BF04C754-5BF4-4E83-9615-DB14FA25AF8A}" dt="2023-10-12T11:38:42.377" v="307"/>
          <ac:spMkLst>
            <pc:docMk/>
            <pc:sldMk cId="2376958513" sldId="260"/>
            <ac:spMk id="13435" creationId="{C262CA19-2BC1-207F-40D1-4207285D214F}"/>
          </ac:spMkLst>
        </pc:spChg>
        <pc:spChg chg="mod">
          <ac:chgData name="White, Alex" userId="eff6cc8c-37d8-483b-9c6c-6b27e9afa9bc" providerId="ADAL" clId="{BF04C754-5BF4-4E83-9615-DB14FA25AF8A}" dt="2023-10-12T11:38:42.377" v="307"/>
          <ac:spMkLst>
            <pc:docMk/>
            <pc:sldMk cId="2376958513" sldId="260"/>
            <ac:spMk id="13436" creationId="{A846E26C-6E38-A951-9E37-1007534E536B}"/>
          </ac:spMkLst>
        </pc:spChg>
        <pc:spChg chg="mod">
          <ac:chgData name="White, Alex" userId="eff6cc8c-37d8-483b-9c6c-6b27e9afa9bc" providerId="ADAL" clId="{BF04C754-5BF4-4E83-9615-DB14FA25AF8A}" dt="2023-10-12T11:38:42.377" v="307"/>
          <ac:spMkLst>
            <pc:docMk/>
            <pc:sldMk cId="2376958513" sldId="260"/>
            <ac:spMk id="13437" creationId="{95917A45-9987-B299-CD92-0C7383C478B7}"/>
          </ac:spMkLst>
        </pc:spChg>
        <pc:spChg chg="mod">
          <ac:chgData name="White, Alex" userId="eff6cc8c-37d8-483b-9c6c-6b27e9afa9bc" providerId="ADAL" clId="{BF04C754-5BF4-4E83-9615-DB14FA25AF8A}" dt="2023-10-12T11:38:42.377" v="307"/>
          <ac:spMkLst>
            <pc:docMk/>
            <pc:sldMk cId="2376958513" sldId="260"/>
            <ac:spMk id="13438" creationId="{432A566C-7254-18DC-0DBC-43EEA64F426C}"/>
          </ac:spMkLst>
        </pc:spChg>
        <pc:spChg chg="mod">
          <ac:chgData name="White, Alex" userId="eff6cc8c-37d8-483b-9c6c-6b27e9afa9bc" providerId="ADAL" clId="{BF04C754-5BF4-4E83-9615-DB14FA25AF8A}" dt="2023-10-12T11:38:42.377" v="307"/>
          <ac:spMkLst>
            <pc:docMk/>
            <pc:sldMk cId="2376958513" sldId="260"/>
            <ac:spMk id="13439" creationId="{8EF68D98-ACDA-F31D-08A9-BC7AB2471635}"/>
          </ac:spMkLst>
        </pc:spChg>
        <pc:spChg chg="mod">
          <ac:chgData name="White, Alex" userId="eff6cc8c-37d8-483b-9c6c-6b27e9afa9bc" providerId="ADAL" clId="{BF04C754-5BF4-4E83-9615-DB14FA25AF8A}" dt="2023-10-12T11:38:42.377" v="307"/>
          <ac:spMkLst>
            <pc:docMk/>
            <pc:sldMk cId="2376958513" sldId="260"/>
            <ac:spMk id="13440" creationId="{1622D6DA-1F20-B8DD-B9E8-0619D507EA87}"/>
          </ac:spMkLst>
        </pc:spChg>
        <pc:spChg chg="mod">
          <ac:chgData name="White, Alex" userId="eff6cc8c-37d8-483b-9c6c-6b27e9afa9bc" providerId="ADAL" clId="{BF04C754-5BF4-4E83-9615-DB14FA25AF8A}" dt="2023-10-12T11:38:42.377" v="307"/>
          <ac:spMkLst>
            <pc:docMk/>
            <pc:sldMk cId="2376958513" sldId="260"/>
            <ac:spMk id="13441" creationId="{4BAFD53E-1229-F1D8-9EEC-3170FBE19B02}"/>
          </ac:spMkLst>
        </pc:spChg>
        <pc:spChg chg="mod">
          <ac:chgData name="White, Alex" userId="eff6cc8c-37d8-483b-9c6c-6b27e9afa9bc" providerId="ADAL" clId="{BF04C754-5BF4-4E83-9615-DB14FA25AF8A}" dt="2023-10-12T11:38:42.377" v="307"/>
          <ac:spMkLst>
            <pc:docMk/>
            <pc:sldMk cId="2376958513" sldId="260"/>
            <ac:spMk id="13442" creationId="{9EC8ED49-0F00-9CB2-44C2-1D5CCA97D5E7}"/>
          </ac:spMkLst>
        </pc:spChg>
        <pc:spChg chg="mod">
          <ac:chgData name="White, Alex" userId="eff6cc8c-37d8-483b-9c6c-6b27e9afa9bc" providerId="ADAL" clId="{BF04C754-5BF4-4E83-9615-DB14FA25AF8A}" dt="2023-10-12T11:38:42.377" v="307"/>
          <ac:spMkLst>
            <pc:docMk/>
            <pc:sldMk cId="2376958513" sldId="260"/>
            <ac:spMk id="13443" creationId="{C0688115-9374-1953-7740-94AE95C2CA90}"/>
          </ac:spMkLst>
        </pc:spChg>
        <pc:spChg chg="mod">
          <ac:chgData name="White, Alex" userId="eff6cc8c-37d8-483b-9c6c-6b27e9afa9bc" providerId="ADAL" clId="{BF04C754-5BF4-4E83-9615-DB14FA25AF8A}" dt="2023-10-12T11:38:42.377" v="307"/>
          <ac:spMkLst>
            <pc:docMk/>
            <pc:sldMk cId="2376958513" sldId="260"/>
            <ac:spMk id="13444" creationId="{87E1F117-79F6-60D8-3074-C7877D0F4218}"/>
          </ac:spMkLst>
        </pc:spChg>
        <pc:spChg chg="mod">
          <ac:chgData name="White, Alex" userId="eff6cc8c-37d8-483b-9c6c-6b27e9afa9bc" providerId="ADAL" clId="{BF04C754-5BF4-4E83-9615-DB14FA25AF8A}" dt="2023-10-12T11:38:42.377" v="307"/>
          <ac:spMkLst>
            <pc:docMk/>
            <pc:sldMk cId="2376958513" sldId="260"/>
            <ac:spMk id="13445" creationId="{5947AF84-C141-BCC1-13F9-CCBA4AFDD86A}"/>
          </ac:spMkLst>
        </pc:spChg>
        <pc:spChg chg="mod">
          <ac:chgData name="White, Alex" userId="eff6cc8c-37d8-483b-9c6c-6b27e9afa9bc" providerId="ADAL" clId="{BF04C754-5BF4-4E83-9615-DB14FA25AF8A}" dt="2023-10-12T11:38:42.377" v="307"/>
          <ac:spMkLst>
            <pc:docMk/>
            <pc:sldMk cId="2376958513" sldId="260"/>
            <ac:spMk id="13446" creationId="{7786C5D1-E678-1659-CF57-4391CDDA0335}"/>
          </ac:spMkLst>
        </pc:spChg>
        <pc:spChg chg="mod">
          <ac:chgData name="White, Alex" userId="eff6cc8c-37d8-483b-9c6c-6b27e9afa9bc" providerId="ADAL" clId="{BF04C754-5BF4-4E83-9615-DB14FA25AF8A}" dt="2023-10-12T11:38:42.377" v="307"/>
          <ac:spMkLst>
            <pc:docMk/>
            <pc:sldMk cId="2376958513" sldId="260"/>
            <ac:spMk id="13447" creationId="{EA8DD379-9080-4873-6165-7E0A6156DCB6}"/>
          </ac:spMkLst>
        </pc:spChg>
        <pc:spChg chg="mod">
          <ac:chgData name="White, Alex" userId="eff6cc8c-37d8-483b-9c6c-6b27e9afa9bc" providerId="ADAL" clId="{BF04C754-5BF4-4E83-9615-DB14FA25AF8A}" dt="2023-10-12T11:38:42.377" v="307"/>
          <ac:spMkLst>
            <pc:docMk/>
            <pc:sldMk cId="2376958513" sldId="260"/>
            <ac:spMk id="13448" creationId="{CB4FDCC5-D54B-9C3E-C8B5-09E75354CC32}"/>
          </ac:spMkLst>
        </pc:spChg>
        <pc:spChg chg="mod">
          <ac:chgData name="White, Alex" userId="eff6cc8c-37d8-483b-9c6c-6b27e9afa9bc" providerId="ADAL" clId="{BF04C754-5BF4-4E83-9615-DB14FA25AF8A}" dt="2023-10-12T11:38:42.377" v="307"/>
          <ac:spMkLst>
            <pc:docMk/>
            <pc:sldMk cId="2376958513" sldId="260"/>
            <ac:spMk id="13449" creationId="{BF9FEFE8-0357-83F2-6D03-E61ECF57A65E}"/>
          </ac:spMkLst>
        </pc:spChg>
        <pc:spChg chg="mod">
          <ac:chgData name="White, Alex" userId="eff6cc8c-37d8-483b-9c6c-6b27e9afa9bc" providerId="ADAL" clId="{BF04C754-5BF4-4E83-9615-DB14FA25AF8A}" dt="2023-10-12T11:38:42.377" v="307"/>
          <ac:spMkLst>
            <pc:docMk/>
            <pc:sldMk cId="2376958513" sldId="260"/>
            <ac:spMk id="13450" creationId="{D0E870B6-2817-C7EB-3ABD-4A58F4A024F4}"/>
          </ac:spMkLst>
        </pc:spChg>
        <pc:spChg chg="mod">
          <ac:chgData name="White, Alex" userId="eff6cc8c-37d8-483b-9c6c-6b27e9afa9bc" providerId="ADAL" clId="{BF04C754-5BF4-4E83-9615-DB14FA25AF8A}" dt="2023-10-12T11:38:42.377" v="307"/>
          <ac:spMkLst>
            <pc:docMk/>
            <pc:sldMk cId="2376958513" sldId="260"/>
            <ac:spMk id="13451" creationId="{ECC2D721-FFB7-CC93-483A-988191083730}"/>
          </ac:spMkLst>
        </pc:spChg>
        <pc:spChg chg="mod">
          <ac:chgData name="White, Alex" userId="eff6cc8c-37d8-483b-9c6c-6b27e9afa9bc" providerId="ADAL" clId="{BF04C754-5BF4-4E83-9615-DB14FA25AF8A}" dt="2023-10-12T11:38:42.377" v="307"/>
          <ac:spMkLst>
            <pc:docMk/>
            <pc:sldMk cId="2376958513" sldId="260"/>
            <ac:spMk id="13452" creationId="{DE764F8C-CA9E-1F18-5B19-495FA616B2D4}"/>
          </ac:spMkLst>
        </pc:spChg>
        <pc:spChg chg="mod">
          <ac:chgData name="White, Alex" userId="eff6cc8c-37d8-483b-9c6c-6b27e9afa9bc" providerId="ADAL" clId="{BF04C754-5BF4-4E83-9615-DB14FA25AF8A}" dt="2023-10-12T11:38:42.377" v="307"/>
          <ac:spMkLst>
            <pc:docMk/>
            <pc:sldMk cId="2376958513" sldId="260"/>
            <ac:spMk id="13453" creationId="{B4630A57-1639-759C-74FD-204084093D68}"/>
          </ac:spMkLst>
        </pc:spChg>
        <pc:spChg chg="mod">
          <ac:chgData name="White, Alex" userId="eff6cc8c-37d8-483b-9c6c-6b27e9afa9bc" providerId="ADAL" clId="{BF04C754-5BF4-4E83-9615-DB14FA25AF8A}" dt="2023-10-12T11:38:42.377" v="307"/>
          <ac:spMkLst>
            <pc:docMk/>
            <pc:sldMk cId="2376958513" sldId="260"/>
            <ac:spMk id="13454" creationId="{2E22C361-4908-FC2B-9856-E35BFC2A8326}"/>
          </ac:spMkLst>
        </pc:spChg>
        <pc:spChg chg="mod">
          <ac:chgData name="White, Alex" userId="eff6cc8c-37d8-483b-9c6c-6b27e9afa9bc" providerId="ADAL" clId="{BF04C754-5BF4-4E83-9615-DB14FA25AF8A}" dt="2023-10-12T11:38:42.377" v="307"/>
          <ac:spMkLst>
            <pc:docMk/>
            <pc:sldMk cId="2376958513" sldId="260"/>
            <ac:spMk id="13455" creationId="{9A80A8D6-ADAE-EA9E-C847-E6D395EF41FC}"/>
          </ac:spMkLst>
        </pc:spChg>
        <pc:spChg chg="mod">
          <ac:chgData name="White, Alex" userId="eff6cc8c-37d8-483b-9c6c-6b27e9afa9bc" providerId="ADAL" clId="{BF04C754-5BF4-4E83-9615-DB14FA25AF8A}" dt="2023-10-12T11:38:42.377" v="307"/>
          <ac:spMkLst>
            <pc:docMk/>
            <pc:sldMk cId="2376958513" sldId="260"/>
            <ac:spMk id="13456" creationId="{DCD40182-7D64-DCEF-FD7F-0862554655A4}"/>
          </ac:spMkLst>
        </pc:spChg>
        <pc:spChg chg="mod">
          <ac:chgData name="White, Alex" userId="eff6cc8c-37d8-483b-9c6c-6b27e9afa9bc" providerId="ADAL" clId="{BF04C754-5BF4-4E83-9615-DB14FA25AF8A}" dt="2023-10-12T11:38:42.377" v="307"/>
          <ac:spMkLst>
            <pc:docMk/>
            <pc:sldMk cId="2376958513" sldId="260"/>
            <ac:spMk id="13457" creationId="{80B208B6-D5D9-4444-F811-B7030D447787}"/>
          </ac:spMkLst>
        </pc:spChg>
        <pc:spChg chg="mod">
          <ac:chgData name="White, Alex" userId="eff6cc8c-37d8-483b-9c6c-6b27e9afa9bc" providerId="ADAL" clId="{BF04C754-5BF4-4E83-9615-DB14FA25AF8A}" dt="2023-10-12T11:38:42.377" v="307"/>
          <ac:spMkLst>
            <pc:docMk/>
            <pc:sldMk cId="2376958513" sldId="260"/>
            <ac:spMk id="13458" creationId="{0FC8F7E8-CF53-E24A-87D8-C3FE09E27E18}"/>
          </ac:spMkLst>
        </pc:spChg>
        <pc:spChg chg="mod">
          <ac:chgData name="White, Alex" userId="eff6cc8c-37d8-483b-9c6c-6b27e9afa9bc" providerId="ADAL" clId="{BF04C754-5BF4-4E83-9615-DB14FA25AF8A}" dt="2023-10-12T11:38:42.377" v="307"/>
          <ac:spMkLst>
            <pc:docMk/>
            <pc:sldMk cId="2376958513" sldId="260"/>
            <ac:spMk id="13459" creationId="{C859DC16-7BD3-2681-B5C4-DDCF1B1D190B}"/>
          </ac:spMkLst>
        </pc:spChg>
        <pc:spChg chg="mod">
          <ac:chgData name="White, Alex" userId="eff6cc8c-37d8-483b-9c6c-6b27e9afa9bc" providerId="ADAL" clId="{BF04C754-5BF4-4E83-9615-DB14FA25AF8A}" dt="2023-10-12T11:38:42.377" v="307"/>
          <ac:spMkLst>
            <pc:docMk/>
            <pc:sldMk cId="2376958513" sldId="260"/>
            <ac:spMk id="13460" creationId="{2D52A617-63C5-72E5-0E9D-16CB45242A13}"/>
          </ac:spMkLst>
        </pc:spChg>
        <pc:spChg chg="mod">
          <ac:chgData name="White, Alex" userId="eff6cc8c-37d8-483b-9c6c-6b27e9afa9bc" providerId="ADAL" clId="{BF04C754-5BF4-4E83-9615-DB14FA25AF8A}" dt="2023-10-12T11:38:42.377" v="307"/>
          <ac:spMkLst>
            <pc:docMk/>
            <pc:sldMk cId="2376958513" sldId="260"/>
            <ac:spMk id="13461" creationId="{95F5D507-0ACD-A77E-1476-5C4CAF135282}"/>
          </ac:spMkLst>
        </pc:spChg>
        <pc:spChg chg="mod">
          <ac:chgData name="White, Alex" userId="eff6cc8c-37d8-483b-9c6c-6b27e9afa9bc" providerId="ADAL" clId="{BF04C754-5BF4-4E83-9615-DB14FA25AF8A}" dt="2023-10-12T11:38:42.377" v="307"/>
          <ac:spMkLst>
            <pc:docMk/>
            <pc:sldMk cId="2376958513" sldId="260"/>
            <ac:spMk id="13462" creationId="{3A0B6E6D-D6AB-82D9-3216-1CD18FA891D8}"/>
          </ac:spMkLst>
        </pc:spChg>
        <pc:spChg chg="mod">
          <ac:chgData name="White, Alex" userId="eff6cc8c-37d8-483b-9c6c-6b27e9afa9bc" providerId="ADAL" clId="{BF04C754-5BF4-4E83-9615-DB14FA25AF8A}" dt="2023-10-12T11:38:42.377" v="307"/>
          <ac:spMkLst>
            <pc:docMk/>
            <pc:sldMk cId="2376958513" sldId="260"/>
            <ac:spMk id="13463" creationId="{54DEA0AD-9897-507E-686E-AAB1A46A7262}"/>
          </ac:spMkLst>
        </pc:spChg>
        <pc:spChg chg="mod">
          <ac:chgData name="White, Alex" userId="eff6cc8c-37d8-483b-9c6c-6b27e9afa9bc" providerId="ADAL" clId="{BF04C754-5BF4-4E83-9615-DB14FA25AF8A}" dt="2023-10-12T11:38:42.377" v="307"/>
          <ac:spMkLst>
            <pc:docMk/>
            <pc:sldMk cId="2376958513" sldId="260"/>
            <ac:spMk id="13464" creationId="{5B2FF51D-EC15-024E-0C54-13F447260BEE}"/>
          </ac:spMkLst>
        </pc:spChg>
        <pc:spChg chg="mod">
          <ac:chgData name="White, Alex" userId="eff6cc8c-37d8-483b-9c6c-6b27e9afa9bc" providerId="ADAL" clId="{BF04C754-5BF4-4E83-9615-DB14FA25AF8A}" dt="2023-10-12T11:38:42.377" v="307"/>
          <ac:spMkLst>
            <pc:docMk/>
            <pc:sldMk cId="2376958513" sldId="260"/>
            <ac:spMk id="13465" creationId="{788298B8-1A18-2753-9C08-DF331C5FE7B2}"/>
          </ac:spMkLst>
        </pc:spChg>
        <pc:spChg chg="mod">
          <ac:chgData name="White, Alex" userId="eff6cc8c-37d8-483b-9c6c-6b27e9afa9bc" providerId="ADAL" clId="{BF04C754-5BF4-4E83-9615-DB14FA25AF8A}" dt="2023-10-12T11:38:42.377" v="307"/>
          <ac:spMkLst>
            <pc:docMk/>
            <pc:sldMk cId="2376958513" sldId="260"/>
            <ac:spMk id="13466" creationId="{8379E12F-7136-BFAC-9F33-18A0EA5F6231}"/>
          </ac:spMkLst>
        </pc:spChg>
        <pc:spChg chg="mod">
          <ac:chgData name="White, Alex" userId="eff6cc8c-37d8-483b-9c6c-6b27e9afa9bc" providerId="ADAL" clId="{BF04C754-5BF4-4E83-9615-DB14FA25AF8A}" dt="2023-10-12T11:38:42.377" v="307"/>
          <ac:spMkLst>
            <pc:docMk/>
            <pc:sldMk cId="2376958513" sldId="260"/>
            <ac:spMk id="13467" creationId="{E987DD62-C51E-DD31-A474-46352A2534D7}"/>
          </ac:spMkLst>
        </pc:spChg>
        <pc:spChg chg="mod">
          <ac:chgData name="White, Alex" userId="eff6cc8c-37d8-483b-9c6c-6b27e9afa9bc" providerId="ADAL" clId="{BF04C754-5BF4-4E83-9615-DB14FA25AF8A}" dt="2023-10-12T11:38:42.377" v="307"/>
          <ac:spMkLst>
            <pc:docMk/>
            <pc:sldMk cId="2376958513" sldId="260"/>
            <ac:spMk id="13468" creationId="{CC7C4D7D-E927-9CD7-B615-62E4F78219E8}"/>
          </ac:spMkLst>
        </pc:spChg>
        <pc:spChg chg="mod">
          <ac:chgData name="White, Alex" userId="eff6cc8c-37d8-483b-9c6c-6b27e9afa9bc" providerId="ADAL" clId="{BF04C754-5BF4-4E83-9615-DB14FA25AF8A}" dt="2023-10-12T11:38:42.377" v="307"/>
          <ac:spMkLst>
            <pc:docMk/>
            <pc:sldMk cId="2376958513" sldId="260"/>
            <ac:spMk id="13469" creationId="{725E3F96-6BC0-533E-6514-BBED40C920E7}"/>
          </ac:spMkLst>
        </pc:spChg>
        <pc:spChg chg="mod">
          <ac:chgData name="White, Alex" userId="eff6cc8c-37d8-483b-9c6c-6b27e9afa9bc" providerId="ADAL" clId="{BF04C754-5BF4-4E83-9615-DB14FA25AF8A}" dt="2023-10-12T11:38:42.377" v="307"/>
          <ac:spMkLst>
            <pc:docMk/>
            <pc:sldMk cId="2376958513" sldId="260"/>
            <ac:spMk id="13470" creationId="{B1B0881D-1E89-B646-1C46-20A72AFB1FF3}"/>
          </ac:spMkLst>
        </pc:spChg>
        <pc:spChg chg="mod">
          <ac:chgData name="White, Alex" userId="eff6cc8c-37d8-483b-9c6c-6b27e9afa9bc" providerId="ADAL" clId="{BF04C754-5BF4-4E83-9615-DB14FA25AF8A}" dt="2023-10-12T11:38:42.377" v="307"/>
          <ac:spMkLst>
            <pc:docMk/>
            <pc:sldMk cId="2376958513" sldId="260"/>
            <ac:spMk id="13471" creationId="{A0805893-3EE1-05FF-CC63-87AA4A66E5F3}"/>
          </ac:spMkLst>
        </pc:spChg>
        <pc:spChg chg="mod">
          <ac:chgData name="White, Alex" userId="eff6cc8c-37d8-483b-9c6c-6b27e9afa9bc" providerId="ADAL" clId="{BF04C754-5BF4-4E83-9615-DB14FA25AF8A}" dt="2023-10-12T11:38:42.377" v="307"/>
          <ac:spMkLst>
            <pc:docMk/>
            <pc:sldMk cId="2376958513" sldId="260"/>
            <ac:spMk id="13472" creationId="{6DB49108-6A94-A6D2-BAED-869574D931F1}"/>
          </ac:spMkLst>
        </pc:spChg>
        <pc:spChg chg="mod">
          <ac:chgData name="White, Alex" userId="eff6cc8c-37d8-483b-9c6c-6b27e9afa9bc" providerId="ADAL" clId="{BF04C754-5BF4-4E83-9615-DB14FA25AF8A}" dt="2023-10-12T11:38:42.377" v="307"/>
          <ac:spMkLst>
            <pc:docMk/>
            <pc:sldMk cId="2376958513" sldId="260"/>
            <ac:spMk id="13473" creationId="{F36152B3-A723-1530-8094-76BDEACCD3D8}"/>
          </ac:spMkLst>
        </pc:spChg>
        <pc:spChg chg="mod">
          <ac:chgData name="White, Alex" userId="eff6cc8c-37d8-483b-9c6c-6b27e9afa9bc" providerId="ADAL" clId="{BF04C754-5BF4-4E83-9615-DB14FA25AF8A}" dt="2023-10-12T11:38:42.377" v="307"/>
          <ac:spMkLst>
            <pc:docMk/>
            <pc:sldMk cId="2376958513" sldId="260"/>
            <ac:spMk id="13474" creationId="{3928C3B4-9F76-4C21-A52A-340185384B19}"/>
          </ac:spMkLst>
        </pc:spChg>
        <pc:spChg chg="mod">
          <ac:chgData name="White, Alex" userId="eff6cc8c-37d8-483b-9c6c-6b27e9afa9bc" providerId="ADAL" clId="{BF04C754-5BF4-4E83-9615-DB14FA25AF8A}" dt="2023-10-12T11:38:42.377" v="307"/>
          <ac:spMkLst>
            <pc:docMk/>
            <pc:sldMk cId="2376958513" sldId="260"/>
            <ac:spMk id="13475" creationId="{8106CC5C-8130-8679-D16F-84711285294C}"/>
          </ac:spMkLst>
        </pc:spChg>
        <pc:spChg chg="mod">
          <ac:chgData name="White, Alex" userId="eff6cc8c-37d8-483b-9c6c-6b27e9afa9bc" providerId="ADAL" clId="{BF04C754-5BF4-4E83-9615-DB14FA25AF8A}" dt="2023-10-12T11:38:42.377" v="307"/>
          <ac:spMkLst>
            <pc:docMk/>
            <pc:sldMk cId="2376958513" sldId="260"/>
            <ac:spMk id="13476" creationId="{C571030F-D476-4163-E41C-02479535E8AF}"/>
          </ac:spMkLst>
        </pc:spChg>
        <pc:spChg chg="mod">
          <ac:chgData name="White, Alex" userId="eff6cc8c-37d8-483b-9c6c-6b27e9afa9bc" providerId="ADAL" clId="{BF04C754-5BF4-4E83-9615-DB14FA25AF8A}" dt="2023-10-12T11:38:42.377" v="307"/>
          <ac:spMkLst>
            <pc:docMk/>
            <pc:sldMk cId="2376958513" sldId="260"/>
            <ac:spMk id="13477" creationId="{01305239-F34E-944D-5AE6-534002A4E99E}"/>
          </ac:spMkLst>
        </pc:spChg>
        <pc:spChg chg="mod">
          <ac:chgData name="White, Alex" userId="eff6cc8c-37d8-483b-9c6c-6b27e9afa9bc" providerId="ADAL" clId="{BF04C754-5BF4-4E83-9615-DB14FA25AF8A}" dt="2023-10-12T11:38:42.377" v="307"/>
          <ac:spMkLst>
            <pc:docMk/>
            <pc:sldMk cId="2376958513" sldId="260"/>
            <ac:spMk id="13478" creationId="{F5B20DE9-6E3F-23E7-C5E7-99B48A5928D5}"/>
          </ac:spMkLst>
        </pc:spChg>
        <pc:spChg chg="mod">
          <ac:chgData name="White, Alex" userId="eff6cc8c-37d8-483b-9c6c-6b27e9afa9bc" providerId="ADAL" clId="{BF04C754-5BF4-4E83-9615-DB14FA25AF8A}" dt="2023-10-12T11:38:42.377" v="307"/>
          <ac:spMkLst>
            <pc:docMk/>
            <pc:sldMk cId="2376958513" sldId="260"/>
            <ac:spMk id="13479" creationId="{93D6FDE7-465F-A40B-5645-9D90ECD48DDC}"/>
          </ac:spMkLst>
        </pc:spChg>
        <pc:spChg chg="mod">
          <ac:chgData name="White, Alex" userId="eff6cc8c-37d8-483b-9c6c-6b27e9afa9bc" providerId="ADAL" clId="{BF04C754-5BF4-4E83-9615-DB14FA25AF8A}" dt="2023-10-12T11:38:42.377" v="307"/>
          <ac:spMkLst>
            <pc:docMk/>
            <pc:sldMk cId="2376958513" sldId="260"/>
            <ac:spMk id="13480" creationId="{40A5A38A-1346-AB70-87B1-501B4F447043}"/>
          </ac:spMkLst>
        </pc:spChg>
        <pc:spChg chg="mod">
          <ac:chgData name="White, Alex" userId="eff6cc8c-37d8-483b-9c6c-6b27e9afa9bc" providerId="ADAL" clId="{BF04C754-5BF4-4E83-9615-DB14FA25AF8A}" dt="2023-10-12T11:38:42.377" v="307"/>
          <ac:spMkLst>
            <pc:docMk/>
            <pc:sldMk cId="2376958513" sldId="260"/>
            <ac:spMk id="13481" creationId="{0472D2EE-9F06-78D2-4250-A4A668D2145E}"/>
          </ac:spMkLst>
        </pc:spChg>
        <pc:spChg chg="mod">
          <ac:chgData name="White, Alex" userId="eff6cc8c-37d8-483b-9c6c-6b27e9afa9bc" providerId="ADAL" clId="{BF04C754-5BF4-4E83-9615-DB14FA25AF8A}" dt="2023-10-12T11:38:42.377" v="307"/>
          <ac:spMkLst>
            <pc:docMk/>
            <pc:sldMk cId="2376958513" sldId="260"/>
            <ac:spMk id="13482" creationId="{CE138E50-CB46-5FF3-F1AE-5719CABDA3A6}"/>
          </ac:spMkLst>
        </pc:spChg>
        <pc:spChg chg="mod">
          <ac:chgData name="White, Alex" userId="eff6cc8c-37d8-483b-9c6c-6b27e9afa9bc" providerId="ADAL" clId="{BF04C754-5BF4-4E83-9615-DB14FA25AF8A}" dt="2023-10-12T11:38:42.377" v="307"/>
          <ac:spMkLst>
            <pc:docMk/>
            <pc:sldMk cId="2376958513" sldId="260"/>
            <ac:spMk id="13483" creationId="{A3CFC6CC-8E81-FC35-D371-C25184E8C11E}"/>
          </ac:spMkLst>
        </pc:spChg>
        <pc:spChg chg="mod">
          <ac:chgData name="White, Alex" userId="eff6cc8c-37d8-483b-9c6c-6b27e9afa9bc" providerId="ADAL" clId="{BF04C754-5BF4-4E83-9615-DB14FA25AF8A}" dt="2023-10-12T11:38:42.377" v="307"/>
          <ac:spMkLst>
            <pc:docMk/>
            <pc:sldMk cId="2376958513" sldId="260"/>
            <ac:spMk id="13484" creationId="{C3DCD8EA-307B-63C9-C8C5-C1CFBD7FE2DD}"/>
          </ac:spMkLst>
        </pc:spChg>
        <pc:spChg chg="mod">
          <ac:chgData name="White, Alex" userId="eff6cc8c-37d8-483b-9c6c-6b27e9afa9bc" providerId="ADAL" clId="{BF04C754-5BF4-4E83-9615-DB14FA25AF8A}" dt="2023-10-12T11:38:42.377" v="307"/>
          <ac:spMkLst>
            <pc:docMk/>
            <pc:sldMk cId="2376958513" sldId="260"/>
            <ac:spMk id="13485" creationId="{5AFDE168-B06C-A697-76C6-859984DE899B}"/>
          </ac:spMkLst>
        </pc:spChg>
        <pc:spChg chg="mod">
          <ac:chgData name="White, Alex" userId="eff6cc8c-37d8-483b-9c6c-6b27e9afa9bc" providerId="ADAL" clId="{BF04C754-5BF4-4E83-9615-DB14FA25AF8A}" dt="2023-10-12T11:38:42.377" v="307"/>
          <ac:spMkLst>
            <pc:docMk/>
            <pc:sldMk cId="2376958513" sldId="260"/>
            <ac:spMk id="13486" creationId="{C9514203-668E-38D5-D9D0-8453955DD1DE}"/>
          </ac:spMkLst>
        </pc:spChg>
        <pc:spChg chg="mod">
          <ac:chgData name="White, Alex" userId="eff6cc8c-37d8-483b-9c6c-6b27e9afa9bc" providerId="ADAL" clId="{BF04C754-5BF4-4E83-9615-DB14FA25AF8A}" dt="2023-10-12T11:38:42.377" v="307"/>
          <ac:spMkLst>
            <pc:docMk/>
            <pc:sldMk cId="2376958513" sldId="260"/>
            <ac:spMk id="13487" creationId="{29E760F0-09D8-8E54-7078-0889D0234F95}"/>
          </ac:spMkLst>
        </pc:spChg>
        <pc:spChg chg="mod">
          <ac:chgData name="White, Alex" userId="eff6cc8c-37d8-483b-9c6c-6b27e9afa9bc" providerId="ADAL" clId="{BF04C754-5BF4-4E83-9615-DB14FA25AF8A}" dt="2023-10-12T11:38:42.377" v="307"/>
          <ac:spMkLst>
            <pc:docMk/>
            <pc:sldMk cId="2376958513" sldId="260"/>
            <ac:spMk id="13488" creationId="{16E0EB43-C3E2-E891-56C7-BC5C339929FB}"/>
          </ac:spMkLst>
        </pc:spChg>
        <pc:spChg chg="mod">
          <ac:chgData name="White, Alex" userId="eff6cc8c-37d8-483b-9c6c-6b27e9afa9bc" providerId="ADAL" clId="{BF04C754-5BF4-4E83-9615-DB14FA25AF8A}" dt="2023-10-12T11:38:42.377" v="307"/>
          <ac:spMkLst>
            <pc:docMk/>
            <pc:sldMk cId="2376958513" sldId="260"/>
            <ac:spMk id="13489" creationId="{602AA371-DE8A-A3E8-14CD-4ADA18219024}"/>
          </ac:spMkLst>
        </pc:spChg>
        <pc:spChg chg="mod">
          <ac:chgData name="White, Alex" userId="eff6cc8c-37d8-483b-9c6c-6b27e9afa9bc" providerId="ADAL" clId="{BF04C754-5BF4-4E83-9615-DB14FA25AF8A}" dt="2023-10-12T11:38:42.377" v="307"/>
          <ac:spMkLst>
            <pc:docMk/>
            <pc:sldMk cId="2376958513" sldId="260"/>
            <ac:spMk id="13490" creationId="{2D8E277B-9CA5-781C-BDAF-ED6D38AC4B29}"/>
          </ac:spMkLst>
        </pc:spChg>
        <pc:spChg chg="mod">
          <ac:chgData name="White, Alex" userId="eff6cc8c-37d8-483b-9c6c-6b27e9afa9bc" providerId="ADAL" clId="{BF04C754-5BF4-4E83-9615-DB14FA25AF8A}" dt="2023-10-12T11:38:42.377" v="307"/>
          <ac:spMkLst>
            <pc:docMk/>
            <pc:sldMk cId="2376958513" sldId="260"/>
            <ac:spMk id="13491" creationId="{AEDF271F-4540-9503-D4D0-19BA427FF75A}"/>
          </ac:spMkLst>
        </pc:spChg>
        <pc:spChg chg="mod">
          <ac:chgData name="White, Alex" userId="eff6cc8c-37d8-483b-9c6c-6b27e9afa9bc" providerId="ADAL" clId="{BF04C754-5BF4-4E83-9615-DB14FA25AF8A}" dt="2023-10-12T11:38:42.377" v="307"/>
          <ac:spMkLst>
            <pc:docMk/>
            <pc:sldMk cId="2376958513" sldId="260"/>
            <ac:spMk id="13492" creationId="{9AD41867-A165-CA67-3647-0F06CA2D5BC4}"/>
          </ac:spMkLst>
        </pc:spChg>
        <pc:spChg chg="mod">
          <ac:chgData name="White, Alex" userId="eff6cc8c-37d8-483b-9c6c-6b27e9afa9bc" providerId="ADAL" clId="{BF04C754-5BF4-4E83-9615-DB14FA25AF8A}" dt="2023-10-12T11:38:42.377" v="307"/>
          <ac:spMkLst>
            <pc:docMk/>
            <pc:sldMk cId="2376958513" sldId="260"/>
            <ac:spMk id="13493" creationId="{89F547C4-778F-2C6E-D38A-F00025CB25F7}"/>
          </ac:spMkLst>
        </pc:spChg>
        <pc:spChg chg="mod">
          <ac:chgData name="White, Alex" userId="eff6cc8c-37d8-483b-9c6c-6b27e9afa9bc" providerId="ADAL" clId="{BF04C754-5BF4-4E83-9615-DB14FA25AF8A}" dt="2023-10-12T11:38:42.377" v="307"/>
          <ac:spMkLst>
            <pc:docMk/>
            <pc:sldMk cId="2376958513" sldId="260"/>
            <ac:spMk id="13494" creationId="{91538925-4F8E-3416-D7A8-0E2DF6D2231B}"/>
          </ac:spMkLst>
        </pc:spChg>
        <pc:spChg chg="mod">
          <ac:chgData name="White, Alex" userId="eff6cc8c-37d8-483b-9c6c-6b27e9afa9bc" providerId="ADAL" clId="{BF04C754-5BF4-4E83-9615-DB14FA25AF8A}" dt="2023-10-12T11:38:42.377" v="307"/>
          <ac:spMkLst>
            <pc:docMk/>
            <pc:sldMk cId="2376958513" sldId="260"/>
            <ac:spMk id="13495" creationId="{9321CB2C-57E5-B5D9-9036-856CDB127DBA}"/>
          </ac:spMkLst>
        </pc:spChg>
        <pc:spChg chg="mod">
          <ac:chgData name="White, Alex" userId="eff6cc8c-37d8-483b-9c6c-6b27e9afa9bc" providerId="ADAL" clId="{BF04C754-5BF4-4E83-9615-DB14FA25AF8A}" dt="2023-10-12T11:38:42.377" v="307"/>
          <ac:spMkLst>
            <pc:docMk/>
            <pc:sldMk cId="2376958513" sldId="260"/>
            <ac:spMk id="13496" creationId="{1DD05E23-6696-3E0A-5054-0E336985BBF6}"/>
          </ac:spMkLst>
        </pc:spChg>
        <pc:spChg chg="mod">
          <ac:chgData name="White, Alex" userId="eff6cc8c-37d8-483b-9c6c-6b27e9afa9bc" providerId="ADAL" clId="{BF04C754-5BF4-4E83-9615-DB14FA25AF8A}" dt="2023-10-12T11:38:42.377" v="307"/>
          <ac:spMkLst>
            <pc:docMk/>
            <pc:sldMk cId="2376958513" sldId="260"/>
            <ac:spMk id="13497" creationId="{DD527DA1-DD10-7F04-6FEB-86A24A2F75E7}"/>
          </ac:spMkLst>
        </pc:spChg>
        <pc:spChg chg="mod">
          <ac:chgData name="White, Alex" userId="eff6cc8c-37d8-483b-9c6c-6b27e9afa9bc" providerId="ADAL" clId="{BF04C754-5BF4-4E83-9615-DB14FA25AF8A}" dt="2023-10-12T11:38:42.377" v="307"/>
          <ac:spMkLst>
            <pc:docMk/>
            <pc:sldMk cId="2376958513" sldId="260"/>
            <ac:spMk id="13498" creationId="{50FD4006-68A4-CF6C-650C-2D247B6C69E1}"/>
          </ac:spMkLst>
        </pc:spChg>
        <pc:spChg chg="mod">
          <ac:chgData name="White, Alex" userId="eff6cc8c-37d8-483b-9c6c-6b27e9afa9bc" providerId="ADAL" clId="{BF04C754-5BF4-4E83-9615-DB14FA25AF8A}" dt="2023-10-12T11:38:42.377" v="307"/>
          <ac:spMkLst>
            <pc:docMk/>
            <pc:sldMk cId="2376958513" sldId="260"/>
            <ac:spMk id="13499" creationId="{B1365D14-530F-8B40-CDB0-F899F51AA46B}"/>
          </ac:spMkLst>
        </pc:spChg>
        <pc:spChg chg="mod">
          <ac:chgData name="White, Alex" userId="eff6cc8c-37d8-483b-9c6c-6b27e9afa9bc" providerId="ADAL" clId="{BF04C754-5BF4-4E83-9615-DB14FA25AF8A}" dt="2023-10-12T11:38:42.377" v="307"/>
          <ac:spMkLst>
            <pc:docMk/>
            <pc:sldMk cId="2376958513" sldId="260"/>
            <ac:spMk id="13500" creationId="{3A84E30B-4501-4010-4B5B-709BE95DBF48}"/>
          </ac:spMkLst>
        </pc:spChg>
        <pc:spChg chg="mod">
          <ac:chgData name="White, Alex" userId="eff6cc8c-37d8-483b-9c6c-6b27e9afa9bc" providerId="ADAL" clId="{BF04C754-5BF4-4E83-9615-DB14FA25AF8A}" dt="2023-10-12T11:38:42.377" v="307"/>
          <ac:spMkLst>
            <pc:docMk/>
            <pc:sldMk cId="2376958513" sldId="260"/>
            <ac:spMk id="13501" creationId="{752E07B9-71C6-02C9-3460-7465268B11F6}"/>
          </ac:spMkLst>
        </pc:spChg>
        <pc:spChg chg="mod">
          <ac:chgData name="White, Alex" userId="eff6cc8c-37d8-483b-9c6c-6b27e9afa9bc" providerId="ADAL" clId="{BF04C754-5BF4-4E83-9615-DB14FA25AF8A}" dt="2023-10-12T11:38:42.377" v="307"/>
          <ac:spMkLst>
            <pc:docMk/>
            <pc:sldMk cId="2376958513" sldId="260"/>
            <ac:spMk id="13502" creationId="{484540BD-F38E-EBD3-D7DF-89ECC7491C5C}"/>
          </ac:spMkLst>
        </pc:spChg>
        <pc:spChg chg="mod">
          <ac:chgData name="White, Alex" userId="eff6cc8c-37d8-483b-9c6c-6b27e9afa9bc" providerId="ADAL" clId="{BF04C754-5BF4-4E83-9615-DB14FA25AF8A}" dt="2023-10-12T11:38:42.377" v="307"/>
          <ac:spMkLst>
            <pc:docMk/>
            <pc:sldMk cId="2376958513" sldId="260"/>
            <ac:spMk id="13503" creationId="{5BC23AA8-7BE4-764E-B031-908AAF5EE6E9}"/>
          </ac:spMkLst>
        </pc:spChg>
        <pc:spChg chg="mod">
          <ac:chgData name="White, Alex" userId="eff6cc8c-37d8-483b-9c6c-6b27e9afa9bc" providerId="ADAL" clId="{BF04C754-5BF4-4E83-9615-DB14FA25AF8A}" dt="2023-10-12T11:38:42.377" v="307"/>
          <ac:spMkLst>
            <pc:docMk/>
            <pc:sldMk cId="2376958513" sldId="260"/>
            <ac:spMk id="13504" creationId="{27437483-A9FF-0EED-6B2E-C0ECFE083CDB}"/>
          </ac:spMkLst>
        </pc:spChg>
        <pc:spChg chg="mod">
          <ac:chgData name="White, Alex" userId="eff6cc8c-37d8-483b-9c6c-6b27e9afa9bc" providerId="ADAL" clId="{BF04C754-5BF4-4E83-9615-DB14FA25AF8A}" dt="2023-10-12T11:38:42.377" v="307"/>
          <ac:spMkLst>
            <pc:docMk/>
            <pc:sldMk cId="2376958513" sldId="260"/>
            <ac:spMk id="13505" creationId="{3486500B-93B0-2E31-1EEB-D9DC00AC99A4}"/>
          </ac:spMkLst>
        </pc:spChg>
        <pc:spChg chg="mod">
          <ac:chgData name="White, Alex" userId="eff6cc8c-37d8-483b-9c6c-6b27e9afa9bc" providerId="ADAL" clId="{BF04C754-5BF4-4E83-9615-DB14FA25AF8A}" dt="2023-10-12T11:38:42.377" v="307"/>
          <ac:spMkLst>
            <pc:docMk/>
            <pc:sldMk cId="2376958513" sldId="260"/>
            <ac:spMk id="13506" creationId="{E07383A4-3A6F-B9DC-C1AA-DD1D2FB1F892}"/>
          </ac:spMkLst>
        </pc:spChg>
        <pc:spChg chg="mod">
          <ac:chgData name="White, Alex" userId="eff6cc8c-37d8-483b-9c6c-6b27e9afa9bc" providerId="ADAL" clId="{BF04C754-5BF4-4E83-9615-DB14FA25AF8A}" dt="2023-10-12T11:38:42.377" v="307"/>
          <ac:spMkLst>
            <pc:docMk/>
            <pc:sldMk cId="2376958513" sldId="260"/>
            <ac:spMk id="13507" creationId="{9781B502-BB03-3E5F-1406-8C33ABF31C03}"/>
          </ac:spMkLst>
        </pc:spChg>
        <pc:spChg chg="mod">
          <ac:chgData name="White, Alex" userId="eff6cc8c-37d8-483b-9c6c-6b27e9afa9bc" providerId="ADAL" clId="{BF04C754-5BF4-4E83-9615-DB14FA25AF8A}" dt="2023-10-12T11:38:42.377" v="307"/>
          <ac:spMkLst>
            <pc:docMk/>
            <pc:sldMk cId="2376958513" sldId="260"/>
            <ac:spMk id="13508" creationId="{F5F12D55-4AA6-E70A-9ABA-669B8B4C1BDC}"/>
          </ac:spMkLst>
        </pc:spChg>
        <pc:spChg chg="mod">
          <ac:chgData name="White, Alex" userId="eff6cc8c-37d8-483b-9c6c-6b27e9afa9bc" providerId="ADAL" clId="{BF04C754-5BF4-4E83-9615-DB14FA25AF8A}" dt="2023-10-12T11:38:42.377" v="307"/>
          <ac:spMkLst>
            <pc:docMk/>
            <pc:sldMk cId="2376958513" sldId="260"/>
            <ac:spMk id="13509" creationId="{766512D9-DF93-CF80-FCD6-35A598E91280}"/>
          </ac:spMkLst>
        </pc:spChg>
        <pc:spChg chg="mod">
          <ac:chgData name="White, Alex" userId="eff6cc8c-37d8-483b-9c6c-6b27e9afa9bc" providerId="ADAL" clId="{BF04C754-5BF4-4E83-9615-DB14FA25AF8A}" dt="2023-10-12T11:38:42.377" v="307"/>
          <ac:spMkLst>
            <pc:docMk/>
            <pc:sldMk cId="2376958513" sldId="260"/>
            <ac:spMk id="13510" creationId="{7C809B63-8E5C-0749-DD1E-1D1E1B769EAD}"/>
          </ac:spMkLst>
        </pc:spChg>
        <pc:spChg chg="mod">
          <ac:chgData name="White, Alex" userId="eff6cc8c-37d8-483b-9c6c-6b27e9afa9bc" providerId="ADAL" clId="{BF04C754-5BF4-4E83-9615-DB14FA25AF8A}" dt="2023-10-12T11:38:42.377" v="307"/>
          <ac:spMkLst>
            <pc:docMk/>
            <pc:sldMk cId="2376958513" sldId="260"/>
            <ac:spMk id="13511" creationId="{F2B812EE-C38B-4335-7F63-BF4AAF71F48F}"/>
          </ac:spMkLst>
        </pc:spChg>
        <pc:spChg chg="mod">
          <ac:chgData name="White, Alex" userId="eff6cc8c-37d8-483b-9c6c-6b27e9afa9bc" providerId="ADAL" clId="{BF04C754-5BF4-4E83-9615-DB14FA25AF8A}" dt="2023-10-12T11:38:42.377" v="307"/>
          <ac:spMkLst>
            <pc:docMk/>
            <pc:sldMk cId="2376958513" sldId="260"/>
            <ac:spMk id="13512" creationId="{A31E54B9-A94A-2808-A892-A86B8EC24272}"/>
          </ac:spMkLst>
        </pc:spChg>
        <pc:spChg chg="mod">
          <ac:chgData name="White, Alex" userId="eff6cc8c-37d8-483b-9c6c-6b27e9afa9bc" providerId="ADAL" clId="{BF04C754-5BF4-4E83-9615-DB14FA25AF8A}" dt="2023-10-12T11:38:42.377" v="307"/>
          <ac:spMkLst>
            <pc:docMk/>
            <pc:sldMk cId="2376958513" sldId="260"/>
            <ac:spMk id="13513" creationId="{2329A7B8-222C-388C-172D-86F9B083FDB4}"/>
          </ac:spMkLst>
        </pc:spChg>
        <pc:spChg chg="mod">
          <ac:chgData name="White, Alex" userId="eff6cc8c-37d8-483b-9c6c-6b27e9afa9bc" providerId="ADAL" clId="{BF04C754-5BF4-4E83-9615-DB14FA25AF8A}" dt="2023-10-12T11:38:42.377" v="307"/>
          <ac:spMkLst>
            <pc:docMk/>
            <pc:sldMk cId="2376958513" sldId="260"/>
            <ac:spMk id="13514" creationId="{95139623-1CDA-0416-EED4-3D0A564C681D}"/>
          </ac:spMkLst>
        </pc:spChg>
        <pc:spChg chg="mod">
          <ac:chgData name="White, Alex" userId="eff6cc8c-37d8-483b-9c6c-6b27e9afa9bc" providerId="ADAL" clId="{BF04C754-5BF4-4E83-9615-DB14FA25AF8A}" dt="2023-10-12T11:38:42.377" v="307"/>
          <ac:spMkLst>
            <pc:docMk/>
            <pc:sldMk cId="2376958513" sldId="260"/>
            <ac:spMk id="13515" creationId="{8C24EC77-CE98-0108-855C-FB1BCE3439F3}"/>
          </ac:spMkLst>
        </pc:spChg>
        <pc:spChg chg="mod">
          <ac:chgData name="White, Alex" userId="eff6cc8c-37d8-483b-9c6c-6b27e9afa9bc" providerId="ADAL" clId="{BF04C754-5BF4-4E83-9615-DB14FA25AF8A}" dt="2023-10-12T11:38:42.377" v="307"/>
          <ac:spMkLst>
            <pc:docMk/>
            <pc:sldMk cId="2376958513" sldId="260"/>
            <ac:spMk id="13516" creationId="{197FE23C-EB50-FD14-C3B0-0EF01F592967}"/>
          </ac:spMkLst>
        </pc:spChg>
        <pc:spChg chg="mod">
          <ac:chgData name="White, Alex" userId="eff6cc8c-37d8-483b-9c6c-6b27e9afa9bc" providerId="ADAL" clId="{BF04C754-5BF4-4E83-9615-DB14FA25AF8A}" dt="2023-10-12T11:38:42.377" v="307"/>
          <ac:spMkLst>
            <pc:docMk/>
            <pc:sldMk cId="2376958513" sldId="260"/>
            <ac:spMk id="13517" creationId="{DB61BE01-16A9-2C6E-1D23-8823E9E9AF56}"/>
          </ac:spMkLst>
        </pc:spChg>
        <pc:spChg chg="mod">
          <ac:chgData name="White, Alex" userId="eff6cc8c-37d8-483b-9c6c-6b27e9afa9bc" providerId="ADAL" clId="{BF04C754-5BF4-4E83-9615-DB14FA25AF8A}" dt="2023-10-12T11:38:42.377" v="307"/>
          <ac:spMkLst>
            <pc:docMk/>
            <pc:sldMk cId="2376958513" sldId="260"/>
            <ac:spMk id="13518" creationId="{97F2FD17-907C-710A-9252-EFA56FA196D1}"/>
          </ac:spMkLst>
        </pc:spChg>
        <pc:spChg chg="mod">
          <ac:chgData name="White, Alex" userId="eff6cc8c-37d8-483b-9c6c-6b27e9afa9bc" providerId="ADAL" clId="{BF04C754-5BF4-4E83-9615-DB14FA25AF8A}" dt="2023-10-12T11:38:42.377" v="307"/>
          <ac:spMkLst>
            <pc:docMk/>
            <pc:sldMk cId="2376958513" sldId="260"/>
            <ac:spMk id="13519" creationId="{F8E24ABA-5B47-8D27-EBC5-9A3EC4FA561E}"/>
          </ac:spMkLst>
        </pc:spChg>
        <pc:spChg chg="mod">
          <ac:chgData name="White, Alex" userId="eff6cc8c-37d8-483b-9c6c-6b27e9afa9bc" providerId="ADAL" clId="{BF04C754-5BF4-4E83-9615-DB14FA25AF8A}" dt="2023-10-12T11:38:42.377" v="307"/>
          <ac:spMkLst>
            <pc:docMk/>
            <pc:sldMk cId="2376958513" sldId="260"/>
            <ac:spMk id="13520" creationId="{C291DBF5-719D-4D36-0FBA-E35FB181058B}"/>
          </ac:spMkLst>
        </pc:spChg>
        <pc:spChg chg="mod">
          <ac:chgData name="White, Alex" userId="eff6cc8c-37d8-483b-9c6c-6b27e9afa9bc" providerId="ADAL" clId="{BF04C754-5BF4-4E83-9615-DB14FA25AF8A}" dt="2023-10-12T11:38:42.377" v="307"/>
          <ac:spMkLst>
            <pc:docMk/>
            <pc:sldMk cId="2376958513" sldId="260"/>
            <ac:spMk id="13521" creationId="{AB1D7F53-C962-13D1-64D0-0612AB0E1226}"/>
          </ac:spMkLst>
        </pc:spChg>
        <pc:spChg chg="mod">
          <ac:chgData name="White, Alex" userId="eff6cc8c-37d8-483b-9c6c-6b27e9afa9bc" providerId="ADAL" clId="{BF04C754-5BF4-4E83-9615-DB14FA25AF8A}" dt="2023-10-12T11:38:42.377" v="307"/>
          <ac:spMkLst>
            <pc:docMk/>
            <pc:sldMk cId="2376958513" sldId="260"/>
            <ac:spMk id="13522" creationId="{F22371C1-4A58-CF3A-7E35-E3303D32C2D6}"/>
          </ac:spMkLst>
        </pc:spChg>
        <pc:spChg chg="mod">
          <ac:chgData name="White, Alex" userId="eff6cc8c-37d8-483b-9c6c-6b27e9afa9bc" providerId="ADAL" clId="{BF04C754-5BF4-4E83-9615-DB14FA25AF8A}" dt="2023-10-12T11:38:42.377" v="307"/>
          <ac:spMkLst>
            <pc:docMk/>
            <pc:sldMk cId="2376958513" sldId="260"/>
            <ac:spMk id="13523" creationId="{64D95842-3D18-D254-8D93-52230490D362}"/>
          </ac:spMkLst>
        </pc:spChg>
        <pc:spChg chg="mod">
          <ac:chgData name="White, Alex" userId="eff6cc8c-37d8-483b-9c6c-6b27e9afa9bc" providerId="ADAL" clId="{BF04C754-5BF4-4E83-9615-DB14FA25AF8A}" dt="2023-10-12T11:38:42.377" v="307"/>
          <ac:spMkLst>
            <pc:docMk/>
            <pc:sldMk cId="2376958513" sldId="260"/>
            <ac:spMk id="13524" creationId="{2BB4DB2E-6AFD-BCF1-DF36-FE9C94A886A3}"/>
          </ac:spMkLst>
        </pc:spChg>
        <pc:spChg chg="mod">
          <ac:chgData name="White, Alex" userId="eff6cc8c-37d8-483b-9c6c-6b27e9afa9bc" providerId="ADAL" clId="{BF04C754-5BF4-4E83-9615-DB14FA25AF8A}" dt="2023-10-12T11:38:42.377" v="307"/>
          <ac:spMkLst>
            <pc:docMk/>
            <pc:sldMk cId="2376958513" sldId="260"/>
            <ac:spMk id="13525" creationId="{45C1CA6B-2BE5-3093-4384-CE240DD62CF7}"/>
          </ac:spMkLst>
        </pc:spChg>
        <pc:spChg chg="mod">
          <ac:chgData name="White, Alex" userId="eff6cc8c-37d8-483b-9c6c-6b27e9afa9bc" providerId="ADAL" clId="{BF04C754-5BF4-4E83-9615-DB14FA25AF8A}" dt="2023-10-12T11:38:42.377" v="307"/>
          <ac:spMkLst>
            <pc:docMk/>
            <pc:sldMk cId="2376958513" sldId="260"/>
            <ac:spMk id="13526" creationId="{17AA51AA-5294-3200-F465-DF09AA43B473}"/>
          </ac:spMkLst>
        </pc:spChg>
        <pc:spChg chg="mod">
          <ac:chgData name="White, Alex" userId="eff6cc8c-37d8-483b-9c6c-6b27e9afa9bc" providerId="ADAL" clId="{BF04C754-5BF4-4E83-9615-DB14FA25AF8A}" dt="2023-10-12T11:38:42.377" v="307"/>
          <ac:spMkLst>
            <pc:docMk/>
            <pc:sldMk cId="2376958513" sldId="260"/>
            <ac:spMk id="13527" creationId="{075D2599-9709-F271-2879-25075FC1E5B4}"/>
          </ac:spMkLst>
        </pc:spChg>
        <pc:spChg chg="mod">
          <ac:chgData name="White, Alex" userId="eff6cc8c-37d8-483b-9c6c-6b27e9afa9bc" providerId="ADAL" clId="{BF04C754-5BF4-4E83-9615-DB14FA25AF8A}" dt="2023-10-12T11:38:42.377" v="307"/>
          <ac:spMkLst>
            <pc:docMk/>
            <pc:sldMk cId="2376958513" sldId="260"/>
            <ac:spMk id="13528" creationId="{7C62E763-4F00-0458-5A76-925B8311C5D2}"/>
          </ac:spMkLst>
        </pc:spChg>
        <pc:spChg chg="mod">
          <ac:chgData name="White, Alex" userId="eff6cc8c-37d8-483b-9c6c-6b27e9afa9bc" providerId="ADAL" clId="{BF04C754-5BF4-4E83-9615-DB14FA25AF8A}" dt="2023-10-12T11:38:42.377" v="307"/>
          <ac:spMkLst>
            <pc:docMk/>
            <pc:sldMk cId="2376958513" sldId="260"/>
            <ac:spMk id="13529" creationId="{C20A824A-94D2-8F92-D91D-18A887D8226C}"/>
          </ac:spMkLst>
        </pc:spChg>
        <pc:spChg chg="mod">
          <ac:chgData name="White, Alex" userId="eff6cc8c-37d8-483b-9c6c-6b27e9afa9bc" providerId="ADAL" clId="{BF04C754-5BF4-4E83-9615-DB14FA25AF8A}" dt="2023-10-12T11:38:42.377" v="307"/>
          <ac:spMkLst>
            <pc:docMk/>
            <pc:sldMk cId="2376958513" sldId="260"/>
            <ac:spMk id="13530" creationId="{9C11D1AE-E443-38FC-DD81-7AB7DAEFB888}"/>
          </ac:spMkLst>
        </pc:spChg>
        <pc:spChg chg="mod">
          <ac:chgData name="White, Alex" userId="eff6cc8c-37d8-483b-9c6c-6b27e9afa9bc" providerId="ADAL" clId="{BF04C754-5BF4-4E83-9615-DB14FA25AF8A}" dt="2023-10-12T11:38:42.377" v="307"/>
          <ac:spMkLst>
            <pc:docMk/>
            <pc:sldMk cId="2376958513" sldId="260"/>
            <ac:spMk id="13531" creationId="{53142FBE-3F9A-359F-3900-DD3744D99FEF}"/>
          </ac:spMkLst>
        </pc:spChg>
        <pc:spChg chg="mod">
          <ac:chgData name="White, Alex" userId="eff6cc8c-37d8-483b-9c6c-6b27e9afa9bc" providerId="ADAL" clId="{BF04C754-5BF4-4E83-9615-DB14FA25AF8A}" dt="2023-10-12T11:38:42.377" v="307"/>
          <ac:spMkLst>
            <pc:docMk/>
            <pc:sldMk cId="2376958513" sldId="260"/>
            <ac:spMk id="13532" creationId="{A2AF8762-C1D3-8880-A68F-48519CBE931F}"/>
          </ac:spMkLst>
        </pc:spChg>
        <pc:spChg chg="mod">
          <ac:chgData name="White, Alex" userId="eff6cc8c-37d8-483b-9c6c-6b27e9afa9bc" providerId="ADAL" clId="{BF04C754-5BF4-4E83-9615-DB14FA25AF8A}" dt="2023-10-12T11:38:42.377" v="307"/>
          <ac:spMkLst>
            <pc:docMk/>
            <pc:sldMk cId="2376958513" sldId="260"/>
            <ac:spMk id="13533" creationId="{E7FE46D0-FC61-C415-3378-9DFC2F47CE2F}"/>
          </ac:spMkLst>
        </pc:spChg>
        <pc:spChg chg="mod">
          <ac:chgData name="White, Alex" userId="eff6cc8c-37d8-483b-9c6c-6b27e9afa9bc" providerId="ADAL" clId="{BF04C754-5BF4-4E83-9615-DB14FA25AF8A}" dt="2023-10-12T11:38:42.377" v="307"/>
          <ac:spMkLst>
            <pc:docMk/>
            <pc:sldMk cId="2376958513" sldId="260"/>
            <ac:spMk id="13534" creationId="{A90612FE-7F96-C31C-8168-0047A1FAA3B4}"/>
          </ac:spMkLst>
        </pc:spChg>
        <pc:spChg chg="mod">
          <ac:chgData name="White, Alex" userId="eff6cc8c-37d8-483b-9c6c-6b27e9afa9bc" providerId="ADAL" clId="{BF04C754-5BF4-4E83-9615-DB14FA25AF8A}" dt="2023-10-12T11:38:42.377" v="307"/>
          <ac:spMkLst>
            <pc:docMk/>
            <pc:sldMk cId="2376958513" sldId="260"/>
            <ac:spMk id="13535" creationId="{9E87A854-EC07-2ECE-7CC7-A0D6A78CD737}"/>
          </ac:spMkLst>
        </pc:spChg>
        <pc:spChg chg="mod">
          <ac:chgData name="White, Alex" userId="eff6cc8c-37d8-483b-9c6c-6b27e9afa9bc" providerId="ADAL" clId="{BF04C754-5BF4-4E83-9615-DB14FA25AF8A}" dt="2023-10-12T11:38:42.377" v="307"/>
          <ac:spMkLst>
            <pc:docMk/>
            <pc:sldMk cId="2376958513" sldId="260"/>
            <ac:spMk id="13536" creationId="{723CA4DE-9C7F-D6C3-EE0A-2D2621EA3E29}"/>
          </ac:spMkLst>
        </pc:spChg>
        <pc:spChg chg="mod">
          <ac:chgData name="White, Alex" userId="eff6cc8c-37d8-483b-9c6c-6b27e9afa9bc" providerId="ADAL" clId="{BF04C754-5BF4-4E83-9615-DB14FA25AF8A}" dt="2023-10-12T11:38:42.377" v="307"/>
          <ac:spMkLst>
            <pc:docMk/>
            <pc:sldMk cId="2376958513" sldId="260"/>
            <ac:spMk id="13537" creationId="{4824341F-9CC9-2DB5-D69A-003A07419707}"/>
          </ac:spMkLst>
        </pc:spChg>
        <pc:spChg chg="mod">
          <ac:chgData name="White, Alex" userId="eff6cc8c-37d8-483b-9c6c-6b27e9afa9bc" providerId="ADAL" clId="{BF04C754-5BF4-4E83-9615-DB14FA25AF8A}" dt="2023-10-12T11:38:42.377" v="307"/>
          <ac:spMkLst>
            <pc:docMk/>
            <pc:sldMk cId="2376958513" sldId="260"/>
            <ac:spMk id="13538" creationId="{D482188C-4A84-23D8-822E-CEE436F01FE2}"/>
          </ac:spMkLst>
        </pc:spChg>
        <pc:spChg chg="mod">
          <ac:chgData name="White, Alex" userId="eff6cc8c-37d8-483b-9c6c-6b27e9afa9bc" providerId="ADAL" clId="{BF04C754-5BF4-4E83-9615-DB14FA25AF8A}" dt="2023-10-12T11:38:42.377" v="307"/>
          <ac:spMkLst>
            <pc:docMk/>
            <pc:sldMk cId="2376958513" sldId="260"/>
            <ac:spMk id="13539" creationId="{668DC08B-7228-7DA8-0058-F47FFBE9C66B}"/>
          </ac:spMkLst>
        </pc:spChg>
        <pc:spChg chg="mod">
          <ac:chgData name="White, Alex" userId="eff6cc8c-37d8-483b-9c6c-6b27e9afa9bc" providerId="ADAL" clId="{BF04C754-5BF4-4E83-9615-DB14FA25AF8A}" dt="2023-10-12T11:38:42.377" v="307"/>
          <ac:spMkLst>
            <pc:docMk/>
            <pc:sldMk cId="2376958513" sldId="260"/>
            <ac:spMk id="13540" creationId="{C6D6120B-F2D8-9B38-9B83-D79BF8CAD34E}"/>
          </ac:spMkLst>
        </pc:spChg>
        <pc:spChg chg="mod">
          <ac:chgData name="White, Alex" userId="eff6cc8c-37d8-483b-9c6c-6b27e9afa9bc" providerId="ADAL" clId="{BF04C754-5BF4-4E83-9615-DB14FA25AF8A}" dt="2023-10-12T11:38:42.377" v="307"/>
          <ac:spMkLst>
            <pc:docMk/>
            <pc:sldMk cId="2376958513" sldId="260"/>
            <ac:spMk id="13541" creationId="{3208425F-FA84-F5BE-C957-BD6FABE64D40}"/>
          </ac:spMkLst>
        </pc:spChg>
        <pc:spChg chg="mod">
          <ac:chgData name="White, Alex" userId="eff6cc8c-37d8-483b-9c6c-6b27e9afa9bc" providerId="ADAL" clId="{BF04C754-5BF4-4E83-9615-DB14FA25AF8A}" dt="2023-10-12T11:38:42.377" v="307"/>
          <ac:spMkLst>
            <pc:docMk/>
            <pc:sldMk cId="2376958513" sldId="260"/>
            <ac:spMk id="13542" creationId="{9DD5C867-7548-3A60-7AC2-2A997F8F2230}"/>
          </ac:spMkLst>
        </pc:spChg>
        <pc:spChg chg="mod">
          <ac:chgData name="White, Alex" userId="eff6cc8c-37d8-483b-9c6c-6b27e9afa9bc" providerId="ADAL" clId="{BF04C754-5BF4-4E83-9615-DB14FA25AF8A}" dt="2023-10-12T11:38:42.377" v="307"/>
          <ac:spMkLst>
            <pc:docMk/>
            <pc:sldMk cId="2376958513" sldId="260"/>
            <ac:spMk id="13543" creationId="{EA89A226-7F64-9850-F52C-56A6E0CF80F9}"/>
          </ac:spMkLst>
        </pc:spChg>
        <pc:spChg chg="mod">
          <ac:chgData name="White, Alex" userId="eff6cc8c-37d8-483b-9c6c-6b27e9afa9bc" providerId="ADAL" clId="{BF04C754-5BF4-4E83-9615-DB14FA25AF8A}" dt="2023-10-12T11:38:42.377" v="307"/>
          <ac:spMkLst>
            <pc:docMk/>
            <pc:sldMk cId="2376958513" sldId="260"/>
            <ac:spMk id="13544" creationId="{2B14BBE4-6199-1FA5-490F-8D8B040D5EFC}"/>
          </ac:spMkLst>
        </pc:spChg>
        <pc:spChg chg="mod">
          <ac:chgData name="White, Alex" userId="eff6cc8c-37d8-483b-9c6c-6b27e9afa9bc" providerId="ADAL" clId="{BF04C754-5BF4-4E83-9615-DB14FA25AF8A}" dt="2023-10-12T11:38:42.377" v="307"/>
          <ac:spMkLst>
            <pc:docMk/>
            <pc:sldMk cId="2376958513" sldId="260"/>
            <ac:spMk id="13545" creationId="{144E9226-C5F6-B794-9927-11D37B01046E}"/>
          </ac:spMkLst>
        </pc:spChg>
        <pc:spChg chg="mod">
          <ac:chgData name="White, Alex" userId="eff6cc8c-37d8-483b-9c6c-6b27e9afa9bc" providerId="ADAL" clId="{BF04C754-5BF4-4E83-9615-DB14FA25AF8A}" dt="2023-10-12T11:38:42.377" v="307"/>
          <ac:spMkLst>
            <pc:docMk/>
            <pc:sldMk cId="2376958513" sldId="260"/>
            <ac:spMk id="13546" creationId="{1E282761-46D1-A839-530A-1604BAEE37B1}"/>
          </ac:spMkLst>
        </pc:spChg>
        <pc:spChg chg="mod">
          <ac:chgData name="White, Alex" userId="eff6cc8c-37d8-483b-9c6c-6b27e9afa9bc" providerId="ADAL" clId="{BF04C754-5BF4-4E83-9615-DB14FA25AF8A}" dt="2023-10-12T11:38:42.377" v="307"/>
          <ac:spMkLst>
            <pc:docMk/>
            <pc:sldMk cId="2376958513" sldId="260"/>
            <ac:spMk id="13547" creationId="{7B878434-14B2-5324-68EF-EB114499CC19}"/>
          </ac:spMkLst>
        </pc:spChg>
        <pc:spChg chg="mod">
          <ac:chgData name="White, Alex" userId="eff6cc8c-37d8-483b-9c6c-6b27e9afa9bc" providerId="ADAL" clId="{BF04C754-5BF4-4E83-9615-DB14FA25AF8A}" dt="2023-10-12T11:38:42.377" v="307"/>
          <ac:spMkLst>
            <pc:docMk/>
            <pc:sldMk cId="2376958513" sldId="260"/>
            <ac:spMk id="13548" creationId="{1BF70433-59D4-1FF6-C5D7-7A484AC0318E}"/>
          </ac:spMkLst>
        </pc:spChg>
        <pc:spChg chg="mod">
          <ac:chgData name="White, Alex" userId="eff6cc8c-37d8-483b-9c6c-6b27e9afa9bc" providerId="ADAL" clId="{BF04C754-5BF4-4E83-9615-DB14FA25AF8A}" dt="2023-10-12T11:38:42.377" v="307"/>
          <ac:spMkLst>
            <pc:docMk/>
            <pc:sldMk cId="2376958513" sldId="260"/>
            <ac:spMk id="13549" creationId="{A257FCE1-B790-E731-A2A1-CD8B22B40984}"/>
          </ac:spMkLst>
        </pc:spChg>
        <pc:spChg chg="mod">
          <ac:chgData name="White, Alex" userId="eff6cc8c-37d8-483b-9c6c-6b27e9afa9bc" providerId="ADAL" clId="{BF04C754-5BF4-4E83-9615-DB14FA25AF8A}" dt="2023-10-12T11:38:42.377" v="307"/>
          <ac:spMkLst>
            <pc:docMk/>
            <pc:sldMk cId="2376958513" sldId="260"/>
            <ac:spMk id="13550" creationId="{99F8445F-9D18-3FA6-72C6-E740F62FE110}"/>
          </ac:spMkLst>
        </pc:spChg>
        <pc:spChg chg="mod">
          <ac:chgData name="White, Alex" userId="eff6cc8c-37d8-483b-9c6c-6b27e9afa9bc" providerId="ADAL" clId="{BF04C754-5BF4-4E83-9615-DB14FA25AF8A}" dt="2023-10-12T11:38:42.377" v="307"/>
          <ac:spMkLst>
            <pc:docMk/>
            <pc:sldMk cId="2376958513" sldId="260"/>
            <ac:spMk id="13551" creationId="{AF329AC4-0220-DF5B-9CDC-8DFCC4A37AF8}"/>
          </ac:spMkLst>
        </pc:spChg>
        <pc:spChg chg="mod">
          <ac:chgData name="White, Alex" userId="eff6cc8c-37d8-483b-9c6c-6b27e9afa9bc" providerId="ADAL" clId="{BF04C754-5BF4-4E83-9615-DB14FA25AF8A}" dt="2023-10-12T11:38:42.377" v="307"/>
          <ac:spMkLst>
            <pc:docMk/>
            <pc:sldMk cId="2376958513" sldId="260"/>
            <ac:spMk id="13552" creationId="{BB56FCBE-8C1B-6D0F-8050-22DB688828E0}"/>
          </ac:spMkLst>
        </pc:spChg>
        <pc:spChg chg="mod">
          <ac:chgData name="White, Alex" userId="eff6cc8c-37d8-483b-9c6c-6b27e9afa9bc" providerId="ADAL" clId="{BF04C754-5BF4-4E83-9615-DB14FA25AF8A}" dt="2023-10-12T11:38:42.377" v="307"/>
          <ac:spMkLst>
            <pc:docMk/>
            <pc:sldMk cId="2376958513" sldId="260"/>
            <ac:spMk id="13553" creationId="{EBBCBA3B-436C-E0F5-4A6F-877303D8876A}"/>
          </ac:spMkLst>
        </pc:spChg>
        <pc:spChg chg="mod">
          <ac:chgData name="White, Alex" userId="eff6cc8c-37d8-483b-9c6c-6b27e9afa9bc" providerId="ADAL" clId="{BF04C754-5BF4-4E83-9615-DB14FA25AF8A}" dt="2023-10-12T11:38:42.377" v="307"/>
          <ac:spMkLst>
            <pc:docMk/>
            <pc:sldMk cId="2376958513" sldId="260"/>
            <ac:spMk id="13554" creationId="{9A45B2AA-4214-F314-4364-FE0A7318714E}"/>
          </ac:spMkLst>
        </pc:spChg>
        <pc:spChg chg="mod">
          <ac:chgData name="White, Alex" userId="eff6cc8c-37d8-483b-9c6c-6b27e9afa9bc" providerId="ADAL" clId="{BF04C754-5BF4-4E83-9615-DB14FA25AF8A}" dt="2023-10-12T11:38:42.377" v="307"/>
          <ac:spMkLst>
            <pc:docMk/>
            <pc:sldMk cId="2376958513" sldId="260"/>
            <ac:spMk id="13555" creationId="{B1F34ED3-2E00-8D02-CDC1-6E466A527425}"/>
          </ac:spMkLst>
        </pc:spChg>
        <pc:spChg chg="mod">
          <ac:chgData name="White, Alex" userId="eff6cc8c-37d8-483b-9c6c-6b27e9afa9bc" providerId="ADAL" clId="{BF04C754-5BF4-4E83-9615-DB14FA25AF8A}" dt="2023-10-12T11:38:42.377" v="307"/>
          <ac:spMkLst>
            <pc:docMk/>
            <pc:sldMk cId="2376958513" sldId="260"/>
            <ac:spMk id="13556" creationId="{8666983C-F9CA-0495-2A7F-A543CFB1475E}"/>
          </ac:spMkLst>
        </pc:spChg>
        <pc:spChg chg="mod">
          <ac:chgData name="White, Alex" userId="eff6cc8c-37d8-483b-9c6c-6b27e9afa9bc" providerId="ADAL" clId="{BF04C754-5BF4-4E83-9615-DB14FA25AF8A}" dt="2023-10-12T11:38:42.377" v="307"/>
          <ac:spMkLst>
            <pc:docMk/>
            <pc:sldMk cId="2376958513" sldId="260"/>
            <ac:spMk id="13557" creationId="{B4BD72EC-96E3-E132-41E5-10A2F2C4484D}"/>
          </ac:spMkLst>
        </pc:spChg>
        <pc:spChg chg="mod">
          <ac:chgData name="White, Alex" userId="eff6cc8c-37d8-483b-9c6c-6b27e9afa9bc" providerId="ADAL" clId="{BF04C754-5BF4-4E83-9615-DB14FA25AF8A}" dt="2023-10-12T11:38:42.377" v="307"/>
          <ac:spMkLst>
            <pc:docMk/>
            <pc:sldMk cId="2376958513" sldId="260"/>
            <ac:spMk id="13558" creationId="{2A1199EA-8F10-098E-A5E2-343F4DC1BE45}"/>
          </ac:spMkLst>
        </pc:spChg>
        <pc:spChg chg="mod">
          <ac:chgData name="White, Alex" userId="eff6cc8c-37d8-483b-9c6c-6b27e9afa9bc" providerId="ADAL" clId="{BF04C754-5BF4-4E83-9615-DB14FA25AF8A}" dt="2023-10-12T11:38:42.377" v="307"/>
          <ac:spMkLst>
            <pc:docMk/>
            <pc:sldMk cId="2376958513" sldId="260"/>
            <ac:spMk id="13559" creationId="{A646A059-8480-8566-4DBE-A2D88C8056F2}"/>
          </ac:spMkLst>
        </pc:spChg>
        <pc:spChg chg="mod">
          <ac:chgData name="White, Alex" userId="eff6cc8c-37d8-483b-9c6c-6b27e9afa9bc" providerId="ADAL" clId="{BF04C754-5BF4-4E83-9615-DB14FA25AF8A}" dt="2023-10-12T11:38:42.377" v="307"/>
          <ac:spMkLst>
            <pc:docMk/>
            <pc:sldMk cId="2376958513" sldId="260"/>
            <ac:spMk id="13560" creationId="{796A436A-5E08-BA66-80B1-C477A1A06639}"/>
          </ac:spMkLst>
        </pc:spChg>
        <pc:spChg chg="mod">
          <ac:chgData name="White, Alex" userId="eff6cc8c-37d8-483b-9c6c-6b27e9afa9bc" providerId="ADAL" clId="{BF04C754-5BF4-4E83-9615-DB14FA25AF8A}" dt="2023-10-12T11:38:42.377" v="307"/>
          <ac:spMkLst>
            <pc:docMk/>
            <pc:sldMk cId="2376958513" sldId="260"/>
            <ac:spMk id="13561" creationId="{AE5BD707-6949-AD96-DD02-E6E8E3C3FD87}"/>
          </ac:spMkLst>
        </pc:spChg>
        <pc:spChg chg="mod">
          <ac:chgData name="White, Alex" userId="eff6cc8c-37d8-483b-9c6c-6b27e9afa9bc" providerId="ADAL" clId="{BF04C754-5BF4-4E83-9615-DB14FA25AF8A}" dt="2023-10-12T11:38:42.377" v="307"/>
          <ac:spMkLst>
            <pc:docMk/>
            <pc:sldMk cId="2376958513" sldId="260"/>
            <ac:spMk id="13562" creationId="{72E9F9B3-F08D-920E-3E5A-C85D8FDC0E7C}"/>
          </ac:spMkLst>
        </pc:spChg>
        <pc:spChg chg="mod">
          <ac:chgData name="White, Alex" userId="eff6cc8c-37d8-483b-9c6c-6b27e9afa9bc" providerId="ADAL" clId="{BF04C754-5BF4-4E83-9615-DB14FA25AF8A}" dt="2023-10-12T11:38:42.377" v="307"/>
          <ac:spMkLst>
            <pc:docMk/>
            <pc:sldMk cId="2376958513" sldId="260"/>
            <ac:spMk id="13563" creationId="{6CC2279E-E175-2C24-A367-2972D8AD6081}"/>
          </ac:spMkLst>
        </pc:spChg>
        <pc:spChg chg="mod">
          <ac:chgData name="White, Alex" userId="eff6cc8c-37d8-483b-9c6c-6b27e9afa9bc" providerId="ADAL" clId="{BF04C754-5BF4-4E83-9615-DB14FA25AF8A}" dt="2023-10-12T11:38:42.377" v="307"/>
          <ac:spMkLst>
            <pc:docMk/>
            <pc:sldMk cId="2376958513" sldId="260"/>
            <ac:spMk id="13564" creationId="{C31798F5-8093-64CC-A6ED-9AFCEB046DF2}"/>
          </ac:spMkLst>
        </pc:spChg>
        <pc:spChg chg="mod">
          <ac:chgData name="White, Alex" userId="eff6cc8c-37d8-483b-9c6c-6b27e9afa9bc" providerId="ADAL" clId="{BF04C754-5BF4-4E83-9615-DB14FA25AF8A}" dt="2023-10-12T11:38:42.377" v="307"/>
          <ac:spMkLst>
            <pc:docMk/>
            <pc:sldMk cId="2376958513" sldId="260"/>
            <ac:spMk id="13565" creationId="{55A2B85E-65E0-60D1-0F31-BE59C75E2630}"/>
          </ac:spMkLst>
        </pc:spChg>
        <pc:spChg chg="mod">
          <ac:chgData name="White, Alex" userId="eff6cc8c-37d8-483b-9c6c-6b27e9afa9bc" providerId="ADAL" clId="{BF04C754-5BF4-4E83-9615-DB14FA25AF8A}" dt="2023-10-12T11:38:42.377" v="307"/>
          <ac:spMkLst>
            <pc:docMk/>
            <pc:sldMk cId="2376958513" sldId="260"/>
            <ac:spMk id="13566" creationId="{1023C998-3F6B-4166-60C9-40331CE2465D}"/>
          </ac:spMkLst>
        </pc:spChg>
        <pc:spChg chg="mod">
          <ac:chgData name="White, Alex" userId="eff6cc8c-37d8-483b-9c6c-6b27e9afa9bc" providerId="ADAL" clId="{BF04C754-5BF4-4E83-9615-DB14FA25AF8A}" dt="2023-10-12T11:38:42.377" v="307"/>
          <ac:spMkLst>
            <pc:docMk/>
            <pc:sldMk cId="2376958513" sldId="260"/>
            <ac:spMk id="13567" creationId="{94DE9490-5875-6589-A2AE-8233471AE817}"/>
          </ac:spMkLst>
        </pc:spChg>
        <pc:spChg chg="mod">
          <ac:chgData name="White, Alex" userId="eff6cc8c-37d8-483b-9c6c-6b27e9afa9bc" providerId="ADAL" clId="{BF04C754-5BF4-4E83-9615-DB14FA25AF8A}" dt="2023-10-12T11:38:42.377" v="307"/>
          <ac:spMkLst>
            <pc:docMk/>
            <pc:sldMk cId="2376958513" sldId="260"/>
            <ac:spMk id="13568" creationId="{44F90782-5959-907A-C5EC-9B34D2631191}"/>
          </ac:spMkLst>
        </pc:spChg>
        <pc:spChg chg="mod">
          <ac:chgData name="White, Alex" userId="eff6cc8c-37d8-483b-9c6c-6b27e9afa9bc" providerId="ADAL" clId="{BF04C754-5BF4-4E83-9615-DB14FA25AF8A}" dt="2023-10-12T11:38:42.377" v="307"/>
          <ac:spMkLst>
            <pc:docMk/>
            <pc:sldMk cId="2376958513" sldId="260"/>
            <ac:spMk id="13569" creationId="{CE2000C9-D8D7-3D1D-D64A-FAB4CFD4C15E}"/>
          </ac:spMkLst>
        </pc:spChg>
        <pc:spChg chg="mod">
          <ac:chgData name="White, Alex" userId="eff6cc8c-37d8-483b-9c6c-6b27e9afa9bc" providerId="ADAL" clId="{BF04C754-5BF4-4E83-9615-DB14FA25AF8A}" dt="2023-10-12T11:38:42.377" v="307"/>
          <ac:spMkLst>
            <pc:docMk/>
            <pc:sldMk cId="2376958513" sldId="260"/>
            <ac:spMk id="13570" creationId="{1ACBEE9B-5C57-EEFB-165E-C1E8508F3249}"/>
          </ac:spMkLst>
        </pc:spChg>
        <pc:spChg chg="mod">
          <ac:chgData name="White, Alex" userId="eff6cc8c-37d8-483b-9c6c-6b27e9afa9bc" providerId="ADAL" clId="{BF04C754-5BF4-4E83-9615-DB14FA25AF8A}" dt="2023-10-12T11:38:42.377" v="307"/>
          <ac:spMkLst>
            <pc:docMk/>
            <pc:sldMk cId="2376958513" sldId="260"/>
            <ac:spMk id="13571" creationId="{E810E746-109D-6E8D-B9B2-3139F960327B}"/>
          </ac:spMkLst>
        </pc:spChg>
        <pc:spChg chg="mod">
          <ac:chgData name="White, Alex" userId="eff6cc8c-37d8-483b-9c6c-6b27e9afa9bc" providerId="ADAL" clId="{BF04C754-5BF4-4E83-9615-DB14FA25AF8A}" dt="2023-10-12T11:38:42.377" v="307"/>
          <ac:spMkLst>
            <pc:docMk/>
            <pc:sldMk cId="2376958513" sldId="260"/>
            <ac:spMk id="13572" creationId="{AA40A087-779F-2CEE-3A6B-DEC223DC5662}"/>
          </ac:spMkLst>
        </pc:spChg>
        <pc:spChg chg="mod">
          <ac:chgData name="White, Alex" userId="eff6cc8c-37d8-483b-9c6c-6b27e9afa9bc" providerId="ADAL" clId="{BF04C754-5BF4-4E83-9615-DB14FA25AF8A}" dt="2023-10-12T11:38:42.377" v="307"/>
          <ac:spMkLst>
            <pc:docMk/>
            <pc:sldMk cId="2376958513" sldId="260"/>
            <ac:spMk id="13573" creationId="{C33E5CAC-A4B4-5F28-8566-2C48B5B1A07B}"/>
          </ac:spMkLst>
        </pc:spChg>
        <pc:spChg chg="mod">
          <ac:chgData name="White, Alex" userId="eff6cc8c-37d8-483b-9c6c-6b27e9afa9bc" providerId="ADAL" clId="{BF04C754-5BF4-4E83-9615-DB14FA25AF8A}" dt="2023-10-12T11:38:42.377" v="307"/>
          <ac:spMkLst>
            <pc:docMk/>
            <pc:sldMk cId="2376958513" sldId="260"/>
            <ac:spMk id="13574" creationId="{56007CA5-BB25-B249-DFC3-DB30B8697B88}"/>
          </ac:spMkLst>
        </pc:spChg>
        <pc:spChg chg="mod">
          <ac:chgData name="White, Alex" userId="eff6cc8c-37d8-483b-9c6c-6b27e9afa9bc" providerId="ADAL" clId="{BF04C754-5BF4-4E83-9615-DB14FA25AF8A}" dt="2023-10-12T11:38:42.377" v="307"/>
          <ac:spMkLst>
            <pc:docMk/>
            <pc:sldMk cId="2376958513" sldId="260"/>
            <ac:spMk id="13575" creationId="{05C3FD86-3B59-AD35-69D9-771367EB291D}"/>
          </ac:spMkLst>
        </pc:spChg>
        <pc:spChg chg="mod">
          <ac:chgData name="White, Alex" userId="eff6cc8c-37d8-483b-9c6c-6b27e9afa9bc" providerId="ADAL" clId="{BF04C754-5BF4-4E83-9615-DB14FA25AF8A}" dt="2023-10-12T11:38:42.377" v="307"/>
          <ac:spMkLst>
            <pc:docMk/>
            <pc:sldMk cId="2376958513" sldId="260"/>
            <ac:spMk id="13576" creationId="{3186CB0D-8DA8-362A-BE3D-A0020A25B4BA}"/>
          </ac:spMkLst>
        </pc:spChg>
        <pc:spChg chg="mod">
          <ac:chgData name="White, Alex" userId="eff6cc8c-37d8-483b-9c6c-6b27e9afa9bc" providerId="ADAL" clId="{BF04C754-5BF4-4E83-9615-DB14FA25AF8A}" dt="2023-10-12T11:38:42.377" v="307"/>
          <ac:spMkLst>
            <pc:docMk/>
            <pc:sldMk cId="2376958513" sldId="260"/>
            <ac:spMk id="13577" creationId="{17837EEB-5F50-3F9F-9081-81CAB31C32C3}"/>
          </ac:spMkLst>
        </pc:spChg>
        <pc:spChg chg="mod">
          <ac:chgData name="White, Alex" userId="eff6cc8c-37d8-483b-9c6c-6b27e9afa9bc" providerId="ADAL" clId="{BF04C754-5BF4-4E83-9615-DB14FA25AF8A}" dt="2023-10-12T11:38:42.377" v="307"/>
          <ac:spMkLst>
            <pc:docMk/>
            <pc:sldMk cId="2376958513" sldId="260"/>
            <ac:spMk id="13578" creationId="{531A5F11-4522-81D9-0DC7-7A314AFE6455}"/>
          </ac:spMkLst>
        </pc:spChg>
        <pc:spChg chg="mod">
          <ac:chgData name="White, Alex" userId="eff6cc8c-37d8-483b-9c6c-6b27e9afa9bc" providerId="ADAL" clId="{BF04C754-5BF4-4E83-9615-DB14FA25AF8A}" dt="2023-10-12T11:38:42.377" v="307"/>
          <ac:spMkLst>
            <pc:docMk/>
            <pc:sldMk cId="2376958513" sldId="260"/>
            <ac:spMk id="13579" creationId="{AD7A5319-D058-4D81-5BEA-E67F6FDFE5DC}"/>
          </ac:spMkLst>
        </pc:spChg>
        <pc:spChg chg="mod">
          <ac:chgData name="White, Alex" userId="eff6cc8c-37d8-483b-9c6c-6b27e9afa9bc" providerId="ADAL" clId="{BF04C754-5BF4-4E83-9615-DB14FA25AF8A}" dt="2023-10-12T11:38:42.377" v="307"/>
          <ac:spMkLst>
            <pc:docMk/>
            <pc:sldMk cId="2376958513" sldId="260"/>
            <ac:spMk id="13580" creationId="{93A1DDBD-BD83-740D-180A-1098E8D6D36C}"/>
          </ac:spMkLst>
        </pc:spChg>
        <pc:spChg chg="mod">
          <ac:chgData name="White, Alex" userId="eff6cc8c-37d8-483b-9c6c-6b27e9afa9bc" providerId="ADAL" clId="{BF04C754-5BF4-4E83-9615-DB14FA25AF8A}" dt="2023-10-12T11:38:42.377" v="307"/>
          <ac:spMkLst>
            <pc:docMk/>
            <pc:sldMk cId="2376958513" sldId="260"/>
            <ac:spMk id="13581" creationId="{08F35B14-D56F-27CB-2A3C-0DB7393CF3E6}"/>
          </ac:spMkLst>
        </pc:spChg>
        <pc:spChg chg="mod">
          <ac:chgData name="White, Alex" userId="eff6cc8c-37d8-483b-9c6c-6b27e9afa9bc" providerId="ADAL" clId="{BF04C754-5BF4-4E83-9615-DB14FA25AF8A}" dt="2023-10-12T11:38:42.377" v="307"/>
          <ac:spMkLst>
            <pc:docMk/>
            <pc:sldMk cId="2376958513" sldId="260"/>
            <ac:spMk id="13582" creationId="{2614DEB1-486E-5259-2A68-B655AD788C03}"/>
          </ac:spMkLst>
        </pc:spChg>
        <pc:spChg chg="mod">
          <ac:chgData name="White, Alex" userId="eff6cc8c-37d8-483b-9c6c-6b27e9afa9bc" providerId="ADAL" clId="{BF04C754-5BF4-4E83-9615-DB14FA25AF8A}" dt="2023-10-12T11:38:42.377" v="307"/>
          <ac:spMkLst>
            <pc:docMk/>
            <pc:sldMk cId="2376958513" sldId="260"/>
            <ac:spMk id="13583" creationId="{2FC2FCBF-3FA5-696F-91FE-549BBC82A48C}"/>
          </ac:spMkLst>
        </pc:spChg>
        <pc:spChg chg="mod">
          <ac:chgData name="White, Alex" userId="eff6cc8c-37d8-483b-9c6c-6b27e9afa9bc" providerId="ADAL" clId="{BF04C754-5BF4-4E83-9615-DB14FA25AF8A}" dt="2023-10-12T11:38:42.377" v="307"/>
          <ac:spMkLst>
            <pc:docMk/>
            <pc:sldMk cId="2376958513" sldId="260"/>
            <ac:spMk id="13584" creationId="{0AC5A50D-E329-D727-DD36-06E673261354}"/>
          </ac:spMkLst>
        </pc:spChg>
        <pc:spChg chg="mod">
          <ac:chgData name="White, Alex" userId="eff6cc8c-37d8-483b-9c6c-6b27e9afa9bc" providerId="ADAL" clId="{BF04C754-5BF4-4E83-9615-DB14FA25AF8A}" dt="2023-10-12T11:38:42.377" v="307"/>
          <ac:spMkLst>
            <pc:docMk/>
            <pc:sldMk cId="2376958513" sldId="260"/>
            <ac:spMk id="13585" creationId="{692E8036-30FE-AACD-A6D5-AA3A520C02F5}"/>
          </ac:spMkLst>
        </pc:spChg>
        <pc:spChg chg="mod">
          <ac:chgData name="White, Alex" userId="eff6cc8c-37d8-483b-9c6c-6b27e9afa9bc" providerId="ADAL" clId="{BF04C754-5BF4-4E83-9615-DB14FA25AF8A}" dt="2023-10-12T11:38:42.377" v="307"/>
          <ac:spMkLst>
            <pc:docMk/>
            <pc:sldMk cId="2376958513" sldId="260"/>
            <ac:spMk id="13586" creationId="{3C26534D-3F4B-F9CE-46C7-E00A307CAEE2}"/>
          </ac:spMkLst>
        </pc:spChg>
        <pc:spChg chg="mod">
          <ac:chgData name="White, Alex" userId="eff6cc8c-37d8-483b-9c6c-6b27e9afa9bc" providerId="ADAL" clId="{BF04C754-5BF4-4E83-9615-DB14FA25AF8A}" dt="2023-10-12T11:38:42.377" v="307"/>
          <ac:spMkLst>
            <pc:docMk/>
            <pc:sldMk cId="2376958513" sldId="260"/>
            <ac:spMk id="13587" creationId="{06342C30-11F5-D32C-059D-CCC76B5D0D76}"/>
          </ac:spMkLst>
        </pc:spChg>
        <pc:spChg chg="mod">
          <ac:chgData name="White, Alex" userId="eff6cc8c-37d8-483b-9c6c-6b27e9afa9bc" providerId="ADAL" clId="{BF04C754-5BF4-4E83-9615-DB14FA25AF8A}" dt="2023-10-12T11:38:42.377" v="307"/>
          <ac:spMkLst>
            <pc:docMk/>
            <pc:sldMk cId="2376958513" sldId="260"/>
            <ac:spMk id="13588" creationId="{559B5612-E9CA-D580-5510-C9DD54A6C73D}"/>
          </ac:spMkLst>
        </pc:spChg>
        <pc:spChg chg="mod">
          <ac:chgData name="White, Alex" userId="eff6cc8c-37d8-483b-9c6c-6b27e9afa9bc" providerId="ADAL" clId="{BF04C754-5BF4-4E83-9615-DB14FA25AF8A}" dt="2023-10-12T11:38:42.377" v="307"/>
          <ac:spMkLst>
            <pc:docMk/>
            <pc:sldMk cId="2376958513" sldId="260"/>
            <ac:spMk id="13589" creationId="{2579E21C-046A-EDD9-1B68-C2BE33C58DF1}"/>
          </ac:spMkLst>
        </pc:spChg>
        <pc:spChg chg="mod">
          <ac:chgData name="White, Alex" userId="eff6cc8c-37d8-483b-9c6c-6b27e9afa9bc" providerId="ADAL" clId="{BF04C754-5BF4-4E83-9615-DB14FA25AF8A}" dt="2023-10-12T11:38:42.377" v="307"/>
          <ac:spMkLst>
            <pc:docMk/>
            <pc:sldMk cId="2376958513" sldId="260"/>
            <ac:spMk id="13590" creationId="{F8216A20-5E46-A088-3E8F-1FFE67EA5866}"/>
          </ac:spMkLst>
        </pc:spChg>
        <pc:spChg chg="mod">
          <ac:chgData name="White, Alex" userId="eff6cc8c-37d8-483b-9c6c-6b27e9afa9bc" providerId="ADAL" clId="{BF04C754-5BF4-4E83-9615-DB14FA25AF8A}" dt="2023-10-12T11:38:42.377" v="307"/>
          <ac:spMkLst>
            <pc:docMk/>
            <pc:sldMk cId="2376958513" sldId="260"/>
            <ac:spMk id="13591" creationId="{87AA9C17-6820-4688-A173-AFFAB1FB60F3}"/>
          </ac:spMkLst>
        </pc:spChg>
        <pc:spChg chg="mod">
          <ac:chgData name="White, Alex" userId="eff6cc8c-37d8-483b-9c6c-6b27e9afa9bc" providerId="ADAL" clId="{BF04C754-5BF4-4E83-9615-DB14FA25AF8A}" dt="2023-10-12T11:38:42.377" v="307"/>
          <ac:spMkLst>
            <pc:docMk/>
            <pc:sldMk cId="2376958513" sldId="260"/>
            <ac:spMk id="13592" creationId="{1ABB537E-3A06-C3D2-E4EB-5EF207ECCB9D}"/>
          </ac:spMkLst>
        </pc:spChg>
        <pc:spChg chg="mod">
          <ac:chgData name="White, Alex" userId="eff6cc8c-37d8-483b-9c6c-6b27e9afa9bc" providerId="ADAL" clId="{BF04C754-5BF4-4E83-9615-DB14FA25AF8A}" dt="2023-10-12T11:38:42.377" v="307"/>
          <ac:spMkLst>
            <pc:docMk/>
            <pc:sldMk cId="2376958513" sldId="260"/>
            <ac:spMk id="13593" creationId="{B32373E2-01D6-18CC-B1CB-C2C0B81F16CA}"/>
          </ac:spMkLst>
        </pc:spChg>
        <pc:spChg chg="mod">
          <ac:chgData name="White, Alex" userId="eff6cc8c-37d8-483b-9c6c-6b27e9afa9bc" providerId="ADAL" clId="{BF04C754-5BF4-4E83-9615-DB14FA25AF8A}" dt="2023-10-12T11:38:42.377" v="307"/>
          <ac:spMkLst>
            <pc:docMk/>
            <pc:sldMk cId="2376958513" sldId="260"/>
            <ac:spMk id="13594" creationId="{5A36FC31-8F8C-E04D-8D04-11A21615C62B}"/>
          </ac:spMkLst>
        </pc:spChg>
        <pc:spChg chg="mod">
          <ac:chgData name="White, Alex" userId="eff6cc8c-37d8-483b-9c6c-6b27e9afa9bc" providerId="ADAL" clId="{BF04C754-5BF4-4E83-9615-DB14FA25AF8A}" dt="2023-10-12T11:38:42.377" v="307"/>
          <ac:spMkLst>
            <pc:docMk/>
            <pc:sldMk cId="2376958513" sldId="260"/>
            <ac:spMk id="13595" creationId="{5879C66A-350E-BB82-6280-7A80B3C28DAC}"/>
          </ac:spMkLst>
        </pc:spChg>
        <pc:spChg chg="mod">
          <ac:chgData name="White, Alex" userId="eff6cc8c-37d8-483b-9c6c-6b27e9afa9bc" providerId="ADAL" clId="{BF04C754-5BF4-4E83-9615-DB14FA25AF8A}" dt="2023-10-12T11:38:42.377" v="307"/>
          <ac:spMkLst>
            <pc:docMk/>
            <pc:sldMk cId="2376958513" sldId="260"/>
            <ac:spMk id="13596" creationId="{903FD93F-DE3D-08C0-AAAC-EADEDCC239D5}"/>
          </ac:spMkLst>
        </pc:spChg>
        <pc:spChg chg="mod">
          <ac:chgData name="White, Alex" userId="eff6cc8c-37d8-483b-9c6c-6b27e9afa9bc" providerId="ADAL" clId="{BF04C754-5BF4-4E83-9615-DB14FA25AF8A}" dt="2023-10-12T11:38:42.377" v="307"/>
          <ac:spMkLst>
            <pc:docMk/>
            <pc:sldMk cId="2376958513" sldId="260"/>
            <ac:spMk id="13597" creationId="{8F31E1B1-2C87-EB96-FDC4-CEE3F9710492}"/>
          </ac:spMkLst>
        </pc:spChg>
        <pc:spChg chg="mod">
          <ac:chgData name="White, Alex" userId="eff6cc8c-37d8-483b-9c6c-6b27e9afa9bc" providerId="ADAL" clId="{BF04C754-5BF4-4E83-9615-DB14FA25AF8A}" dt="2023-10-12T11:38:42.377" v="307"/>
          <ac:spMkLst>
            <pc:docMk/>
            <pc:sldMk cId="2376958513" sldId="260"/>
            <ac:spMk id="13598" creationId="{0780AFF6-BBDF-FC29-6340-543E2D1CE55C}"/>
          </ac:spMkLst>
        </pc:spChg>
        <pc:spChg chg="mod">
          <ac:chgData name="White, Alex" userId="eff6cc8c-37d8-483b-9c6c-6b27e9afa9bc" providerId="ADAL" clId="{BF04C754-5BF4-4E83-9615-DB14FA25AF8A}" dt="2023-10-12T11:38:42.377" v="307"/>
          <ac:spMkLst>
            <pc:docMk/>
            <pc:sldMk cId="2376958513" sldId="260"/>
            <ac:spMk id="13599" creationId="{242BC8CF-2132-A329-2513-56D0156E84BD}"/>
          </ac:spMkLst>
        </pc:spChg>
        <pc:spChg chg="mod">
          <ac:chgData name="White, Alex" userId="eff6cc8c-37d8-483b-9c6c-6b27e9afa9bc" providerId="ADAL" clId="{BF04C754-5BF4-4E83-9615-DB14FA25AF8A}" dt="2023-10-12T11:38:42.377" v="307"/>
          <ac:spMkLst>
            <pc:docMk/>
            <pc:sldMk cId="2376958513" sldId="260"/>
            <ac:spMk id="13600" creationId="{55BD7D79-3560-4B4F-C6DD-E25F4FEE87BD}"/>
          </ac:spMkLst>
        </pc:spChg>
        <pc:spChg chg="mod">
          <ac:chgData name="White, Alex" userId="eff6cc8c-37d8-483b-9c6c-6b27e9afa9bc" providerId="ADAL" clId="{BF04C754-5BF4-4E83-9615-DB14FA25AF8A}" dt="2023-10-12T11:38:42.377" v="307"/>
          <ac:spMkLst>
            <pc:docMk/>
            <pc:sldMk cId="2376958513" sldId="260"/>
            <ac:spMk id="13601" creationId="{345999F2-20C1-5892-26D8-83B262454AD4}"/>
          </ac:spMkLst>
        </pc:spChg>
        <pc:spChg chg="mod">
          <ac:chgData name="White, Alex" userId="eff6cc8c-37d8-483b-9c6c-6b27e9afa9bc" providerId="ADAL" clId="{BF04C754-5BF4-4E83-9615-DB14FA25AF8A}" dt="2023-10-12T11:38:42.377" v="307"/>
          <ac:spMkLst>
            <pc:docMk/>
            <pc:sldMk cId="2376958513" sldId="260"/>
            <ac:spMk id="13602" creationId="{ADD728E7-2D1F-CADF-4569-CED5F01298DB}"/>
          </ac:spMkLst>
        </pc:spChg>
        <pc:spChg chg="mod">
          <ac:chgData name="White, Alex" userId="eff6cc8c-37d8-483b-9c6c-6b27e9afa9bc" providerId="ADAL" clId="{BF04C754-5BF4-4E83-9615-DB14FA25AF8A}" dt="2023-10-12T11:38:42.377" v="307"/>
          <ac:spMkLst>
            <pc:docMk/>
            <pc:sldMk cId="2376958513" sldId="260"/>
            <ac:spMk id="13603" creationId="{BF64C071-2AE6-3956-2F33-F82FF9F0E48F}"/>
          </ac:spMkLst>
        </pc:spChg>
        <pc:spChg chg="mod">
          <ac:chgData name="White, Alex" userId="eff6cc8c-37d8-483b-9c6c-6b27e9afa9bc" providerId="ADAL" clId="{BF04C754-5BF4-4E83-9615-DB14FA25AF8A}" dt="2023-10-12T11:38:42.377" v="307"/>
          <ac:spMkLst>
            <pc:docMk/>
            <pc:sldMk cId="2376958513" sldId="260"/>
            <ac:spMk id="13604" creationId="{5E819FB2-FE28-82E4-7482-B6502D3ADD17}"/>
          </ac:spMkLst>
        </pc:spChg>
        <pc:spChg chg="mod">
          <ac:chgData name="White, Alex" userId="eff6cc8c-37d8-483b-9c6c-6b27e9afa9bc" providerId="ADAL" clId="{BF04C754-5BF4-4E83-9615-DB14FA25AF8A}" dt="2023-10-12T11:38:42.377" v="307"/>
          <ac:spMkLst>
            <pc:docMk/>
            <pc:sldMk cId="2376958513" sldId="260"/>
            <ac:spMk id="13605" creationId="{C59448EE-3A1A-5998-9088-E4590672CCD2}"/>
          </ac:spMkLst>
        </pc:spChg>
        <pc:spChg chg="mod">
          <ac:chgData name="White, Alex" userId="eff6cc8c-37d8-483b-9c6c-6b27e9afa9bc" providerId="ADAL" clId="{BF04C754-5BF4-4E83-9615-DB14FA25AF8A}" dt="2023-10-12T11:38:42.377" v="307"/>
          <ac:spMkLst>
            <pc:docMk/>
            <pc:sldMk cId="2376958513" sldId="260"/>
            <ac:spMk id="13606" creationId="{E345D63C-C932-D77A-C62A-734CE7405293}"/>
          </ac:spMkLst>
        </pc:spChg>
        <pc:spChg chg="mod">
          <ac:chgData name="White, Alex" userId="eff6cc8c-37d8-483b-9c6c-6b27e9afa9bc" providerId="ADAL" clId="{BF04C754-5BF4-4E83-9615-DB14FA25AF8A}" dt="2023-10-12T11:38:42.377" v="307"/>
          <ac:spMkLst>
            <pc:docMk/>
            <pc:sldMk cId="2376958513" sldId="260"/>
            <ac:spMk id="13607" creationId="{BB0688B1-D1AD-36C5-DE82-D129C3B9DA8B}"/>
          </ac:spMkLst>
        </pc:spChg>
        <pc:spChg chg="mod">
          <ac:chgData name="White, Alex" userId="eff6cc8c-37d8-483b-9c6c-6b27e9afa9bc" providerId="ADAL" clId="{BF04C754-5BF4-4E83-9615-DB14FA25AF8A}" dt="2023-10-12T11:38:42.377" v="307"/>
          <ac:spMkLst>
            <pc:docMk/>
            <pc:sldMk cId="2376958513" sldId="260"/>
            <ac:spMk id="13608" creationId="{65D31FDC-8F47-8F6C-9268-D7E82ABBCF05}"/>
          </ac:spMkLst>
        </pc:spChg>
        <pc:spChg chg="mod">
          <ac:chgData name="White, Alex" userId="eff6cc8c-37d8-483b-9c6c-6b27e9afa9bc" providerId="ADAL" clId="{BF04C754-5BF4-4E83-9615-DB14FA25AF8A}" dt="2023-10-12T11:38:42.377" v="307"/>
          <ac:spMkLst>
            <pc:docMk/>
            <pc:sldMk cId="2376958513" sldId="260"/>
            <ac:spMk id="13609" creationId="{5957FBB1-7571-8652-CC83-0BA8139D2155}"/>
          </ac:spMkLst>
        </pc:spChg>
        <pc:spChg chg="mod">
          <ac:chgData name="White, Alex" userId="eff6cc8c-37d8-483b-9c6c-6b27e9afa9bc" providerId="ADAL" clId="{BF04C754-5BF4-4E83-9615-DB14FA25AF8A}" dt="2023-10-12T11:38:42.377" v="307"/>
          <ac:spMkLst>
            <pc:docMk/>
            <pc:sldMk cId="2376958513" sldId="260"/>
            <ac:spMk id="13610" creationId="{218EAE53-335D-2709-4AA1-DFF900612B80}"/>
          </ac:spMkLst>
        </pc:spChg>
        <pc:spChg chg="mod">
          <ac:chgData name="White, Alex" userId="eff6cc8c-37d8-483b-9c6c-6b27e9afa9bc" providerId="ADAL" clId="{BF04C754-5BF4-4E83-9615-DB14FA25AF8A}" dt="2023-10-12T11:38:42.377" v="307"/>
          <ac:spMkLst>
            <pc:docMk/>
            <pc:sldMk cId="2376958513" sldId="260"/>
            <ac:spMk id="13611" creationId="{AEDDE6A5-F237-01F0-1D32-1C51080DCFDE}"/>
          </ac:spMkLst>
        </pc:spChg>
        <pc:spChg chg="mod">
          <ac:chgData name="White, Alex" userId="eff6cc8c-37d8-483b-9c6c-6b27e9afa9bc" providerId="ADAL" clId="{BF04C754-5BF4-4E83-9615-DB14FA25AF8A}" dt="2023-10-12T11:38:42.377" v="307"/>
          <ac:spMkLst>
            <pc:docMk/>
            <pc:sldMk cId="2376958513" sldId="260"/>
            <ac:spMk id="13612" creationId="{1998274F-BF08-EF1B-4E21-C423AA491653}"/>
          </ac:spMkLst>
        </pc:spChg>
        <pc:spChg chg="mod">
          <ac:chgData name="White, Alex" userId="eff6cc8c-37d8-483b-9c6c-6b27e9afa9bc" providerId="ADAL" clId="{BF04C754-5BF4-4E83-9615-DB14FA25AF8A}" dt="2023-10-12T11:38:42.377" v="307"/>
          <ac:spMkLst>
            <pc:docMk/>
            <pc:sldMk cId="2376958513" sldId="260"/>
            <ac:spMk id="13613" creationId="{D03DB29B-09FA-3F92-29E3-61FD40972772}"/>
          </ac:spMkLst>
        </pc:spChg>
        <pc:spChg chg="mod">
          <ac:chgData name="White, Alex" userId="eff6cc8c-37d8-483b-9c6c-6b27e9afa9bc" providerId="ADAL" clId="{BF04C754-5BF4-4E83-9615-DB14FA25AF8A}" dt="2023-10-12T11:38:42.377" v="307"/>
          <ac:spMkLst>
            <pc:docMk/>
            <pc:sldMk cId="2376958513" sldId="260"/>
            <ac:spMk id="13614" creationId="{3829635A-8704-CFEC-CD5C-118C47E41DAC}"/>
          </ac:spMkLst>
        </pc:spChg>
        <pc:spChg chg="mod">
          <ac:chgData name="White, Alex" userId="eff6cc8c-37d8-483b-9c6c-6b27e9afa9bc" providerId="ADAL" clId="{BF04C754-5BF4-4E83-9615-DB14FA25AF8A}" dt="2023-10-12T11:38:42.377" v="307"/>
          <ac:spMkLst>
            <pc:docMk/>
            <pc:sldMk cId="2376958513" sldId="260"/>
            <ac:spMk id="13615" creationId="{6F91461A-B097-A044-3C1B-EEE3252D2EB3}"/>
          </ac:spMkLst>
        </pc:spChg>
        <pc:spChg chg="mod">
          <ac:chgData name="White, Alex" userId="eff6cc8c-37d8-483b-9c6c-6b27e9afa9bc" providerId="ADAL" clId="{BF04C754-5BF4-4E83-9615-DB14FA25AF8A}" dt="2023-10-12T11:38:42.377" v="307"/>
          <ac:spMkLst>
            <pc:docMk/>
            <pc:sldMk cId="2376958513" sldId="260"/>
            <ac:spMk id="13616" creationId="{DB808E55-2B9C-A639-539E-EE3A8CE35432}"/>
          </ac:spMkLst>
        </pc:spChg>
        <pc:spChg chg="mod">
          <ac:chgData name="White, Alex" userId="eff6cc8c-37d8-483b-9c6c-6b27e9afa9bc" providerId="ADAL" clId="{BF04C754-5BF4-4E83-9615-DB14FA25AF8A}" dt="2023-10-12T11:38:42.377" v="307"/>
          <ac:spMkLst>
            <pc:docMk/>
            <pc:sldMk cId="2376958513" sldId="260"/>
            <ac:spMk id="13617" creationId="{1817274A-AB24-5CB5-7508-13962DE7F8AC}"/>
          </ac:spMkLst>
        </pc:spChg>
        <pc:spChg chg="mod">
          <ac:chgData name="White, Alex" userId="eff6cc8c-37d8-483b-9c6c-6b27e9afa9bc" providerId="ADAL" clId="{BF04C754-5BF4-4E83-9615-DB14FA25AF8A}" dt="2023-10-12T11:38:42.377" v="307"/>
          <ac:spMkLst>
            <pc:docMk/>
            <pc:sldMk cId="2376958513" sldId="260"/>
            <ac:spMk id="13618" creationId="{3CF4A458-C9BF-A8D7-01FE-5AAE215D2AA9}"/>
          </ac:spMkLst>
        </pc:spChg>
        <pc:spChg chg="mod">
          <ac:chgData name="White, Alex" userId="eff6cc8c-37d8-483b-9c6c-6b27e9afa9bc" providerId="ADAL" clId="{BF04C754-5BF4-4E83-9615-DB14FA25AF8A}" dt="2023-10-12T11:38:42.377" v="307"/>
          <ac:spMkLst>
            <pc:docMk/>
            <pc:sldMk cId="2376958513" sldId="260"/>
            <ac:spMk id="13619" creationId="{6D48A03D-A778-41AB-0A9B-4740E1335212}"/>
          </ac:spMkLst>
        </pc:spChg>
        <pc:spChg chg="mod">
          <ac:chgData name="White, Alex" userId="eff6cc8c-37d8-483b-9c6c-6b27e9afa9bc" providerId="ADAL" clId="{BF04C754-5BF4-4E83-9615-DB14FA25AF8A}" dt="2023-10-12T11:38:42.377" v="307"/>
          <ac:spMkLst>
            <pc:docMk/>
            <pc:sldMk cId="2376958513" sldId="260"/>
            <ac:spMk id="13620" creationId="{53A5FA07-0DE2-29AA-5EF4-6B270B6BBE7F}"/>
          </ac:spMkLst>
        </pc:spChg>
        <pc:spChg chg="mod">
          <ac:chgData name="White, Alex" userId="eff6cc8c-37d8-483b-9c6c-6b27e9afa9bc" providerId="ADAL" clId="{BF04C754-5BF4-4E83-9615-DB14FA25AF8A}" dt="2023-10-12T11:38:42.377" v="307"/>
          <ac:spMkLst>
            <pc:docMk/>
            <pc:sldMk cId="2376958513" sldId="260"/>
            <ac:spMk id="13621" creationId="{6F3B17F6-FFE7-84C1-70F1-14DBEC84191D}"/>
          </ac:spMkLst>
        </pc:spChg>
        <pc:spChg chg="mod">
          <ac:chgData name="White, Alex" userId="eff6cc8c-37d8-483b-9c6c-6b27e9afa9bc" providerId="ADAL" clId="{BF04C754-5BF4-4E83-9615-DB14FA25AF8A}" dt="2023-10-12T11:38:42.377" v="307"/>
          <ac:spMkLst>
            <pc:docMk/>
            <pc:sldMk cId="2376958513" sldId="260"/>
            <ac:spMk id="13622" creationId="{F8DB9632-33E0-5332-3C7E-32E1747DC76C}"/>
          </ac:spMkLst>
        </pc:spChg>
        <pc:spChg chg="mod">
          <ac:chgData name="White, Alex" userId="eff6cc8c-37d8-483b-9c6c-6b27e9afa9bc" providerId="ADAL" clId="{BF04C754-5BF4-4E83-9615-DB14FA25AF8A}" dt="2023-10-12T11:38:42.377" v="307"/>
          <ac:spMkLst>
            <pc:docMk/>
            <pc:sldMk cId="2376958513" sldId="260"/>
            <ac:spMk id="13623" creationId="{A664D95C-DA53-7F7A-3CC9-3AB9375BFDCA}"/>
          </ac:spMkLst>
        </pc:spChg>
        <pc:spChg chg="mod">
          <ac:chgData name="White, Alex" userId="eff6cc8c-37d8-483b-9c6c-6b27e9afa9bc" providerId="ADAL" clId="{BF04C754-5BF4-4E83-9615-DB14FA25AF8A}" dt="2023-10-12T11:38:42.377" v="307"/>
          <ac:spMkLst>
            <pc:docMk/>
            <pc:sldMk cId="2376958513" sldId="260"/>
            <ac:spMk id="13624" creationId="{50C01E5B-FACB-F9D4-E74B-13929B1726AC}"/>
          </ac:spMkLst>
        </pc:spChg>
        <pc:spChg chg="mod">
          <ac:chgData name="White, Alex" userId="eff6cc8c-37d8-483b-9c6c-6b27e9afa9bc" providerId="ADAL" clId="{BF04C754-5BF4-4E83-9615-DB14FA25AF8A}" dt="2023-10-12T11:38:42.377" v="307"/>
          <ac:spMkLst>
            <pc:docMk/>
            <pc:sldMk cId="2376958513" sldId="260"/>
            <ac:spMk id="13625" creationId="{831F366B-B48F-2B06-1315-77A31197F94A}"/>
          </ac:spMkLst>
        </pc:spChg>
        <pc:spChg chg="mod">
          <ac:chgData name="White, Alex" userId="eff6cc8c-37d8-483b-9c6c-6b27e9afa9bc" providerId="ADAL" clId="{BF04C754-5BF4-4E83-9615-DB14FA25AF8A}" dt="2023-10-12T11:38:42.377" v="307"/>
          <ac:spMkLst>
            <pc:docMk/>
            <pc:sldMk cId="2376958513" sldId="260"/>
            <ac:spMk id="13626" creationId="{FEA8290D-7232-A47C-43B9-2410F346DAEE}"/>
          </ac:spMkLst>
        </pc:spChg>
        <pc:spChg chg="mod">
          <ac:chgData name="White, Alex" userId="eff6cc8c-37d8-483b-9c6c-6b27e9afa9bc" providerId="ADAL" clId="{BF04C754-5BF4-4E83-9615-DB14FA25AF8A}" dt="2023-10-12T11:38:42.377" v="307"/>
          <ac:spMkLst>
            <pc:docMk/>
            <pc:sldMk cId="2376958513" sldId="260"/>
            <ac:spMk id="13627" creationId="{D1391138-581F-5FD5-85F6-280DA60724B8}"/>
          </ac:spMkLst>
        </pc:spChg>
        <pc:spChg chg="mod">
          <ac:chgData name="White, Alex" userId="eff6cc8c-37d8-483b-9c6c-6b27e9afa9bc" providerId="ADAL" clId="{BF04C754-5BF4-4E83-9615-DB14FA25AF8A}" dt="2023-10-12T11:38:42.377" v="307"/>
          <ac:spMkLst>
            <pc:docMk/>
            <pc:sldMk cId="2376958513" sldId="260"/>
            <ac:spMk id="13628" creationId="{977141C1-917B-D7A5-08E6-A6528D1686FC}"/>
          </ac:spMkLst>
        </pc:spChg>
        <pc:spChg chg="mod">
          <ac:chgData name="White, Alex" userId="eff6cc8c-37d8-483b-9c6c-6b27e9afa9bc" providerId="ADAL" clId="{BF04C754-5BF4-4E83-9615-DB14FA25AF8A}" dt="2023-10-12T11:38:42.377" v="307"/>
          <ac:spMkLst>
            <pc:docMk/>
            <pc:sldMk cId="2376958513" sldId="260"/>
            <ac:spMk id="13629" creationId="{058BEB8A-AB28-DCAE-716A-F8A9A239BAE9}"/>
          </ac:spMkLst>
        </pc:spChg>
        <pc:spChg chg="mod">
          <ac:chgData name="White, Alex" userId="eff6cc8c-37d8-483b-9c6c-6b27e9afa9bc" providerId="ADAL" clId="{BF04C754-5BF4-4E83-9615-DB14FA25AF8A}" dt="2023-10-12T11:38:42.377" v="307"/>
          <ac:spMkLst>
            <pc:docMk/>
            <pc:sldMk cId="2376958513" sldId="260"/>
            <ac:spMk id="13630" creationId="{9EC4FB6E-7D91-D8E7-45BD-064E095D572A}"/>
          </ac:spMkLst>
        </pc:spChg>
        <pc:spChg chg="mod">
          <ac:chgData name="White, Alex" userId="eff6cc8c-37d8-483b-9c6c-6b27e9afa9bc" providerId="ADAL" clId="{BF04C754-5BF4-4E83-9615-DB14FA25AF8A}" dt="2023-10-12T11:38:42.377" v="307"/>
          <ac:spMkLst>
            <pc:docMk/>
            <pc:sldMk cId="2376958513" sldId="260"/>
            <ac:spMk id="13631" creationId="{C9DE549A-772F-397A-5ECD-9EFBFA6974DA}"/>
          </ac:spMkLst>
        </pc:spChg>
        <pc:spChg chg="mod">
          <ac:chgData name="White, Alex" userId="eff6cc8c-37d8-483b-9c6c-6b27e9afa9bc" providerId="ADAL" clId="{BF04C754-5BF4-4E83-9615-DB14FA25AF8A}" dt="2023-10-12T11:38:42.377" v="307"/>
          <ac:spMkLst>
            <pc:docMk/>
            <pc:sldMk cId="2376958513" sldId="260"/>
            <ac:spMk id="13632" creationId="{175687CE-D8F3-7BD5-2768-AD8ADD79A008}"/>
          </ac:spMkLst>
        </pc:spChg>
        <pc:spChg chg="mod">
          <ac:chgData name="White, Alex" userId="eff6cc8c-37d8-483b-9c6c-6b27e9afa9bc" providerId="ADAL" clId="{BF04C754-5BF4-4E83-9615-DB14FA25AF8A}" dt="2023-10-12T11:38:42.377" v="307"/>
          <ac:spMkLst>
            <pc:docMk/>
            <pc:sldMk cId="2376958513" sldId="260"/>
            <ac:spMk id="13633" creationId="{D238938E-0832-1A59-9A1D-A2918C5A2CCF}"/>
          </ac:spMkLst>
        </pc:spChg>
        <pc:spChg chg="mod">
          <ac:chgData name="White, Alex" userId="eff6cc8c-37d8-483b-9c6c-6b27e9afa9bc" providerId="ADAL" clId="{BF04C754-5BF4-4E83-9615-DB14FA25AF8A}" dt="2023-10-12T11:38:42.377" v="307"/>
          <ac:spMkLst>
            <pc:docMk/>
            <pc:sldMk cId="2376958513" sldId="260"/>
            <ac:spMk id="13634" creationId="{6ED5C89D-AD87-BE24-6E94-123BA89FAB17}"/>
          </ac:spMkLst>
        </pc:spChg>
        <pc:spChg chg="mod">
          <ac:chgData name="White, Alex" userId="eff6cc8c-37d8-483b-9c6c-6b27e9afa9bc" providerId="ADAL" clId="{BF04C754-5BF4-4E83-9615-DB14FA25AF8A}" dt="2023-10-12T11:38:42.377" v="307"/>
          <ac:spMkLst>
            <pc:docMk/>
            <pc:sldMk cId="2376958513" sldId="260"/>
            <ac:spMk id="13635" creationId="{BF576791-68BB-3A38-BFAD-F0F871E9C3BF}"/>
          </ac:spMkLst>
        </pc:spChg>
        <pc:spChg chg="mod">
          <ac:chgData name="White, Alex" userId="eff6cc8c-37d8-483b-9c6c-6b27e9afa9bc" providerId="ADAL" clId="{BF04C754-5BF4-4E83-9615-DB14FA25AF8A}" dt="2023-10-12T11:38:42.377" v="307"/>
          <ac:spMkLst>
            <pc:docMk/>
            <pc:sldMk cId="2376958513" sldId="260"/>
            <ac:spMk id="13636" creationId="{220CE096-1C9A-2852-394B-5F96CB8811B3}"/>
          </ac:spMkLst>
        </pc:spChg>
        <pc:spChg chg="mod">
          <ac:chgData name="White, Alex" userId="eff6cc8c-37d8-483b-9c6c-6b27e9afa9bc" providerId="ADAL" clId="{BF04C754-5BF4-4E83-9615-DB14FA25AF8A}" dt="2023-10-12T11:38:42.377" v="307"/>
          <ac:spMkLst>
            <pc:docMk/>
            <pc:sldMk cId="2376958513" sldId="260"/>
            <ac:spMk id="13637" creationId="{D37F974F-3249-178A-85DD-F13915A404E1}"/>
          </ac:spMkLst>
        </pc:spChg>
        <pc:spChg chg="mod">
          <ac:chgData name="White, Alex" userId="eff6cc8c-37d8-483b-9c6c-6b27e9afa9bc" providerId="ADAL" clId="{BF04C754-5BF4-4E83-9615-DB14FA25AF8A}" dt="2023-10-12T11:38:42.377" v="307"/>
          <ac:spMkLst>
            <pc:docMk/>
            <pc:sldMk cId="2376958513" sldId="260"/>
            <ac:spMk id="13638" creationId="{6DE675F4-1639-AD0B-76DA-8D35C4B96FC6}"/>
          </ac:spMkLst>
        </pc:spChg>
        <pc:spChg chg="mod">
          <ac:chgData name="White, Alex" userId="eff6cc8c-37d8-483b-9c6c-6b27e9afa9bc" providerId="ADAL" clId="{BF04C754-5BF4-4E83-9615-DB14FA25AF8A}" dt="2023-10-12T11:38:42.377" v="307"/>
          <ac:spMkLst>
            <pc:docMk/>
            <pc:sldMk cId="2376958513" sldId="260"/>
            <ac:spMk id="13639" creationId="{154CCBE0-2500-D43E-AAE4-6CEF04C40D12}"/>
          </ac:spMkLst>
        </pc:spChg>
        <pc:spChg chg="mod">
          <ac:chgData name="White, Alex" userId="eff6cc8c-37d8-483b-9c6c-6b27e9afa9bc" providerId="ADAL" clId="{BF04C754-5BF4-4E83-9615-DB14FA25AF8A}" dt="2023-10-12T11:38:42.377" v="307"/>
          <ac:spMkLst>
            <pc:docMk/>
            <pc:sldMk cId="2376958513" sldId="260"/>
            <ac:spMk id="13640" creationId="{43CEC075-5161-50BF-A938-794B7A4ABE47}"/>
          </ac:spMkLst>
        </pc:spChg>
        <pc:spChg chg="mod">
          <ac:chgData name="White, Alex" userId="eff6cc8c-37d8-483b-9c6c-6b27e9afa9bc" providerId="ADAL" clId="{BF04C754-5BF4-4E83-9615-DB14FA25AF8A}" dt="2023-10-12T11:38:42.377" v="307"/>
          <ac:spMkLst>
            <pc:docMk/>
            <pc:sldMk cId="2376958513" sldId="260"/>
            <ac:spMk id="13641" creationId="{F3383243-D94F-B9B3-7D32-76BD3108FD77}"/>
          </ac:spMkLst>
        </pc:spChg>
        <pc:spChg chg="mod">
          <ac:chgData name="White, Alex" userId="eff6cc8c-37d8-483b-9c6c-6b27e9afa9bc" providerId="ADAL" clId="{BF04C754-5BF4-4E83-9615-DB14FA25AF8A}" dt="2023-10-12T11:38:42.377" v="307"/>
          <ac:spMkLst>
            <pc:docMk/>
            <pc:sldMk cId="2376958513" sldId="260"/>
            <ac:spMk id="13642" creationId="{BADF68CF-CE77-1EAF-A008-AAA7D379769A}"/>
          </ac:spMkLst>
        </pc:spChg>
        <pc:spChg chg="mod">
          <ac:chgData name="White, Alex" userId="eff6cc8c-37d8-483b-9c6c-6b27e9afa9bc" providerId="ADAL" clId="{BF04C754-5BF4-4E83-9615-DB14FA25AF8A}" dt="2023-10-12T11:38:42.377" v="307"/>
          <ac:spMkLst>
            <pc:docMk/>
            <pc:sldMk cId="2376958513" sldId="260"/>
            <ac:spMk id="13643" creationId="{9B5DD6A5-177E-4455-C627-95B74B4DEB8F}"/>
          </ac:spMkLst>
        </pc:spChg>
        <pc:spChg chg="mod">
          <ac:chgData name="White, Alex" userId="eff6cc8c-37d8-483b-9c6c-6b27e9afa9bc" providerId="ADAL" clId="{BF04C754-5BF4-4E83-9615-DB14FA25AF8A}" dt="2023-10-12T11:38:42.377" v="307"/>
          <ac:spMkLst>
            <pc:docMk/>
            <pc:sldMk cId="2376958513" sldId="260"/>
            <ac:spMk id="13644" creationId="{C38BF4AB-0EAE-6F2C-45C6-24307B6E51B1}"/>
          </ac:spMkLst>
        </pc:spChg>
        <pc:spChg chg="mod">
          <ac:chgData name="White, Alex" userId="eff6cc8c-37d8-483b-9c6c-6b27e9afa9bc" providerId="ADAL" clId="{BF04C754-5BF4-4E83-9615-DB14FA25AF8A}" dt="2023-10-12T11:38:42.377" v="307"/>
          <ac:spMkLst>
            <pc:docMk/>
            <pc:sldMk cId="2376958513" sldId="260"/>
            <ac:spMk id="13645" creationId="{9AEA0466-815A-B21F-346D-8D97E065E807}"/>
          </ac:spMkLst>
        </pc:spChg>
        <pc:spChg chg="mod">
          <ac:chgData name="White, Alex" userId="eff6cc8c-37d8-483b-9c6c-6b27e9afa9bc" providerId="ADAL" clId="{BF04C754-5BF4-4E83-9615-DB14FA25AF8A}" dt="2023-10-12T11:38:42.377" v="307"/>
          <ac:spMkLst>
            <pc:docMk/>
            <pc:sldMk cId="2376958513" sldId="260"/>
            <ac:spMk id="13646" creationId="{80F620BF-C71F-3716-711E-6EF9F2B8F090}"/>
          </ac:spMkLst>
        </pc:spChg>
        <pc:spChg chg="mod">
          <ac:chgData name="White, Alex" userId="eff6cc8c-37d8-483b-9c6c-6b27e9afa9bc" providerId="ADAL" clId="{BF04C754-5BF4-4E83-9615-DB14FA25AF8A}" dt="2023-10-12T11:38:42.377" v="307"/>
          <ac:spMkLst>
            <pc:docMk/>
            <pc:sldMk cId="2376958513" sldId="260"/>
            <ac:spMk id="13647" creationId="{07ADCE51-B27D-7A18-4F6E-AA4222FD76AF}"/>
          </ac:spMkLst>
        </pc:spChg>
        <pc:spChg chg="mod">
          <ac:chgData name="White, Alex" userId="eff6cc8c-37d8-483b-9c6c-6b27e9afa9bc" providerId="ADAL" clId="{BF04C754-5BF4-4E83-9615-DB14FA25AF8A}" dt="2023-10-12T11:38:42.377" v="307"/>
          <ac:spMkLst>
            <pc:docMk/>
            <pc:sldMk cId="2376958513" sldId="260"/>
            <ac:spMk id="13648" creationId="{5F03C7B7-9B48-44D0-88DE-50EC4AD9C033}"/>
          </ac:spMkLst>
        </pc:spChg>
        <pc:spChg chg="mod">
          <ac:chgData name="White, Alex" userId="eff6cc8c-37d8-483b-9c6c-6b27e9afa9bc" providerId="ADAL" clId="{BF04C754-5BF4-4E83-9615-DB14FA25AF8A}" dt="2023-10-12T11:38:42.377" v="307"/>
          <ac:spMkLst>
            <pc:docMk/>
            <pc:sldMk cId="2376958513" sldId="260"/>
            <ac:spMk id="13649" creationId="{43364878-8788-27E0-348D-3AF282D56276}"/>
          </ac:spMkLst>
        </pc:spChg>
        <pc:spChg chg="mod">
          <ac:chgData name="White, Alex" userId="eff6cc8c-37d8-483b-9c6c-6b27e9afa9bc" providerId="ADAL" clId="{BF04C754-5BF4-4E83-9615-DB14FA25AF8A}" dt="2023-10-12T11:38:42.377" v="307"/>
          <ac:spMkLst>
            <pc:docMk/>
            <pc:sldMk cId="2376958513" sldId="260"/>
            <ac:spMk id="13650" creationId="{F4BB09ED-FB4D-339C-A028-CC249FC9E382}"/>
          </ac:spMkLst>
        </pc:spChg>
        <pc:spChg chg="mod">
          <ac:chgData name="White, Alex" userId="eff6cc8c-37d8-483b-9c6c-6b27e9afa9bc" providerId="ADAL" clId="{BF04C754-5BF4-4E83-9615-DB14FA25AF8A}" dt="2023-10-12T11:38:42.377" v="307"/>
          <ac:spMkLst>
            <pc:docMk/>
            <pc:sldMk cId="2376958513" sldId="260"/>
            <ac:spMk id="13651" creationId="{CB2B8FD1-6300-A211-2CAA-1C528EC18F41}"/>
          </ac:spMkLst>
        </pc:spChg>
        <pc:spChg chg="mod">
          <ac:chgData name="White, Alex" userId="eff6cc8c-37d8-483b-9c6c-6b27e9afa9bc" providerId="ADAL" clId="{BF04C754-5BF4-4E83-9615-DB14FA25AF8A}" dt="2023-10-12T11:38:42.377" v="307"/>
          <ac:spMkLst>
            <pc:docMk/>
            <pc:sldMk cId="2376958513" sldId="260"/>
            <ac:spMk id="13652" creationId="{DB170169-B944-791A-42AE-A0C6D3AC68DB}"/>
          </ac:spMkLst>
        </pc:spChg>
        <pc:spChg chg="mod">
          <ac:chgData name="White, Alex" userId="eff6cc8c-37d8-483b-9c6c-6b27e9afa9bc" providerId="ADAL" clId="{BF04C754-5BF4-4E83-9615-DB14FA25AF8A}" dt="2023-10-12T11:38:42.377" v="307"/>
          <ac:spMkLst>
            <pc:docMk/>
            <pc:sldMk cId="2376958513" sldId="260"/>
            <ac:spMk id="13653" creationId="{B49568F5-A9C5-C90F-3325-D871FBB5481F}"/>
          </ac:spMkLst>
        </pc:spChg>
        <pc:spChg chg="mod">
          <ac:chgData name="White, Alex" userId="eff6cc8c-37d8-483b-9c6c-6b27e9afa9bc" providerId="ADAL" clId="{BF04C754-5BF4-4E83-9615-DB14FA25AF8A}" dt="2023-10-12T11:38:42.377" v="307"/>
          <ac:spMkLst>
            <pc:docMk/>
            <pc:sldMk cId="2376958513" sldId="260"/>
            <ac:spMk id="13654" creationId="{DDE2C831-61BA-882E-1E2B-698DC5A9F6EE}"/>
          </ac:spMkLst>
        </pc:spChg>
        <pc:spChg chg="mod">
          <ac:chgData name="White, Alex" userId="eff6cc8c-37d8-483b-9c6c-6b27e9afa9bc" providerId="ADAL" clId="{BF04C754-5BF4-4E83-9615-DB14FA25AF8A}" dt="2023-10-12T11:38:42.377" v="307"/>
          <ac:spMkLst>
            <pc:docMk/>
            <pc:sldMk cId="2376958513" sldId="260"/>
            <ac:spMk id="13655" creationId="{5E685825-4879-0F1E-9B57-B05EE2136AEB}"/>
          </ac:spMkLst>
        </pc:spChg>
        <pc:spChg chg="mod">
          <ac:chgData name="White, Alex" userId="eff6cc8c-37d8-483b-9c6c-6b27e9afa9bc" providerId="ADAL" clId="{BF04C754-5BF4-4E83-9615-DB14FA25AF8A}" dt="2023-10-12T11:38:42.377" v="307"/>
          <ac:spMkLst>
            <pc:docMk/>
            <pc:sldMk cId="2376958513" sldId="260"/>
            <ac:spMk id="13656" creationId="{D708C848-0F3C-0C7E-53AC-9A2AE6D3FBE8}"/>
          </ac:spMkLst>
        </pc:spChg>
        <pc:spChg chg="mod">
          <ac:chgData name="White, Alex" userId="eff6cc8c-37d8-483b-9c6c-6b27e9afa9bc" providerId="ADAL" clId="{BF04C754-5BF4-4E83-9615-DB14FA25AF8A}" dt="2023-10-12T11:38:42.377" v="307"/>
          <ac:spMkLst>
            <pc:docMk/>
            <pc:sldMk cId="2376958513" sldId="260"/>
            <ac:spMk id="13657" creationId="{F6A36963-8D96-9636-515B-B09C91200BEF}"/>
          </ac:spMkLst>
        </pc:spChg>
        <pc:spChg chg="mod">
          <ac:chgData name="White, Alex" userId="eff6cc8c-37d8-483b-9c6c-6b27e9afa9bc" providerId="ADAL" clId="{BF04C754-5BF4-4E83-9615-DB14FA25AF8A}" dt="2023-10-12T11:38:42.377" v="307"/>
          <ac:spMkLst>
            <pc:docMk/>
            <pc:sldMk cId="2376958513" sldId="260"/>
            <ac:spMk id="13658" creationId="{49BFFBBF-95AD-8E21-D1EB-698AB02CE2FC}"/>
          </ac:spMkLst>
        </pc:spChg>
        <pc:spChg chg="mod">
          <ac:chgData name="White, Alex" userId="eff6cc8c-37d8-483b-9c6c-6b27e9afa9bc" providerId="ADAL" clId="{BF04C754-5BF4-4E83-9615-DB14FA25AF8A}" dt="2023-10-12T11:38:42.377" v="307"/>
          <ac:spMkLst>
            <pc:docMk/>
            <pc:sldMk cId="2376958513" sldId="260"/>
            <ac:spMk id="13659" creationId="{7FFC8857-5D80-B782-704E-8AFEE2F055B6}"/>
          </ac:spMkLst>
        </pc:spChg>
        <pc:spChg chg="mod">
          <ac:chgData name="White, Alex" userId="eff6cc8c-37d8-483b-9c6c-6b27e9afa9bc" providerId="ADAL" clId="{BF04C754-5BF4-4E83-9615-DB14FA25AF8A}" dt="2023-10-12T11:38:42.377" v="307"/>
          <ac:spMkLst>
            <pc:docMk/>
            <pc:sldMk cId="2376958513" sldId="260"/>
            <ac:spMk id="13660" creationId="{B5901D17-6B80-2941-EB38-B50EF88AFFCA}"/>
          </ac:spMkLst>
        </pc:spChg>
        <pc:spChg chg="mod">
          <ac:chgData name="White, Alex" userId="eff6cc8c-37d8-483b-9c6c-6b27e9afa9bc" providerId="ADAL" clId="{BF04C754-5BF4-4E83-9615-DB14FA25AF8A}" dt="2023-10-12T11:38:42.377" v="307"/>
          <ac:spMkLst>
            <pc:docMk/>
            <pc:sldMk cId="2376958513" sldId="260"/>
            <ac:spMk id="13661" creationId="{079CFE79-53C6-537A-D4FF-E5415FAB14F1}"/>
          </ac:spMkLst>
        </pc:spChg>
        <pc:spChg chg="mod">
          <ac:chgData name="White, Alex" userId="eff6cc8c-37d8-483b-9c6c-6b27e9afa9bc" providerId="ADAL" clId="{BF04C754-5BF4-4E83-9615-DB14FA25AF8A}" dt="2023-10-12T11:38:42.377" v="307"/>
          <ac:spMkLst>
            <pc:docMk/>
            <pc:sldMk cId="2376958513" sldId="260"/>
            <ac:spMk id="13662" creationId="{424705A4-9071-8DD0-6EE8-DFE505E4C29C}"/>
          </ac:spMkLst>
        </pc:spChg>
        <pc:spChg chg="mod">
          <ac:chgData name="White, Alex" userId="eff6cc8c-37d8-483b-9c6c-6b27e9afa9bc" providerId="ADAL" clId="{BF04C754-5BF4-4E83-9615-DB14FA25AF8A}" dt="2023-10-12T11:38:42.377" v="307"/>
          <ac:spMkLst>
            <pc:docMk/>
            <pc:sldMk cId="2376958513" sldId="260"/>
            <ac:spMk id="13663" creationId="{97C15798-EB1B-0843-0AC4-E4F80453403B}"/>
          </ac:spMkLst>
        </pc:spChg>
        <pc:spChg chg="mod">
          <ac:chgData name="White, Alex" userId="eff6cc8c-37d8-483b-9c6c-6b27e9afa9bc" providerId="ADAL" clId="{BF04C754-5BF4-4E83-9615-DB14FA25AF8A}" dt="2023-10-12T11:38:42.377" v="307"/>
          <ac:spMkLst>
            <pc:docMk/>
            <pc:sldMk cId="2376958513" sldId="260"/>
            <ac:spMk id="13664" creationId="{8C193A85-8FD3-4465-BD8A-BDDA51C01F09}"/>
          </ac:spMkLst>
        </pc:spChg>
        <pc:spChg chg="mod">
          <ac:chgData name="White, Alex" userId="eff6cc8c-37d8-483b-9c6c-6b27e9afa9bc" providerId="ADAL" clId="{BF04C754-5BF4-4E83-9615-DB14FA25AF8A}" dt="2023-10-12T11:38:42.377" v="307"/>
          <ac:spMkLst>
            <pc:docMk/>
            <pc:sldMk cId="2376958513" sldId="260"/>
            <ac:spMk id="13665" creationId="{9967D74D-4DB0-3B21-CBCF-BF65C743B54D}"/>
          </ac:spMkLst>
        </pc:spChg>
        <pc:spChg chg="mod">
          <ac:chgData name="White, Alex" userId="eff6cc8c-37d8-483b-9c6c-6b27e9afa9bc" providerId="ADAL" clId="{BF04C754-5BF4-4E83-9615-DB14FA25AF8A}" dt="2023-10-12T11:38:42.377" v="307"/>
          <ac:spMkLst>
            <pc:docMk/>
            <pc:sldMk cId="2376958513" sldId="260"/>
            <ac:spMk id="13666" creationId="{D5015138-FCDD-C3D4-24E6-C2B8C03B60D4}"/>
          </ac:spMkLst>
        </pc:spChg>
        <pc:spChg chg="mod">
          <ac:chgData name="White, Alex" userId="eff6cc8c-37d8-483b-9c6c-6b27e9afa9bc" providerId="ADAL" clId="{BF04C754-5BF4-4E83-9615-DB14FA25AF8A}" dt="2023-10-12T11:38:42.377" v="307"/>
          <ac:spMkLst>
            <pc:docMk/>
            <pc:sldMk cId="2376958513" sldId="260"/>
            <ac:spMk id="13667" creationId="{198D85E0-89F9-9E65-2983-FB2825908345}"/>
          </ac:spMkLst>
        </pc:spChg>
        <pc:spChg chg="mod">
          <ac:chgData name="White, Alex" userId="eff6cc8c-37d8-483b-9c6c-6b27e9afa9bc" providerId="ADAL" clId="{BF04C754-5BF4-4E83-9615-DB14FA25AF8A}" dt="2023-10-12T11:38:42.377" v="307"/>
          <ac:spMkLst>
            <pc:docMk/>
            <pc:sldMk cId="2376958513" sldId="260"/>
            <ac:spMk id="13668" creationId="{054C7AA8-F6CC-B6A5-FE27-1F79CE0AF7BB}"/>
          </ac:spMkLst>
        </pc:spChg>
        <pc:spChg chg="mod">
          <ac:chgData name="White, Alex" userId="eff6cc8c-37d8-483b-9c6c-6b27e9afa9bc" providerId="ADAL" clId="{BF04C754-5BF4-4E83-9615-DB14FA25AF8A}" dt="2023-10-12T11:38:42.377" v="307"/>
          <ac:spMkLst>
            <pc:docMk/>
            <pc:sldMk cId="2376958513" sldId="260"/>
            <ac:spMk id="13669" creationId="{922A72C2-7879-E78D-2942-F580385FA62A}"/>
          </ac:spMkLst>
        </pc:spChg>
        <pc:spChg chg="mod">
          <ac:chgData name="White, Alex" userId="eff6cc8c-37d8-483b-9c6c-6b27e9afa9bc" providerId="ADAL" clId="{BF04C754-5BF4-4E83-9615-DB14FA25AF8A}" dt="2023-10-12T11:38:42.377" v="307"/>
          <ac:spMkLst>
            <pc:docMk/>
            <pc:sldMk cId="2376958513" sldId="260"/>
            <ac:spMk id="13670" creationId="{CEEE5740-B9CA-AAD0-DED3-158DB2306105}"/>
          </ac:spMkLst>
        </pc:spChg>
        <pc:spChg chg="mod">
          <ac:chgData name="White, Alex" userId="eff6cc8c-37d8-483b-9c6c-6b27e9afa9bc" providerId="ADAL" clId="{BF04C754-5BF4-4E83-9615-DB14FA25AF8A}" dt="2023-10-12T11:38:42.377" v="307"/>
          <ac:spMkLst>
            <pc:docMk/>
            <pc:sldMk cId="2376958513" sldId="260"/>
            <ac:spMk id="13671" creationId="{3483945E-CDFA-2C0F-C5CA-1A65A6D59722}"/>
          </ac:spMkLst>
        </pc:spChg>
        <pc:spChg chg="mod">
          <ac:chgData name="White, Alex" userId="eff6cc8c-37d8-483b-9c6c-6b27e9afa9bc" providerId="ADAL" clId="{BF04C754-5BF4-4E83-9615-DB14FA25AF8A}" dt="2023-10-12T11:38:42.377" v="307"/>
          <ac:spMkLst>
            <pc:docMk/>
            <pc:sldMk cId="2376958513" sldId="260"/>
            <ac:spMk id="13672" creationId="{2DA8C716-7BAF-8301-4987-F08C83B860C1}"/>
          </ac:spMkLst>
        </pc:spChg>
        <pc:spChg chg="mod">
          <ac:chgData name="White, Alex" userId="eff6cc8c-37d8-483b-9c6c-6b27e9afa9bc" providerId="ADAL" clId="{BF04C754-5BF4-4E83-9615-DB14FA25AF8A}" dt="2023-10-12T11:38:42.377" v="307"/>
          <ac:spMkLst>
            <pc:docMk/>
            <pc:sldMk cId="2376958513" sldId="260"/>
            <ac:spMk id="13673" creationId="{316A3772-B41D-186D-0A70-812CFDE1D100}"/>
          </ac:spMkLst>
        </pc:spChg>
        <pc:spChg chg="mod">
          <ac:chgData name="White, Alex" userId="eff6cc8c-37d8-483b-9c6c-6b27e9afa9bc" providerId="ADAL" clId="{BF04C754-5BF4-4E83-9615-DB14FA25AF8A}" dt="2023-10-12T11:38:42.377" v="307"/>
          <ac:spMkLst>
            <pc:docMk/>
            <pc:sldMk cId="2376958513" sldId="260"/>
            <ac:spMk id="13674" creationId="{2AC5674B-1355-7332-7549-FBB5CEC831E8}"/>
          </ac:spMkLst>
        </pc:spChg>
        <pc:spChg chg="mod">
          <ac:chgData name="White, Alex" userId="eff6cc8c-37d8-483b-9c6c-6b27e9afa9bc" providerId="ADAL" clId="{BF04C754-5BF4-4E83-9615-DB14FA25AF8A}" dt="2023-10-12T11:38:42.377" v="307"/>
          <ac:spMkLst>
            <pc:docMk/>
            <pc:sldMk cId="2376958513" sldId="260"/>
            <ac:spMk id="13675" creationId="{05FCCE0C-83F4-8D55-AE5B-B040EB7F8C07}"/>
          </ac:spMkLst>
        </pc:spChg>
        <pc:spChg chg="mod">
          <ac:chgData name="White, Alex" userId="eff6cc8c-37d8-483b-9c6c-6b27e9afa9bc" providerId="ADAL" clId="{BF04C754-5BF4-4E83-9615-DB14FA25AF8A}" dt="2023-10-12T11:38:42.377" v="307"/>
          <ac:spMkLst>
            <pc:docMk/>
            <pc:sldMk cId="2376958513" sldId="260"/>
            <ac:spMk id="13676" creationId="{829E04CA-82BB-472F-BCEF-1C9BA4E2228B}"/>
          </ac:spMkLst>
        </pc:spChg>
        <pc:spChg chg="mod">
          <ac:chgData name="White, Alex" userId="eff6cc8c-37d8-483b-9c6c-6b27e9afa9bc" providerId="ADAL" clId="{BF04C754-5BF4-4E83-9615-DB14FA25AF8A}" dt="2023-10-12T11:38:42.377" v="307"/>
          <ac:spMkLst>
            <pc:docMk/>
            <pc:sldMk cId="2376958513" sldId="260"/>
            <ac:spMk id="13677" creationId="{3F2ED678-93B8-4F9F-A3DB-4B7169137D1F}"/>
          </ac:spMkLst>
        </pc:spChg>
        <pc:spChg chg="mod">
          <ac:chgData name="White, Alex" userId="eff6cc8c-37d8-483b-9c6c-6b27e9afa9bc" providerId="ADAL" clId="{BF04C754-5BF4-4E83-9615-DB14FA25AF8A}" dt="2023-10-12T11:38:42.377" v="307"/>
          <ac:spMkLst>
            <pc:docMk/>
            <pc:sldMk cId="2376958513" sldId="260"/>
            <ac:spMk id="13678" creationId="{1243D36C-B96E-F7D6-6C71-87D42A870505}"/>
          </ac:spMkLst>
        </pc:spChg>
        <pc:spChg chg="mod">
          <ac:chgData name="White, Alex" userId="eff6cc8c-37d8-483b-9c6c-6b27e9afa9bc" providerId="ADAL" clId="{BF04C754-5BF4-4E83-9615-DB14FA25AF8A}" dt="2023-10-12T11:38:42.377" v="307"/>
          <ac:spMkLst>
            <pc:docMk/>
            <pc:sldMk cId="2376958513" sldId="260"/>
            <ac:spMk id="13679" creationId="{CA261E8D-4E0A-BA3D-5FA0-33EC2EECF22F}"/>
          </ac:spMkLst>
        </pc:spChg>
        <pc:spChg chg="mod">
          <ac:chgData name="White, Alex" userId="eff6cc8c-37d8-483b-9c6c-6b27e9afa9bc" providerId="ADAL" clId="{BF04C754-5BF4-4E83-9615-DB14FA25AF8A}" dt="2023-10-12T11:38:42.377" v="307"/>
          <ac:spMkLst>
            <pc:docMk/>
            <pc:sldMk cId="2376958513" sldId="260"/>
            <ac:spMk id="13680" creationId="{7B38787F-61C7-2511-3E8C-AACD6D78845B}"/>
          </ac:spMkLst>
        </pc:spChg>
        <pc:spChg chg="mod">
          <ac:chgData name="White, Alex" userId="eff6cc8c-37d8-483b-9c6c-6b27e9afa9bc" providerId="ADAL" clId="{BF04C754-5BF4-4E83-9615-DB14FA25AF8A}" dt="2023-10-12T11:38:42.377" v="307"/>
          <ac:spMkLst>
            <pc:docMk/>
            <pc:sldMk cId="2376958513" sldId="260"/>
            <ac:spMk id="13681" creationId="{0BD0DE79-AB7D-6869-07E6-B4BD389A8ED2}"/>
          </ac:spMkLst>
        </pc:spChg>
        <pc:spChg chg="mod">
          <ac:chgData name="White, Alex" userId="eff6cc8c-37d8-483b-9c6c-6b27e9afa9bc" providerId="ADAL" clId="{BF04C754-5BF4-4E83-9615-DB14FA25AF8A}" dt="2023-10-12T11:38:42.377" v="307"/>
          <ac:spMkLst>
            <pc:docMk/>
            <pc:sldMk cId="2376958513" sldId="260"/>
            <ac:spMk id="13682" creationId="{195D1215-8886-4750-D71B-33F68B4CA79B}"/>
          </ac:spMkLst>
        </pc:spChg>
        <pc:spChg chg="mod">
          <ac:chgData name="White, Alex" userId="eff6cc8c-37d8-483b-9c6c-6b27e9afa9bc" providerId="ADAL" clId="{BF04C754-5BF4-4E83-9615-DB14FA25AF8A}" dt="2023-10-12T11:38:42.377" v="307"/>
          <ac:spMkLst>
            <pc:docMk/>
            <pc:sldMk cId="2376958513" sldId="260"/>
            <ac:spMk id="13683" creationId="{C9276095-6A93-2C59-48F0-47C1B2530562}"/>
          </ac:spMkLst>
        </pc:spChg>
        <pc:spChg chg="mod">
          <ac:chgData name="White, Alex" userId="eff6cc8c-37d8-483b-9c6c-6b27e9afa9bc" providerId="ADAL" clId="{BF04C754-5BF4-4E83-9615-DB14FA25AF8A}" dt="2023-10-12T11:38:42.377" v="307"/>
          <ac:spMkLst>
            <pc:docMk/>
            <pc:sldMk cId="2376958513" sldId="260"/>
            <ac:spMk id="13684" creationId="{72CDFF3C-935A-D4FD-C3B2-5D5A51834E66}"/>
          </ac:spMkLst>
        </pc:spChg>
        <pc:spChg chg="mod">
          <ac:chgData name="White, Alex" userId="eff6cc8c-37d8-483b-9c6c-6b27e9afa9bc" providerId="ADAL" clId="{BF04C754-5BF4-4E83-9615-DB14FA25AF8A}" dt="2023-10-12T11:38:42.377" v="307"/>
          <ac:spMkLst>
            <pc:docMk/>
            <pc:sldMk cId="2376958513" sldId="260"/>
            <ac:spMk id="13685" creationId="{7FE49FC0-23B5-3C78-CD62-4302557EE507}"/>
          </ac:spMkLst>
        </pc:spChg>
        <pc:spChg chg="mod">
          <ac:chgData name="White, Alex" userId="eff6cc8c-37d8-483b-9c6c-6b27e9afa9bc" providerId="ADAL" clId="{BF04C754-5BF4-4E83-9615-DB14FA25AF8A}" dt="2023-10-12T11:38:42.377" v="307"/>
          <ac:spMkLst>
            <pc:docMk/>
            <pc:sldMk cId="2376958513" sldId="260"/>
            <ac:spMk id="13686" creationId="{7C519460-A86F-05F2-59BE-127849F87FC1}"/>
          </ac:spMkLst>
        </pc:spChg>
        <pc:spChg chg="mod">
          <ac:chgData name="White, Alex" userId="eff6cc8c-37d8-483b-9c6c-6b27e9afa9bc" providerId="ADAL" clId="{BF04C754-5BF4-4E83-9615-DB14FA25AF8A}" dt="2023-10-12T11:38:42.377" v="307"/>
          <ac:spMkLst>
            <pc:docMk/>
            <pc:sldMk cId="2376958513" sldId="260"/>
            <ac:spMk id="13687" creationId="{AC8DAA42-4347-EE94-BC46-605E5CF3B3C9}"/>
          </ac:spMkLst>
        </pc:spChg>
        <pc:spChg chg="mod">
          <ac:chgData name="White, Alex" userId="eff6cc8c-37d8-483b-9c6c-6b27e9afa9bc" providerId="ADAL" clId="{BF04C754-5BF4-4E83-9615-DB14FA25AF8A}" dt="2023-10-12T11:38:42.377" v="307"/>
          <ac:spMkLst>
            <pc:docMk/>
            <pc:sldMk cId="2376958513" sldId="260"/>
            <ac:spMk id="13688" creationId="{F8D93816-F3E9-E5A2-97D1-0D839B21CFBB}"/>
          </ac:spMkLst>
        </pc:spChg>
        <pc:spChg chg="mod">
          <ac:chgData name="White, Alex" userId="eff6cc8c-37d8-483b-9c6c-6b27e9afa9bc" providerId="ADAL" clId="{BF04C754-5BF4-4E83-9615-DB14FA25AF8A}" dt="2023-10-12T11:38:42.377" v="307"/>
          <ac:spMkLst>
            <pc:docMk/>
            <pc:sldMk cId="2376958513" sldId="260"/>
            <ac:spMk id="13689" creationId="{C57DF49E-CDE1-BB9D-F16A-1BEC210F13BD}"/>
          </ac:spMkLst>
        </pc:spChg>
        <pc:spChg chg="mod">
          <ac:chgData name="White, Alex" userId="eff6cc8c-37d8-483b-9c6c-6b27e9afa9bc" providerId="ADAL" clId="{BF04C754-5BF4-4E83-9615-DB14FA25AF8A}" dt="2023-10-12T11:38:42.377" v="307"/>
          <ac:spMkLst>
            <pc:docMk/>
            <pc:sldMk cId="2376958513" sldId="260"/>
            <ac:spMk id="13690" creationId="{B7E498C3-6D9D-F36C-6779-D7D690F981DB}"/>
          </ac:spMkLst>
        </pc:spChg>
        <pc:spChg chg="mod">
          <ac:chgData name="White, Alex" userId="eff6cc8c-37d8-483b-9c6c-6b27e9afa9bc" providerId="ADAL" clId="{BF04C754-5BF4-4E83-9615-DB14FA25AF8A}" dt="2023-10-12T11:38:42.377" v="307"/>
          <ac:spMkLst>
            <pc:docMk/>
            <pc:sldMk cId="2376958513" sldId="260"/>
            <ac:spMk id="13691" creationId="{DBAA6614-34C9-74DA-A8A3-528C3F1483C2}"/>
          </ac:spMkLst>
        </pc:spChg>
        <pc:spChg chg="mod">
          <ac:chgData name="White, Alex" userId="eff6cc8c-37d8-483b-9c6c-6b27e9afa9bc" providerId="ADAL" clId="{BF04C754-5BF4-4E83-9615-DB14FA25AF8A}" dt="2023-10-12T11:38:42.377" v="307"/>
          <ac:spMkLst>
            <pc:docMk/>
            <pc:sldMk cId="2376958513" sldId="260"/>
            <ac:spMk id="13692" creationId="{66C4AE34-C63F-EA41-768F-94161BC25524}"/>
          </ac:spMkLst>
        </pc:spChg>
        <pc:spChg chg="mod">
          <ac:chgData name="White, Alex" userId="eff6cc8c-37d8-483b-9c6c-6b27e9afa9bc" providerId="ADAL" clId="{BF04C754-5BF4-4E83-9615-DB14FA25AF8A}" dt="2023-10-12T11:38:42.377" v="307"/>
          <ac:spMkLst>
            <pc:docMk/>
            <pc:sldMk cId="2376958513" sldId="260"/>
            <ac:spMk id="13693" creationId="{800F5AA9-238C-7848-4150-EB3D9EA51C29}"/>
          </ac:spMkLst>
        </pc:spChg>
        <pc:spChg chg="mod">
          <ac:chgData name="White, Alex" userId="eff6cc8c-37d8-483b-9c6c-6b27e9afa9bc" providerId="ADAL" clId="{BF04C754-5BF4-4E83-9615-DB14FA25AF8A}" dt="2023-10-12T11:38:42.377" v="307"/>
          <ac:spMkLst>
            <pc:docMk/>
            <pc:sldMk cId="2376958513" sldId="260"/>
            <ac:spMk id="13694" creationId="{A2C67695-A0A6-85B3-3EC5-93BAF8BB52BB}"/>
          </ac:spMkLst>
        </pc:spChg>
        <pc:spChg chg="mod">
          <ac:chgData name="White, Alex" userId="eff6cc8c-37d8-483b-9c6c-6b27e9afa9bc" providerId="ADAL" clId="{BF04C754-5BF4-4E83-9615-DB14FA25AF8A}" dt="2023-10-12T11:38:42.377" v="307"/>
          <ac:spMkLst>
            <pc:docMk/>
            <pc:sldMk cId="2376958513" sldId="260"/>
            <ac:spMk id="13695" creationId="{D37F6A5B-3AC9-DEF8-A2A0-C3A38EBED4DB}"/>
          </ac:spMkLst>
        </pc:spChg>
        <pc:spChg chg="mod">
          <ac:chgData name="White, Alex" userId="eff6cc8c-37d8-483b-9c6c-6b27e9afa9bc" providerId="ADAL" clId="{BF04C754-5BF4-4E83-9615-DB14FA25AF8A}" dt="2023-10-12T11:38:42.377" v="307"/>
          <ac:spMkLst>
            <pc:docMk/>
            <pc:sldMk cId="2376958513" sldId="260"/>
            <ac:spMk id="13696" creationId="{9FC49DAC-B5C9-B42D-FCFA-20C3FF9B5A2E}"/>
          </ac:spMkLst>
        </pc:spChg>
        <pc:spChg chg="mod">
          <ac:chgData name="White, Alex" userId="eff6cc8c-37d8-483b-9c6c-6b27e9afa9bc" providerId="ADAL" clId="{BF04C754-5BF4-4E83-9615-DB14FA25AF8A}" dt="2023-10-12T11:38:42.377" v="307"/>
          <ac:spMkLst>
            <pc:docMk/>
            <pc:sldMk cId="2376958513" sldId="260"/>
            <ac:spMk id="13697" creationId="{F492BFCF-910E-60A9-0F1E-DFEB07A2F869}"/>
          </ac:spMkLst>
        </pc:spChg>
        <pc:spChg chg="mod">
          <ac:chgData name="White, Alex" userId="eff6cc8c-37d8-483b-9c6c-6b27e9afa9bc" providerId="ADAL" clId="{BF04C754-5BF4-4E83-9615-DB14FA25AF8A}" dt="2023-10-12T11:38:42.377" v="307"/>
          <ac:spMkLst>
            <pc:docMk/>
            <pc:sldMk cId="2376958513" sldId="260"/>
            <ac:spMk id="13698" creationId="{8406E57C-20C6-F73D-414E-361CE5AB96DD}"/>
          </ac:spMkLst>
        </pc:spChg>
        <pc:spChg chg="mod">
          <ac:chgData name="White, Alex" userId="eff6cc8c-37d8-483b-9c6c-6b27e9afa9bc" providerId="ADAL" clId="{BF04C754-5BF4-4E83-9615-DB14FA25AF8A}" dt="2023-10-12T11:38:42.377" v="307"/>
          <ac:spMkLst>
            <pc:docMk/>
            <pc:sldMk cId="2376958513" sldId="260"/>
            <ac:spMk id="13699" creationId="{1E8B12E7-CE98-43EA-9F26-730A8D5D0A32}"/>
          </ac:spMkLst>
        </pc:spChg>
        <pc:spChg chg="mod">
          <ac:chgData name="White, Alex" userId="eff6cc8c-37d8-483b-9c6c-6b27e9afa9bc" providerId="ADAL" clId="{BF04C754-5BF4-4E83-9615-DB14FA25AF8A}" dt="2023-10-12T11:38:42.377" v="307"/>
          <ac:spMkLst>
            <pc:docMk/>
            <pc:sldMk cId="2376958513" sldId="260"/>
            <ac:spMk id="13700" creationId="{70E4840F-4C9D-FAAA-E916-DA3212823D5A}"/>
          </ac:spMkLst>
        </pc:spChg>
        <pc:spChg chg="mod">
          <ac:chgData name="White, Alex" userId="eff6cc8c-37d8-483b-9c6c-6b27e9afa9bc" providerId="ADAL" clId="{BF04C754-5BF4-4E83-9615-DB14FA25AF8A}" dt="2023-10-12T11:38:42.377" v="307"/>
          <ac:spMkLst>
            <pc:docMk/>
            <pc:sldMk cId="2376958513" sldId="260"/>
            <ac:spMk id="13701" creationId="{B2BE23EA-4091-B373-9AA4-3622226CD99D}"/>
          </ac:spMkLst>
        </pc:spChg>
        <pc:spChg chg="mod">
          <ac:chgData name="White, Alex" userId="eff6cc8c-37d8-483b-9c6c-6b27e9afa9bc" providerId="ADAL" clId="{BF04C754-5BF4-4E83-9615-DB14FA25AF8A}" dt="2023-10-12T11:38:42.377" v="307"/>
          <ac:spMkLst>
            <pc:docMk/>
            <pc:sldMk cId="2376958513" sldId="260"/>
            <ac:spMk id="13702" creationId="{53F75A31-21B1-05E4-2474-8F2FD74F86AF}"/>
          </ac:spMkLst>
        </pc:spChg>
        <pc:spChg chg="mod">
          <ac:chgData name="White, Alex" userId="eff6cc8c-37d8-483b-9c6c-6b27e9afa9bc" providerId="ADAL" clId="{BF04C754-5BF4-4E83-9615-DB14FA25AF8A}" dt="2023-10-12T11:38:42.377" v="307"/>
          <ac:spMkLst>
            <pc:docMk/>
            <pc:sldMk cId="2376958513" sldId="260"/>
            <ac:spMk id="13703" creationId="{1BB64923-B4E4-F51D-4E44-F3E2DC484D5D}"/>
          </ac:spMkLst>
        </pc:spChg>
        <pc:spChg chg="mod">
          <ac:chgData name="White, Alex" userId="eff6cc8c-37d8-483b-9c6c-6b27e9afa9bc" providerId="ADAL" clId="{BF04C754-5BF4-4E83-9615-DB14FA25AF8A}" dt="2023-10-12T11:38:42.377" v="307"/>
          <ac:spMkLst>
            <pc:docMk/>
            <pc:sldMk cId="2376958513" sldId="260"/>
            <ac:spMk id="13704" creationId="{2D41BD0A-9C3B-5FDA-1658-5B3AE9424EFB}"/>
          </ac:spMkLst>
        </pc:spChg>
        <pc:spChg chg="mod">
          <ac:chgData name="White, Alex" userId="eff6cc8c-37d8-483b-9c6c-6b27e9afa9bc" providerId="ADAL" clId="{BF04C754-5BF4-4E83-9615-DB14FA25AF8A}" dt="2023-10-12T11:38:42.377" v="307"/>
          <ac:spMkLst>
            <pc:docMk/>
            <pc:sldMk cId="2376958513" sldId="260"/>
            <ac:spMk id="13705" creationId="{79382A38-862F-1908-0484-7F341D0FCB27}"/>
          </ac:spMkLst>
        </pc:spChg>
        <pc:spChg chg="mod">
          <ac:chgData name="White, Alex" userId="eff6cc8c-37d8-483b-9c6c-6b27e9afa9bc" providerId="ADAL" clId="{BF04C754-5BF4-4E83-9615-DB14FA25AF8A}" dt="2023-10-12T11:38:42.377" v="307"/>
          <ac:spMkLst>
            <pc:docMk/>
            <pc:sldMk cId="2376958513" sldId="260"/>
            <ac:spMk id="13706" creationId="{EB9B8E74-40A4-2525-7333-74FE87C81509}"/>
          </ac:spMkLst>
        </pc:spChg>
        <pc:spChg chg="mod">
          <ac:chgData name="White, Alex" userId="eff6cc8c-37d8-483b-9c6c-6b27e9afa9bc" providerId="ADAL" clId="{BF04C754-5BF4-4E83-9615-DB14FA25AF8A}" dt="2023-10-12T11:38:42.377" v="307"/>
          <ac:spMkLst>
            <pc:docMk/>
            <pc:sldMk cId="2376958513" sldId="260"/>
            <ac:spMk id="13707" creationId="{985AAD2C-10FD-0CD4-3D9A-027BBBF04402}"/>
          </ac:spMkLst>
        </pc:spChg>
        <pc:spChg chg="mod">
          <ac:chgData name="White, Alex" userId="eff6cc8c-37d8-483b-9c6c-6b27e9afa9bc" providerId="ADAL" clId="{BF04C754-5BF4-4E83-9615-DB14FA25AF8A}" dt="2023-10-12T11:38:42.377" v="307"/>
          <ac:spMkLst>
            <pc:docMk/>
            <pc:sldMk cId="2376958513" sldId="260"/>
            <ac:spMk id="13708" creationId="{57CD1328-9683-12D3-2310-2B86927D1083}"/>
          </ac:spMkLst>
        </pc:spChg>
        <pc:spChg chg="mod">
          <ac:chgData name="White, Alex" userId="eff6cc8c-37d8-483b-9c6c-6b27e9afa9bc" providerId="ADAL" clId="{BF04C754-5BF4-4E83-9615-DB14FA25AF8A}" dt="2023-10-12T11:38:42.377" v="307"/>
          <ac:spMkLst>
            <pc:docMk/>
            <pc:sldMk cId="2376958513" sldId="260"/>
            <ac:spMk id="13709" creationId="{6D35FDBD-E191-EAA9-5E82-1EA35E6F6369}"/>
          </ac:spMkLst>
        </pc:spChg>
        <pc:spChg chg="mod">
          <ac:chgData name="White, Alex" userId="eff6cc8c-37d8-483b-9c6c-6b27e9afa9bc" providerId="ADAL" clId="{BF04C754-5BF4-4E83-9615-DB14FA25AF8A}" dt="2023-10-12T11:38:42.377" v="307"/>
          <ac:spMkLst>
            <pc:docMk/>
            <pc:sldMk cId="2376958513" sldId="260"/>
            <ac:spMk id="13721" creationId="{00627EB6-4B3A-BE5D-CBF1-8BB916F424ED}"/>
          </ac:spMkLst>
        </pc:spChg>
        <pc:spChg chg="mod">
          <ac:chgData name="White, Alex" userId="eff6cc8c-37d8-483b-9c6c-6b27e9afa9bc" providerId="ADAL" clId="{BF04C754-5BF4-4E83-9615-DB14FA25AF8A}" dt="2023-10-12T11:38:42.377" v="307"/>
          <ac:spMkLst>
            <pc:docMk/>
            <pc:sldMk cId="2376958513" sldId="260"/>
            <ac:spMk id="13722" creationId="{1ED9F71C-B7AA-60A4-728A-A44C0679D718}"/>
          </ac:spMkLst>
        </pc:spChg>
        <pc:spChg chg="mod">
          <ac:chgData name="White, Alex" userId="eff6cc8c-37d8-483b-9c6c-6b27e9afa9bc" providerId="ADAL" clId="{BF04C754-5BF4-4E83-9615-DB14FA25AF8A}" dt="2023-10-12T11:38:42.377" v="307"/>
          <ac:spMkLst>
            <pc:docMk/>
            <pc:sldMk cId="2376958513" sldId="260"/>
            <ac:spMk id="13723" creationId="{E5A20857-611E-8BD5-6A25-605DFC03F58A}"/>
          </ac:spMkLst>
        </pc:spChg>
        <pc:spChg chg="mod">
          <ac:chgData name="White, Alex" userId="eff6cc8c-37d8-483b-9c6c-6b27e9afa9bc" providerId="ADAL" clId="{BF04C754-5BF4-4E83-9615-DB14FA25AF8A}" dt="2023-10-12T11:38:42.377" v="307"/>
          <ac:spMkLst>
            <pc:docMk/>
            <pc:sldMk cId="2376958513" sldId="260"/>
            <ac:spMk id="13724" creationId="{14183CE9-B81D-9435-9DA9-B6F6B4D2AC59}"/>
          </ac:spMkLst>
        </pc:spChg>
        <pc:spChg chg="mod">
          <ac:chgData name="White, Alex" userId="eff6cc8c-37d8-483b-9c6c-6b27e9afa9bc" providerId="ADAL" clId="{BF04C754-5BF4-4E83-9615-DB14FA25AF8A}" dt="2023-10-12T11:38:42.377" v="307"/>
          <ac:spMkLst>
            <pc:docMk/>
            <pc:sldMk cId="2376958513" sldId="260"/>
            <ac:spMk id="13725" creationId="{C4A9D5B0-4320-4CDB-17BE-5E2E7C4F2516}"/>
          </ac:spMkLst>
        </pc:spChg>
        <pc:spChg chg="mod">
          <ac:chgData name="White, Alex" userId="eff6cc8c-37d8-483b-9c6c-6b27e9afa9bc" providerId="ADAL" clId="{BF04C754-5BF4-4E83-9615-DB14FA25AF8A}" dt="2023-10-12T11:38:42.377" v="307"/>
          <ac:spMkLst>
            <pc:docMk/>
            <pc:sldMk cId="2376958513" sldId="260"/>
            <ac:spMk id="13726" creationId="{0BB76B24-53FA-CB0B-7C1C-EEA59C4DB1ED}"/>
          </ac:spMkLst>
        </pc:spChg>
        <pc:spChg chg="mod">
          <ac:chgData name="White, Alex" userId="eff6cc8c-37d8-483b-9c6c-6b27e9afa9bc" providerId="ADAL" clId="{BF04C754-5BF4-4E83-9615-DB14FA25AF8A}" dt="2023-10-12T11:38:42.377" v="307"/>
          <ac:spMkLst>
            <pc:docMk/>
            <pc:sldMk cId="2376958513" sldId="260"/>
            <ac:spMk id="13727" creationId="{58F6CF25-2E93-7623-5ADB-719336368117}"/>
          </ac:spMkLst>
        </pc:spChg>
        <pc:spChg chg="mod">
          <ac:chgData name="White, Alex" userId="eff6cc8c-37d8-483b-9c6c-6b27e9afa9bc" providerId="ADAL" clId="{BF04C754-5BF4-4E83-9615-DB14FA25AF8A}" dt="2023-10-12T11:38:42.377" v="307"/>
          <ac:spMkLst>
            <pc:docMk/>
            <pc:sldMk cId="2376958513" sldId="260"/>
            <ac:spMk id="13728" creationId="{03E8A524-2208-A18E-389F-43938FE51EED}"/>
          </ac:spMkLst>
        </pc:spChg>
        <pc:spChg chg="mod">
          <ac:chgData name="White, Alex" userId="eff6cc8c-37d8-483b-9c6c-6b27e9afa9bc" providerId="ADAL" clId="{BF04C754-5BF4-4E83-9615-DB14FA25AF8A}" dt="2023-10-12T11:38:42.377" v="307"/>
          <ac:spMkLst>
            <pc:docMk/>
            <pc:sldMk cId="2376958513" sldId="260"/>
            <ac:spMk id="13729" creationId="{13B806E4-71FF-5B11-A6F9-0016AF59EE75}"/>
          </ac:spMkLst>
        </pc:spChg>
        <pc:spChg chg="mod">
          <ac:chgData name="White, Alex" userId="eff6cc8c-37d8-483b-9c6c-6b27e9afa9bc" providerId="ADAL" clId="{BF04C754-5BF4-4E83-9615-DB14FA25AF8A}" dt="2023-10-12T11:38:42.377" v="307"/>
          <ac:spMkLst>
            <pc:docMk/>
            <pc:sldMk cId="2376958513" sldId="260"/>
            <ac:spMk id="13730" creationId="{A89EB333-A4E3-7A5C-FB99-1CFF9521FB6D}"/>
          </ac:spMkLst>
        </pc:spChg>
        <pc:spChg chg="mod">
          <ac:chgData name="White, Alex" userId="eff6cc8c-37d8-483b-9c6c-6b27e9afa9bc" providerId="ADAL" clId="{BF04C754-5BF4-4E83-9615-DB14FA25AF8A}" dt="2023-10-12T11:38:42.377" v="307"/>
          <ac:spMkLst>
            <pc:docMk/>
            <pc:sldMk cId="2376958513" sldId="260"/>
            <ac:spMk id="13731" creationId="{D2A5B6C7-488B-4220-DC35-4109DAA08C5A}"/>
          </ac:spMkLst>
        </pc:spChg>
        <pc:spChg chg="mod">
          <ac:chgData name="White, Alex" userId="eff6cc8c-37d8-483b-9c6c-6b27e9afa9bc" providerId="ADAL" clId="{BF04C754-5BF4-4E83-9615-DB14FA25AF8A}" dt="2023-10-12T11:38:42.377" v="307"/>
          <ac:spMkLst>
            <pc:docMk/>
            <pc:sldMk cId="2376958513" sldId="260"/>
            <ac:spMk id="13732" creationId="{68ECD746-4AAA-2FD6-3DB8-E50A25264A35}"/>
          </ac:spMkLst>
        </pc:spChg>
        <pc:spChg chg="mod">
          <ac:chgData name="White, Alex" userId="eff6cc8c-37d8-483b-9c6c-6b27e9afa9bc" providerId="ADAL" clId="{BF04C754-5BF4-4E83-9615-DB14FA25AF8A}" dt="2023-10-12T11:38:42.377" v="307"/>
          <ac:spMkLst>
            <pc:docMk/>
            <pc:sldMk cId="2376958513" sldId="260"/>
            <ac:spMk id="13733" creationId="{519B3A6C-7645-788B-54EF-ACCB261B9BF7}"/>
          </ac:spMkLst>
        </pc:spChg>
        <pc:spChg chg="mod">
          <ac:chgData name="White, Alex" userId="eff6cc8c-37d8-483b-9c6c-6b27e9afa9bc" providerId="ADAL" clId="{BF04C754-5BF4-4E83-9615-DB14FA25AF8A}" dt="2023-10-12T11:38:42.377" v="307"/>
          <ac:spMkLst>
            <pc:docMk/>
            <pc:sldMk cId="2376958513" sldId="260"/>
            <ac:spMk id="13734" creationId="{8E34F7B3-D8B4-66BC-CE49-C90B8E6661D8}"/>
          </ac:spMkLst>
        </pc:spChg>
        <pc:spChg chg="mod">
          <ac:chgData name="White, Alex" userId="eff6cc8c-37d8-483b-9c6c-6b27e9afa9bc" providerId="ADAL" clId="{BF04C754-5BF4-4E83-9615-DB14FA25AF8A}" dt="2023-10-12T11:38:42.377" v="307"/>
          <ac:spMkLst>
            <pc:docMk/>
            <pc:sldMk cId="2376958513" sldId="260"/>
            <ac:spMk id="13735" creationId="{72275DC0-B4AD-266A-7D37-CB75CB0782E6}"/>
          </ac:spMkLst>
        </pc:spChg>
        <pc:spChg chg="mod">
          <ac:chgData name="White, Alex" userId="eff6cc8c-37d8-483b-9c6c-6b27e9afa9bc" providerId="ADAL" clId="{BF04C754-5BF4-4E83-9615-DB14FA25AF8A}" dt="2023-10-12T11:38:42.377" v="307"/>
          <ac:spMkLst>
            <pc:docMk/>
            <pc:sldMk cId="2376958513" sldId="260"/>
            <ac:spMk id="13736" creationId="{E420CCD2-29A6-A8ED-A894-E38F62993FAC}"/>
          </ac:spMkLst>
        </pc:spChg>
        <pc:spChg chg="mod">
          <ac:chgData name="White, Alex" userId="eff6cc8c-37d8-483b-9c6c-6b27e9afa9bc" providerId="ADAL" clId="{BF04C754-5BF4-4E83-9615-DB14FA25AF8A}" dt="2023-10-12T11:38:42.377" v="307"/>
          <ac:spMkLst>
            <pc:docMk/>
            <pc:sldMk cId="2376958513" sldId="260"/>
            <ac:spMk id="13737" creationId="{AC2E14F5-1993-A927-51F2-05DB20FA901A}"/>
          </ac:spMkLst>
        </pc:spChg>
        <pc:spChg chg="mod">
          <ac:chgData name="White, Alex" userId="eff6cc8c-37d8-483b-9c6c-6b27e9afa9bc" providerId="ADAL" clId="{BF04C754-5BF4-4E83-9615-DB14FA25AF8A}" dt="2023-10-12T11:38:42.377" v="307"/>
          <ac:spMkLst>
            <pc:docMk/>
            <pc:sldMk cId="2376958513" sldId="260"/>
            <ac:spMk id="13738" creationId="{1BC9EAD7-916B-195A-3C17-2DD757534074}"/>
          </ac:spMkLst>
        </pc:spChg>
        <pc:spChg chg="mod">
          <ac:chgData name="White, Alex" userId="eff6cc8c-37d8-483b-9c6c-6b27e9afa9bc" providerId="ADAL" clId="{BF04C754-5BF4-4E83-9615-DB14FA25AF8A}" dt="2023-10-12T11:38:42.377" v="307"/>
          <ac:spMkLst>
            <pc:docMk/>
            <pc:sldMk cId="2376958513" sldId="260"/>
            <ac:spMk id="13739" creationId="{AFB35FB5-B97F-AD1D-2B06-809142383560}"/>
          </ac:spMkLst>
        </pc:spChg>
        <pc:spChg chg="mod">
          <ac:chgData name="White, Alex" userId="eff6cc8c-37d8-483b-9c6c-6b27e9afa9bc" providerId="ADAL" clId="{BF04C754-5BF4-4E83-9615-DB14FA25AF8A}" dt="2023-10-12T11:38:42.377" v="307"/>
          <ac:spMkLst>
            <pc:docMk/>
            <pc:sldMk cId="2376958513" sldId="260"/>
            <ac:spMk id="13740" creationId="{B9181D87-5B6D-2B44-01C9-F0D7DE85CAEF}"/>
          </ac:spMkLst>
        </pc:spChg>
        <pc:spChg chg="mod">
          <ac:chgData name="White, Alex" userId="eff6cc8c-37d8-483b-9c6c-6b27e9afa9bc" providerId="ADAL" clId="{BF04C754-5BF4-4E83-9615-DB14FA25AF8A}" dt="2023-10-12T11:38:42.377" v="307"/>
          <ac:spMkLst>
            <pc:docMk/>
            <pc:sldMk cId="2376958513" sldId="260"/>
            <ac:spMk id="13741" creationId="{CD0F9C48-14C5-D977-1D4F-DDC53086B634}"/>
          </ac:spMkLst>
        </pc:spChg>
        <pc:spChg chg="mod">
          <ac:chgData name="White, Alex" userId="eff6cc8c-37d8-483b-9c6c-6b27e9afa9bc" providerId="ADAL" clId="{BF04C754-5BF4-4E83-9615-DB14FA25AF8A}" dt="2023-10-12T11:38:42.377" v="307"/>
          <ac:spMkLst>
            <pc:docMk/>
            <pc:sldMk cId="2376958513" sldId="260"/>
            <ac:spMk id="13742" creationId="{6E7ADF25-0478-1F9E-E74D-C7687C90A01C}"/>
          </ac:spMkLst>
        </pc:spChg>
        <pc:spChg chg="mod">
          <ac:chgData name="White, Alex" userId="eff6cc8c-37d8-483b-9c6c-6b27e9afa9bc" providerId="ADAL" clId="{BF04C754-5BF4-4E83-9615-DB14FA25AF8A}" dt="2023-10-12T11:38:42.377" v="307"/>
          <ac:spMkLst>
            <pc:docMk/>
            <pc:sldMk cId="2376958513" sldId="260"/>
            <ac:spMk id="13743" creationId="{6369DC73-0125-3384-3026-039C2BB6265C}"/>
          </ac:spMkLst>
        </pc:spChg>
        <pc:spChg chg="mod">
          <ac:chgData name="White, Alex" userId="eff6cc8c-37d8-483b-9c6c-6b27e9afa9bc" providerId="ADAL" clId="{BF04C754-5BF4-4E83-9615-DB14FA25AF8A}" dt="2023-10-12T11:38:42.377" v="307"/>
          <ac:spMkLst>
            <pc:docMk/>
            <pc:sldMk cId="2376958513" sldId="260"/>
            <ac:spMk id="13744" creationId="{78A61A0F-F467-8EFC-F469-DC41130ADF40}"/>
          </ac:spMkLst>
        </pc:spChg>
        <pc:spChg chg="mod">
          <ac:chgData name="White, Alex" userId="eff6cc8c-37d8-483b-9c6c-6b27e9afa9bc" providerId="ADAL" clId="{BF04C754-5BF4-4E83-9615-DB14FA25AF8A}" dt="2023-10-12T11:38:42.377" v="307"/>
          <ac:spMkLst>
            <pc:docMk/>
            <pc:sldMk cId="2376958513" sldId="260"/>
            <ac:spMk id="13745" creationId="{1533423C-229E-9EBD-3113-3D777BA15AA2}"/>
          </ac:spMkLst>
        </pc:spChg>
        <pc:spChg chg="mod">
          <ac:chgData name="White, Alex" userId="eff6cc8c-37d8-483b-9c6c-6b27e9afa9bc" providerId="ADAL" clId="{BF04C754-5BF4-4E83-9615-DB14FA25AF8A}" dt="2023-10-12T11:38:42.377" v="307"/>
          <ac:spMkLst>
            <pc:docMk/>
            <pc:sldMk cId="2376958513" sldId="260"/>
            <ac:spMk id="13746" creationId="{B8CB5FE0-AAD8-7D2B-8C57-90031CA3EC92}"/>
          </ac:spMkLst>
        </pc:spChg>
        <pc:spChg chg="mod">
          <ac:chgData name="White, Alex" userId="eff6cc8c-37d8-483b-9c6c-6b27e9afa9bc" providerId="ADAL" clId="{BF04C754-5BF4-4E83-9615-DB14FA25AF8A}" dt="2023-10-12T11:38:42.377" v="307"/>
          <ac:spMkLst>
            <pc:docMk/>
            <pc:sldMk cId="2376958513" sldId="260"/>
            <ac:spMk id="13747" creationId="{E3D2582B-96D6-F874-7A65-84AAE36B5C57}"/>
          </ac:spMkLst>
        </pc:spChg>
        <pc:spChg chg="mod">
          <ac:chgData name="White, Alex" userId="eff6cc8c-37d8-483b-9c6c-6b27e9afa9bc" providerId="ADAL" clId="{BF04C754-5BF4-4E83-9615-DB14FA25AF8A}" dt="2023-10-12T11:38:42.377" v="307"/>
          <ac:spMkLst>
            <pc:docMk/>
            <pc:sldMk cId="2376958513" sldId="260"/>
            <ac:spMk id="13748" creationId="{7BEF51A2-F09B-3662-8FD8-2E56960055D2}"/>
          </ac:spMkLst>
        </pc:spChg>
        <pc:spChg chg="mod">
          <ac:chgData name="White, Alex" userId="eff6cc8c-37d8-483b-9c6c-6b27e9afa9bc" providerId="ADAL" clId="{BF04C754-5BF4-4E83-9615-DB14FA25AF8A}" dt="2023-10-12T11:38:42.377" v="307"/>
          <ac:spMkLst>
            <pc:docMk/>
            <pc:sldMk cId="2376958513" sldId="260"/>
            <ac:spMk id="13749" creationId="{1C28D75D-0B26-A748-068E-A8EFFD8B6534}"/>
          </ac:spMkLst>
        </pc:spChg>
        <pc:spChg chg="mod">
          <ac:chgData name="White, Alex" userId="eff6cc8c-37d8-483b-9c6c-6b27e9afa9bc" providerId="ADAL" clId="{BF04C754-5BF4-4E83-9615-DB14FA25AF8A}" dt="2023-10-12T11:38:42.377" v="307"/>
          <ac:spMkLst>
            <pc:docMk/>
            <pc:sldMk cId="2376958513" sldId="260"/>
            <ac:spMk id="13750" creationId="{BAECF0E0-167B-844A-B9D1-6A949DA54BD4}"/>
          </ac:spMkLst>
        </pc:spChg>
        <pc:spChg chg="mod">
          <ac:chgData name="White, Alex" userId="eff6cc8c-37d8-483b-9c6c-6b27e9afa9bc" providerId="ADAL" clId="{BF04C754-5BF4-4E83-9615-DB14FA25AF8A}" dt="2023-10-12T11:38:42.377" v="307"/>
          <ac:spMkLst>
            <pc:docMk/>
            <pc:sldMk cId="2376958513" sldId="260"/>
            <ac:spMk id="13751" creationId="{736E8017-67AD-B4AA-BCCC-96DDB5ECFDCD}"/>
          </ac:spMkLst>
        </pc:spChg>
        <pc:spChg chg="mod">
          <ac:chgData name="White, Alex" userId="eff6cc8c-37d8-483b-9c6c-6b27e9afa9bc" providerId="ADAL" clId="{BF04C754-5BF4-4E83-9615-DB14FA25AF8A}" dt="2023-10-12T11:38:42.377" v="307"/>
          <ac:spMkLst>
            <pc:docMk/>
            <pc:sldMk cId="2376958513" sldId="260"/>
            <ac:spMk id="13752" creationId="{5BD7582E-69CF-0F6B-B253-C203AF55143F}"/>
          </ac:spMkLst>
        </pc:spChg>
        <pc:spChg chg="mod">
          <ac:chgData name="White, Alex" userId="eff6cc8c-37d8-483b-9c6c-6b27e9afa9bc" providerId="ADAL" clId="{BF04C754-5BF4-4E83-9615-DB14FA25AF8A}" dt="2023-10-12T11:38:42.377" v="307"/>
          <ac:spMkLst>
            <pc:docMk/>
            <pc:sldMk cId="2376958513" sldId="260"/>
            <ac:spMk id="13753" creationId="{0F133959-780D-F370-E321-E7D7B5134EAB}"/>
          </ac:spMkLst>
        </pc:spChg>
        <pc:spChg chg="mod">
          <ac:chgData name="White, Alex" userId="eff6cc8c-37d8-483b-9c6c-6b27e9afa9bc" providerId="ADAL" clId="{BF04C754-5BF4-4E83-9615-DB14FA25AF8A}" dt="2023-10-12T11:38:42.377" v="307"/>
          <ac:spMkLst>
            <pc:docMk/>
            <pc:sldMk cId="2376958513" sldId="260"/>
            <ac:spMk id="13754" creationId="{F0403968-E09B-98D1-12FB-6F3899B09BFB}"/>
          </ac:spMkLst>
        </pc:spChg>
        <pc:spChg chg="mod">
          <ac:chgData name="White, Alex" userId="eff6cc8c-37d8-483b-9c6c-6b27e9afa9bc" providerId="ADAL" clId="{BF04C754-5BF4-4E83-9615-DB14FA25AF8A}" dt="2023-10-12T11:38:42.377" v="307"/>
          <ac:spMkLst>
            <pc:docMk/>
            <pc:sldMk cId="2376958513" sldId="260"/>
            <ac:spMk id="13755" creationId="{22F286DF-5BAD-F613-D669-BD346D7C7DAA}"/>
          </ac:spMkLst>
        </pc:spChg>
        <pc:spChg chg="mod">
          <ac:chgData name="White, Alex" userId="eff6cc8c-37d8-483b-9c6c-6b27e9afa9bc" providerId="ADAL" clId="{BF04C754-5BF4-4E83-9615-DB14FA25AF8A}" dt="2023-10-12T11:38:42.377" v="307"/>
          <ac:spMkLst>
            <pc:docMk/>
            <pc:sldMk cId="2376958513" sldId="260"/>
            <ac:spMk id="13756" creationId="{60D3100B-189B-6A89-4A0A-707DD5E3153C}"/>
          </ac:spMkLst>
        </pc:spChg>
        <pc:spChg chg="mod">
          <ac:chgData name="White, Alex" userId="eff6cc8c-37d8-483b-9c6c-6b27e9afa9bc" providerId="ADAL" clId="{BF04C754-5BF4-4E83-9615-DB14FA25AF8A}" dt="2023-10-12T11:38:42.377" v="307"/>
          <ac:spMkLst>
            <pc:docMk/>
            <pc:sldMk cId="2376958513" sldId="260"/>
            <ac:spMk id="13757" creationId="{12804333-AF61-863A-819F-9C7835227879}"/>
          </ac:spMkLst>
        </pc:spChg>
        <pc:spChg chg="mod">
          <ac:chgData name="White, Alex" userId="eff6cc8c-37d8-483b-9c6c-6b27e9afa9bc" providerId="ADAL" clId="{BF04C754-5BF4-4E83-9615-DB14FA25AF8A}" dt="2023-10-12T11:38:42.377" v="307"/>
          <ac:spMkLst>
            <pc:docMk/>
            <pc:sldMk cId="2376958513" sldId="260"/>
            <ac:spMk id="13758" creationId="{ACA4B973-4FCA-2223-3AFC-710C85D01EFC}"/>
          </ac:spMkLst>
        </pc:spChg>
        <pc:spChg chg="mod">
          <ac:chgData name="White, Alex" userId="eff6cc8c-37d8-483b-9c6c-6b27e9afa9bc" providerId="ADAL" clId="{BF04C754-5BF4-4E83-9615-DB14FA25AF8A}" dt="2023-10-12T11:38:42.377" v="307"/>
          <ac:spMkLst>
            <pc:docMk/>
            <pc:sldMk cId="2376958513" sldId="260"/>
            <ac:spMk id="13759" creationId="{D62C2689-56EF-9D4B-1DB2-D90D1EF47B14}"/>
          </ac:spMkLst>
        </pc:spChg>
        <pc:spChg chg="mod">
          <ac:chgData name="White, Alex" userId="eff6cc8c-37d8-483b-9c6c-6b27e9afa9bc" providerId="ADAL" clId="{BF04C754-5BF4-4E83-9615-DB14FA25AF8A}" dt="2023-10-12T11:38:42.377" v="307"/>
          <ac:spMkLst>
            <pc:docMk/>
            <pc:sldMk cId="2376958513" sldId="260"/>
            <ac:spMk id="13760" creationId="{FE20B65D-8982-31CC-A7D4-594EC7FD6D9F}"/>
          </ac:spMkLst>
        </pc:spChg>
        <pc:spChg chg="mod">
          <ac:chgData name="White, Alex" userId="eff6cc8c-37d8-483b-9c6c-6b27e9afa9bc" providerId="ADAL" clId="{BF04C754-5BF4-4E83-9615-DB14FA25AF8A}" dt="2023-10-12T11:38:42.377" v="307"/>
          <ac:spMkLst>
            <pc:docMk/>
            <pc:sldMk cId="2376958513" sldId="260"/>
            <ac:spMk id="13761" creationId="{DC61DDD5-F560-FA98-4CA8-90ADB844D814}"/>
          </ac:spMkLst>
        </pc:spChg>
        <pc:spChg chg="mod">
          <ac:chgData name="White, Alex" userId="eff6cc8c-37d8-483b-9c6c-6b27e9afa9bc" providerId="ADAL" clId="{BF04C754-5BF4-4E83-9615-DB14FA25AF8A}" dt="2023-10-12T11:38:42.377" v="307"/>
          <ac:spMkLst>
            <pc:docMk/>
            <pc:sldMk cId="2376958513" sldId="260"/>
            <ac:spMk id="13762" creationId="{E354805C-2315-C04E-07EC-FFA3E0025301}"/>
          </ac:spMkLst>
        </pc:spChg>
        <pc:spChg chg="mod">
          <ac:chgData name="White, Alex" userId="eff6cc8c-37d8-483b-9c6c-6b27e9afa9bc" providerId="ADAL" clId="{BF04C754-5BF4-4E83-9615-DB14FA25AF8A}" dt="2023-10-12T11:38:42.377" v="307"/>
          <ac:spMkLst>
            <pc:docMk/>
            <pc:sldMk cId="2376958513" sldId="260"/>
            <ac:spMk id="13763" creationId="{0A6E696C-F1DC-9713-8349-5A0360CDB41E}"/>
          </ac:spMkLst>
        </pc:spChg>
        <pc:spChg chg="mod">
          <ac:chgData name="White, Alex" userId="eff6cc8c-37d8-483b-9c6c-6b27e9afa9bc" providerId="ADAL" clId="{BF04C754-5BF4-4E83-9615-DB14FA25AF8A}" dt="2023-10-12T11:38:42.377" v="307"/>
          <ac:spMkLst>
            <pc:docMk/>
            <pc:sldMk cId="2376958513" sldId="260"/>
            <ac:spMk id="13764" creationId="{9DFF4D03-213F-CA6D-CDD8-D21715036333}"/>
          </ac:spMkLst>
        </pc:spChg>
        <pc:spChg chg="mod">
          <ac:chgData name="White, Alex" userId="eff6cc8c-37d8-483b-9c6c-6b27e9afa9bc" providerId="ADAL" clId="{BF04C754-5BF4-4E83-9615-DB14FA25AF8A}" dt="2023-10-12T11:38:42.377" v="307"/>
          <ac:spMkLst>
            <pc:docMk/>
            <pc:sldMk cId="2376958513" sldId="260"/>
            <ac:spMk id="13765" creationId="{29E8D3C1-3250-39AD-AE8A-9908D355B676}"/>
          </ac:spMkLst>
        </pc:spChg>
        <pc:spChg chg="mod">
          <ac:chgData name="White, Alex" userId="eff6cc8c-37d8-483b-9c6c-6b27e9afa9bc" providerId="ADAL" clId="{BF04C754-5BF4-4E83-9615-DB14FA25AF8A}" dt="2023-10-12T11:38:42.377" v="307"/>
          <ac:spMkLst>
            <pc:docMk/>
            <pc:sldMk cId="2376958513" sldId="260"/>
            <ac:spMk id="13766" creationId="{6CF630CF-C094-BDAB-F976-8921522BDFC1}"/>
          </ac:spMkLst>
        </pc:spChg>
        <pc:spChg chg="mod">
          <ac:chgData name="White, Alex" userId="eff6cc8c-37d8-483b-9c6c-6b27e9afa9bc" providerId="ADAL" clId="{BF04C754-5BF4-4E83-9615-DB14FA25AF8A}" dt="2023-10-12T11:38:42.377" v="307"/>
          <ac:spMkLst>
            <pc:docMk/>
            <pc:sldMk cId="2376958513" sldId="260"/>
            <ac:spMk id="13767" creationId="{5B14C5C0-9930-DF5B-A812-D7EF0F4D459E}"/>
          </ac:spMkLst>
        </pc:spChg>
        <pc:spChg chg="mod">
          <ac:chgData name="White, Alex" userId="eff6cc8c-37d8-483b-9c6c-6b27e9afa9bc" providerId="ADAL" clId="{BF04C754-5BF4-4E83-9615-DB14FA25AF8A}" dt="2023-10-12T11:38:42.377" v="307"/>
          <ac:spMkLst>
            <pc:docMk/>
            <pc:sldMk cId="2376958513" sldId="260"/>
            <ac:spMk id="13768" creationId="{779A0BE4-AA49-B1A2-7017-23CAB33B5010}"/>
          </ac:spMkLst>
        </pc:spChg>
        <pc:spChg chg="mod">
          <ac:chgData name="White, Alex" userId="eff6cc8c-37d8-483b-9c6c-6b27e9afa9bc" providerId="ADAL" clId="{BF04C754-5BF4-4E83-9615-DB14FA25AF8A}" dt="2023-10-12T11:38:42.377" v="307"/>
          <ac:spMkLst>
            <pc:docMk/>
            <pc:sldMk cId="2376958513" sldId="260"/>
            <ac:spMk id="13769" creationId="{542FF428-0A07-7746-775C-CD59EFAAA8B0}"/>
          </ac:spMkLst>
        </pc:spChg>
        <pc:spChg chg="mod">
          <ac:chgData name="White, Alex" userId="eff6cc8c-37d8-483b-9c6c-6b27e9afa9bc" providerId="ADAL" clId="{BF04C754-5BF4-4E83-9615-DB14FA25AF8A}" dt="2023-10-12T11:38:42.377" v="307"/>
          <ac:spMkLst>
            <pc:docMk/>
            <pc:sldMk cId="2376958513" sldId="260"/>
            <ac:spMk id="13770" creationId="{99FA33C2-9906-A904-74D9-54F8168D7A53}"/>
          </ac:spMkLst>
        </pc:spChg>
        <pc:spChg chg="mod">
          <ac:chgData name="White, Alex" userId="eff6cc8c-37d8-483b-9c6c-6b27e9afa9bc" providerId="ADAL" clId="{BF04C754-5BF4-4E83-9615-DB14FA25AF8A}" dt="2023-10-12T11:38:42.377" v="307"/>
          <ac:spMkLst>
            <pc:docMk/>
            <pc:sldMk cId="2376958513" sldId="260"/>
            <ac:spMk id="13771" creationId="{DC940133-D406-3373-DB8B-10F7BEBF9A2F}"/>
          </ac:spMkLst>
        </pc:spChg>
        <pc:spChg chg="mod">
          <ac:chgData name="White, Alex" userId="eff6cc8c-37d8-483b-9c6c-6b27e9afa9bc" providerId="ADAL" clId="{BF04C754-5BF4-4E83-9615-DB14FA25AF8A}" dt="2023-10-12T11:38:42.377" v="307"/>
          <ac:spMkLst>
            <pc:docMk/>
            <pc:sldMk cId="2376958513" sldId="260"/>
            <ac:spMk id="13772" creationId="{30D2B0BE-A709-AFE3-A934-DBB24514702A}"/>
          </ac:spMkLst>
        </pc:spChg>
        <pc:spChg chg="mod">
          <ac:chgData name="White, Alex" userId="eff6cc8c-37d8-483b-9c6c-6b27e9afa9bc" providerId="ADAL" clId="{BF04C754-5BF4-4E83-9615-DB14FA25AF8A}" dt="2023-10-12T11:38:42.377" v="307"/>
          <ac:spMkLst>
            <pc:docMk/>
            <pc:sldMk cId="2376958513" sldId="260"/>
            <ac:spMk id="13773" creationId="{4ACC4A3A-E823-9878-DB0F-CC3FF3A32B81}"/>
          </ac:spMkLst>
        </pc:spChg>
        <pc:spChg chg="mod">
          <ac:chgData name="White, Alex" userId="eff6cc8c-37d8-483b-9c6c-6b27e9afa9bc" providerId="ADAL" clId="{BF04C754-5BF4-4E83-9615-DB14FA25AF8A}" dt="2023-10-12T11:38:42.377" v="307"/>
          <ac:spMkLst>
            <pc:docMk/>
            <pc:sldMk cId="2376958513" sldId="260"/>
            <ac:spMk id="13774" creationId="{64B3056A-852C-32DF-2087-A3ADBF7ED1AA}"/>
          </ac:spMkLst>
        </pc:spChg>
        <pc:spChg chg="mod">
          <ac:chgData name="White, Alex" userId="eff6cc8c-37d8-483b-9c6c-6b27e9afa9bc" providerId="ADAL" clId="{BF04C754-5BF4-4E83-9615-DB14FA25AF8A}" dt="2023-10-12T11:38:42.377" v="307"/>
          <ac:spMkLst>
            <pc:docMk/>
            <pc:sldMk cId="2376958513" sldId="260"/>
            <ac:spMk id="13775" creationId="{D0B412EE-9EB7-BD36-855F-161618C87153}"/>
          </ac:spMkLst>
        </pc:spChg>
        <pc:spChg chg="mod">
          <ac:chgData name="White, Alex" userId="eff6cc8c-37d8-483b-9c6c-6b27e9afa9bc" providerId="ADAL" clId="{BF04C754-5BF4-4E83-9615-DB14FA25AF8A}" dt="2023-10-12T11:38:42.377" v="307"/>
          <ac:spMkLst>
            <pc:docMk/>
            <pc:sldMk cId="2376958513" sldId="260"/>
            <ac:spMk id="13776" creationId="{9E751195-BA70-7516-ADAA-C2AD9BC47202}"/>
          </ac:spMkLst>
        </pc:spChg>
        <pc:spChg chg="mod">
          <ac:chgData name="White, Alex" userId="eff6cc8c-37d8-483b-9c6c-6b27e9afa9bc" providerId="ADAL" clId="{BF04C754-5BF4-4E83-9615-DB14FA25AF8A}" dt="2023-10-12T11:38:42.377" v="307"/>
          <ac:spMkLst>
            <pc:docMk/>
            <pc:sldMk cId="2376958513" sldId="260"/>
            <ac:spMk id="13777" creationId="{D2AF2636-5538-462F-F2F2-FFDFBCABD4E9}"/>
          </ac:spMkLst>
        </pc:spChg>
        <pc:spChg chg="mod">
          <ac:chgData name="White, Alex" userId="eff6cc8c-37d8-483b-9c6c-6b27e9afa9bc" providerId="ADAL" clId="{BF04C754-5BF4-4E83-9615-DB14FA25AF8A}" dt="2023-10-12T11:38:42.377" v="307"/>
          <ac:spMkLst>
            <pc:docMk/>
            <pc:sldMk cId="2376958513" sldId="260"/>
            <ac:spMk id="13778" creationId="{F902B45A-DCA1-6D27-861E-E5B4CE54D73B}"/>
          </ac:spMkLst>
        </pc:spChg>
        <pc:spChg chg="mod">
          <ac:chgData name="White, Alex" userId="eff6cc8c-37d8-483b-9c6c-6b27e9afa9bc" providerId="ADAL" clId="{BF04C754-5BF4-4E83-9615-DB14FA25AF8A}" dt="2023-10-12T11:38:42.377" v="307"/>
          <ac:spMkLst>
            <pc:docMk/>
            <pc:sldMk cId="2376958513" sldId="260"/>
            <ac:spMk id="13779" creationId="{ED8D4C2B-9163-094C-219E-9BF4812C4D34}"/>
          </ac:spMkLst>
        </pc:spChg>
        <pc:spChg chg="mod">
          <ac:chgData name="White, Alex" userId="eff6cc8c-37d8-483b-9c6c-6b27e9afa9bc" providerId="ADAL" clId="{BF04C754-5BF4-4E83-9615-DB14FA25AF8A}" dt="2023-10-12T11:38:42.377" v="307"/>
          <ac:spMkLst>
            <pc:docMk/>
            <pc:sldMk cId="2376958513" sldId="260"/>
            <ac:spMk id="13780" creationId="{614FF6B8-63ED-FBB7-5E15-26D9A4C922C7}"/>
          </ac:spMkLst>
        </pc:spChg>
        <pc:spChg chg="mod">
          <ac:chgData name="White, Alex" userId="eff6cc8c-37d8-483b-9c6c-6b27e9afa9bc" providerId="ADAL" clId="{BF04C754-5BF4-4E83-9615-DB14FA25AF8A}" dt="2023-10-12T11:38:42.377" v="307"/>
          <ac:spMkLst>
            <pc:docMk/>
            <pc:sldMk cId="2376958513" sldId="260"/>
            <ac:spMk id="13781" creationId="{340001BE-FFBB-FBD5-D76B-67A11518F1A2}"/>
          </ac:spMkLst>
        </pc:spChg>
        <pc:spChg chg="mod">
          <ac:chgData name="White, Alex" userId="eff6cc8c-37d8-483b-9c6c-6b27e9afa9bc" providerId="ADAL" clId="{BF04C754-5BF4-4E83-9615-DB14FA25AF8A}" dt="2023-10-12T11:38:42.377" v="307"/>
          <ac:spMkLst>
            <pc:docMk/>
            <pc:sldMk cId="2376958513" sldId="260"/>
            <ac:spMk id="13782" creationId="{9FD19D69-5DE9-AC1C-6699-7A437FF76E07}"/>
          </ac:spMkLst>
        </pc:spChg>
        <pc:spChg chg="mod">
          <ac:chgData name="White, Alex" userId="eff6cc8c-37d8-483b-9c6c-6b27e9afa9bc" providerId="ADAL" clId="{BF04C754-5BF4-4E83-9615-DB14FA25AF8A}" dt="2023-10-12T11:38:42.377" v="307"/>
          <ac:spMkLst>
            <pc:docMk/>
            <pc:sldMk cId="2376958513" sldId="260"/>
            <ac:spMk id="13783" creationId="{4E345CA1-C579-BF54-7C4B-CCE0B1DA7A3E}"/>
          </ac:spMkLst>
        </pc:spChg>
        <pc:spChg chg="mod">
          <ac:chgData name="White, Alex" userId="eff6cc8c-37d8-483b-9c6c-6b27e9afa9bc" providerId="ADAL" clId="{BF04C754-5BF4-4E83-9615-DB14FA25AF8A}" dt="2023-10-12T11:38:42.377" v="307"/>
          <ac:spMkLst>
            <pc:docMk/>
            <pc:sldMk cId="2376958513" sldId="260"/>
            <ac:spMk id="13784" creationId="{81DED3A5-8E95-B709-DAB9-7500E96C7B90}"/>
          </ac:spMkLst>
        </pc:spChg>
        <pc:spChg chg="mod">
          <ac:chgData name="White, Alex" userId="eff6cc8c-37d8-483b-9c6c-6b27e9afa9bc" providerId="ADAL" clId="{BF04C754-5BF4-4E83-9615-DB14FA25AF8A}" dt="2023-10-12T11:38:42.377" v="307"/>
          <ac:spMkLst>
            <pc:docMk/>
            <pc:sldMk cId="2376958513" sldId="260"/>
            <ac:spMk id="13785" creationId="{701E0176-233D-EB7A-7B70-D022C458F5A7}"/>
          </ac:spMkLst>
        </pc:spChg>
        <pc:spChg chg="mod">
          <ac:chgData name="White, Alex" userId="eff6cc8c-37d8-483b-9c6c-6b27e9afa9bc" providerId="ADAL" clId="{BF04C754-5BF4-4E83-9615-DB14FA25AF8A}" dt="2023-10-12T11:38:42.377" v="307"/>
          <ac:spMkLst>
            <pc:docMk/>
            <pc:sldMk cId="2376958513" sldId="260"/>
            <ac:spMk id="13786" creationId="{B49F6907-BCAE-267D-9E09-13918B73CB2A}"/>
          </ac:spMkLst>
        </pc:spChg>
        <pc:spChg chg="mod">
          <ac:chgData name="White, Alex" userId="eff6cc8c-37d8-483b-9c6c-6b27e9afa9bc" providerId="ADAL" clId="{BF04C754-5BF4-4E83-9615-DB14FA25AF8A}" dt="2023-10-12T11:38:42.377" v="307"/>
          <ac:spMkLst>
            <pc:docMk/>
            <pc:sldMk cId="2376958513" sldId="260"/>
            <ac:spMk id="13787" creationId="{52B7567B-3CD2-8843-FD38-1ED8B05059C5}"/>
          </ac:spMkLst>
        </pc:spChg>
        <pc:spChg chg="mod">
          <ac:chgData name="White, Alex" userId="eff6cc8c-37d8-483b-9c6c-6b27e9afa9bc" providerId="ADAL" clId="{BF04C754-5BF4-4E83-9615-DB14FA25AF8A}" dt="2023-10-12T11:38:42.377" v="307"/>
          <ac:spMkLst>
            <pc:docMk/>
            <pc:sldMk cId="2376958513" sldId="260"/>
            <ac:spMk id="13788" creationId="{F4246C26-ACF9-5398-77A0-C0EE03670193}"/>
          </ac:spMkLst>
        </pc:spChg>
        <pc:spChg chg="mod">
          <ac:chgData name="White, Alex" userId="eff6cc8c-37d8-483b-9c6c-6b27e9afa9bc" providerId="ADAL" clId="{BF04C754-5BF4-4E83-9615-DB14FA25AF8A}" dt="2023-10-12T11:38:42.377" v="307"/>
          <ac:spMkLst>
            <pc:docMk/>
            <pc:sldMk cId="2376958513" sldId="260"/>
            <ac:spMk id="13789" creationId="{7F94ED0F-AB7F-BB42-D49D-9B4F7571C87D}"/>
          </ac:spMkLst>
        </pc:spChg>
        <pc:spChg chg="mod">
          <ac:chgData name="White, Alex" userId="eff6cc8c-37d8-483b-9c6c-6b27e9afa9bc" providerId="ADAL" clId="{BF04C754-5BF4-4E83-9615-DB14FA25AF8A}" dt="2023-10-12T11:38:42.377" v="307"/>
          <ac:spMkLst>
            <pc:docMk/>
            <pc:sldMk cId="2376958513" sldId="260"/>
            <ac:spMk id="13790" creationId="{979FFD9E-BB9B-37E3-4FF5-F6A44AD0286C}"/>
          </ac:spMkLst>
        </pc:spChg>
        <pc:spChg chg="mod">
          <ac:chgData name="White, Alex" userId="eff6cc8c-37d8-483b-9c6c-6b27e9afa9bc" providerId="ADAL" clId="{BF04C754-5BF4-4E83-9615-DB14FA25AF8A}" dt="2023-10-12T11:38:42.377" v="307"/>
          <ac:spMkLst>
            <pc:docMk/>
            <pc:sldMk cId="2376958513" sldId="260"/>
            <ac:spMk id="13791" creationId="{E2C45E90-E336-F60F-E1EC-550614E1EB6F}"/>
          </ac:spMkLst>
        </pc:spChg>
        <pc:spChg chg="mod">
          <ac:chgData name="White, Alex" userId="eff6cc8c-37d8-483b-9c6c-6b27e9afa9bc" providerId="ADAL" clId="{BF04C754-5BF4-4E83-9615-DB14FA25AF8A}" dt="2023-10-12T11:38:42.377" v="307"/>
          <ac:spMkLst>
            <pc:docMk/>
            <pc:sldMk cId="2376958513" sldId="260"/>
            <ac:spMk id="13792" creationId="{5C6F475A-35B9-11A6-A031-A83326DC9546}"/>
          </ac:spMkLst>
        </pc:spChg>
        <pc:spChg chg="mod">
          <ac:chgData name="White, Alex" userId="eff6cc8c-37d8-483b-9c6c-6b27e9afa9bc" providerId="ADAL" clId="{BF04C754-5BF4-4E83-9615-DB14FA25AF8A}" dt="2023-10-12T11:38:42.377" v="307"/>
          <ac:spMkLst>
            <pc:docMk/>
            <pc:sldMk cId="2376958513" sldId="260"/>
            <ac:spMk id="13793" creationId="{C0DF87DC-1B71-2CB7-D8CA-9A7215C2650E}"/>
          </ac:spMkLst>
        </pc:spChg>
        <pc:spChg chg="mod">
          <ac:chgData name="White, Alex" userId="eff6cc8c-37d8-483b-9c6c-6b27e9afa9bc" providerId="ADAL" clId="{BF04C754-5BF4-4E83-9615-DB14FA25AF8A}" dt="2023-10-12T11:38:42.377" v="307"/>
          <ac:spMkLst>
            <pc:docMk/>
            <pc:sldMk cId="2376958513" sldId="260"/>
            <ac:spMk id="13794" creationId="{ED0000D9-FBB7-277C-132C-7834A39B1806}"/>
          </ac:spMkLst>
        </pc:spChg>
        <pc:spChg chg="mod">
          <ac:chgData name="White, Alex" userId="eff6cc8c-37d8-483b-9c6c-6b27e9afa9bc" providerId="ADAL" clId="{BF04C754-5BF4-4E83-9615-DB14FA25AF8A}" dt="2023-10-12T11:38:42.377" v="307"/>
          <ac:spMkLst>
            <pc:docMk/>
            <pc:sldMk cId="2376958513" sldId="260"/>
            <ac:spMk id="13795" creationId="{AE0EA5A4-F4A1-7FC0-DAAB-58B203597022}"/>
          </ac:spMkLst>
        </pc:spChg>
        <pc:spChg chg="mod">
          <ac:chgData name="White, Alex" userId="eff6cc8c-37d8-483b-9c6c-6b27e9afa9bc" providerId="ADAL" clId="{BF04C754-5BF4-4E83-9615-DB14FA25AF8A}" dt="2023-10-12T11:38:42.377" v="307"/>
          <ac:spMkLst>
            <pc:docMk/>
            <pc:sldMk cId="2376958513" sldId="260"/>
            <ac:spMk id="13796" creationId="{0CC35577-1A26-6C56-378F-19AAE0E0F30F}"/>
          </ac:spMkLst>
        </pc:spChg>
        <pc:spChg chg="mod">
          <ac:chgData name="White, Alex" userId="eff6cc8c-37d8-483b-9c6c-6b27e9afa9bc" providerId="ADAL" clId="{BF04C754-5BF4-4E83-9615-DB14FA25AF8A}" dt="2023-10-12T11:38:42.377" v="307"/>
          <ac:spMkLst>
            <pc:docMk/>
            <pc:sldMk cId="2376958513" sldId="260"/>
            <ac:spMk id="13797" creationId="{6FF42AA7-FD68-35EA-E63F-FB797A656DDA}"/>
          </ac:spMkLst>
        </pc:spChg>
        <pc:spChg chg="mod">
          <ac:chgData name="White, Alex" userId="eff6cc8c-37d8-483b-9c6c-6b27e9afa9bc" providerId="ADAL" clId="{BF04C754-5BF4-4E83-9615-DB14FA25AF8A}" dt="2023-10-12T11:38:42.377" v="307"/>
          <ac:spMkLst>
            <pc:docMk/>
            <pc:sldMk cId="2376958513" sldId="260"/>
            <ac:spMk id="13798" creationId="{7C156934-D60D-EA5E-FE30-D493F06F5D21}"/>
          </ac:spMkLst>
        </pc:spChg>
        <pc:spChg chg="mod">
          <ac:chgData name="White, Alex" userId="eff6cc8c-37d8-483b-9c6c-6b27e9afa9bc" providerId="ADAL" clId="{BF04C754-5BF4-4E83-9615-DB14FA25AF8A}" dt="2023-10-12T11:38:42.377" v="307"/>
          <ac:spMkLst>
            <pc:docMk/>
            <pc:sldMk cId="2376958513" sldId="260"/>
            <ac:spMk id="13799" creationId="{B717C558-5689-FF4A-5A1F-D3EB0A15B249}"/>
          </ac:spMkLst>
        </pc:spChg>
        <pc:spChg chg="mod">
          <ac:chgData name="White, Alex" userId="eff6cc8c-37d8-483b-9c6c-6b27e9afa9bc" providerId="ADAL" clId="{BF04C754-5BF4-4E83-9615-DB14FA25AF8A}" dt="2023-10-12T11:38:42.377" v="307"/>
          <ac:spMkLst>
            <pc:docMk/>
            <pc:sldMk cId="2376958513" sldId="260"/>
            <ac:spMk id="13800" creationId="{FA4EC321-5A87-E9CB-0F9C-B43025591B3A}"/>
          </ac:spMkLst>
        </pc:spChg>
        <pc:spChg chg="mod">
          <ac:chgData name="White, Alex" userId="eff6cc8c-37d8-483b-9c6c-6b27e9afa9bc" providerId="ADAL" clId="{BF04C754-5BF4-4E83-9615-DB14FA25AF8A}" dt="2023-10-12T11:38:42.377" v="307"/>
          <ac:spMkLst>
            <pc:docMk/>
            <pc:sldMk cId="2376958513" sldId="260"/>
            <ac:spMk id="13801" creationId="{86A025BB-EA4F-3F4D-5D53-D0DBB3C20EB6}"/>
          </ac:spMkLst>
        </pc:spChg>
        <pc:spChg chg="mod">
          <ac:chgData name="White, Alex" userId="eff6cc8c-37d8-483b-9c6c-6b27e9afa9bc" providerId="ADAL" clId="{BF04C754-5BF4-4E83-9615-DB14FA25AF8A}" dt="2023-10-12T11:38:42.377" v="307"/>
          <ac:spMkLst>
            <pc:docMk/>
            <pc:sldMk cId="2376958513" sldId="260"/>
            <ac:spMk id="13802" creationId="{0EEF4250-0C20-793D-F5D6-7D67B24564B9}"/>
          </ac:spMkLst>
        </pc:spChg>
        <pc:spChg chg="mod">
          <ac:chgData name="White, Alex" userId="eff6cc8c-37d8-483b-9c6c-6b27e9afa9bc" providerId="ADAL" clId="{BF04C754-5BF4-4E83-9615-DB14FA25AF8A}" dt="2023-10-12T11:38:42.377" v="307"/>
          <ac:spMkLst>
            <pc:docMk/>
            <pc:sldMk cId="2376958513" sldId="260"/>
            <ac:spMk id="13803" creationId="{01157FC8-D3B7-D6A1-1327-D1FFBB122957}"/>
          </ac:spMkLst>
        </pc:spChg>
        <pc:spChg chg="mod">
          <ac:chgData name="White, Alex" userId="eff6cc8c-37d8-483b-9c6c-6b27e9afa9bc" providerId="ADAL" clId="{BF04C754-5BF4-4E83-9615-DB14FA25AF8A}" dt="2023-10-12T11:38:42.377" v="307"/>
          <ac:spMkLst>
            <pc:docMk/>
            <pc:sldMk cId="2376958513" sldId="260"/>
            <ac:spMk id="13804" creationId="{7CAA5D8C-2EDC-BF6B-33C2-B38FB9683D7F}"/>
          </ac:spMkLst>
        </pc:spChg>
        <pc:spChg chg="mod">
          <ac:chgData name="White, Alex" userId="eff6cc8c-37d8-483b-9c6c-6b27e9afa9bc" providerId="ADAL" clId="{BF04C754-5BF4-4E83-9615-DB14FA25AF8A}" dt="2023-10-12T11:38:42.377" v="307"/>
          <ac:spMkLst>
            <pc:docMk/>
            <pc:sldMk cId="2376958513" sldId="260"/>
            <ac:spMk id="13805" creationId="{6124BBF2-3A2B-CC64-777A-41BF4F92092E}"/>
          </ac:spMkLst>
        </pc:spChg>
        <pc:spChg chg="mod">
          <ac:chgData name="White, Alex" userId="eff6cc8c-37d8-483b-9c6c-6b27e9afa9bc" providerId="ADAL" clId="{BF04C754-5BF4-4E83-9615-DB14FA25AF8A}" dt="2023-10-12T11:38:42.377" v="307"/>
          <ac:spMkLst>
            <pc:docMk/>
            <pc:sldMk cId="2376958513" sldId="260"/>
            <ac:spMk id="13806" creationId="{B3792D2C-DB54-490D-C57F-8F4DA8BAC6AC}"/>
          </ac:spMkLst>
        </pc:spChg>
        <pc:spChg chg="mod">
          <ac:chgData name="White, Alex" userId="eff6cc8c-37d8-483b-9c6c-6b27e9afa9bc" providerId="ADAL" clId="{BF04C754-5BF4-4E83-9615-DB14FA25AF8A}" dt="2023-10-12T11:38:42.377" v="307"/>
          <ac:spMkLst>
            <pc:docMk/>
            <pc:sldMk cId="2376958513" sldId="260"/>
            <ac:spMk id="13807" creationId="{893CAA32-CE0B-2C11-C799-4BF34F16FB87}"/>
          </ac:spMkLst>
        </pc:spChg>
        <pc:spChg chg="mod">
          <ac:chgData name="White, Alex" userId="eff6cc8c-37d8-483b-9c6c-6b27e9afa9bc" providerId="ADAL" clId="{BF04C754-5BF4-4E83-9615-DB14FA25AF8A}" dt="2023-10-12T11:38:42.377" v="307"/>
          <ac:spMkLst>
            <pc:docMk/>
            <pc:sldMk cId="2376958513" sldId="260"/>
            <ac:spMk id="13808" creationId="{04A25F90-F89E-3FF8-C24E-53357225BC50}"/>
          </ac:spMkLst>
        </pc:spChg>
        <pc:spChg chg="mod">
          <ac:chgData name="White, Alex" userId="eff6cc8c-37d8-483b-9c6c-6b27e9afa9bc" providerId="ADAL" clId="{BF04C754-5BF4-4E83-9615-DB14FA25AF8A}" dt="2023-10-12T11:38:42.377" v="307"/>
          <ac:spMkLst>
            <pc:docMk/>
            <pc:sldMk cId="2376958513" sldId="260"/>
            <ac:spMk id="13809" creationId="{90A07ED8-ABBB-FAF3-D266-9A156849668F}"/>
          </ac:spMkLst>
        </pc:spChg>
        <pc:spChg chg="mod">
          <ac:chgData name="White, Alex" userId="eff6cc8c-37d8-483b-9c6c-6b27e9afa9bc" providerId="ADAL" clId="{BF04C754-5BF4-4E83-9615-DB14FA25AF8A}" dt="2023-10-12T11:38:42.377" v="307"/>
          <ac:spMkLst>
            <pc:docMk/>
            <pc:sldMk cId="2376958513" sldId="260"/>
            <ac:spMk id="13810" creationId="{103E7CD8-2511-C2B7-B92D-26EF851C634E}"/>
          </ac:spMkLst>
        </pc:spChg>
        <pc:spChg chg="mod">
          <ac:chgData name="White, Alex" userId="eff6cc8c-37d8-483b-9c6c-6b27e9afa9bc" providerId="ADAL" clId="{BF04C754-5BF4-4E83-9615-DB14FA25AF8A}" dt="2023-10-12T11:38:42.377" v="307"/>
          <ac:spMkLst>
            <pc:docMk/>
            <pc:sldMk cId="2376958513" sldId="260"/>
            <ac:spMk id="13811" creationId="{2ED32E9E-6D06-64C1-7BA0-E23938B0CAE2}"/>
          </ac:spMkLst>
        </pc:spChg>
        <pc:spChg chg="mod">
          <ac:chgData name="White, Alex" userId="eff6cc8c-37d8-483b-9c6c-6b27e9afa9bc" providerId="ADAL" clId="{BF04C754-5BF4-4E83-9615-DB14FA25AF8A}" dt="2023-10-12T11:38:42.377" v="307"/>
          <ac:spMkLst>
            <pc:docMk/>
            <pc:sldMk cId="2376958513" sldId="260"/>
            <ac:spMk id="13812" creationId="{E5CD3122-64D2-2C45-7D1A-48A151FF81F1}"/>
          </ac:spMkLst>
        </pc:spChg>
        <pc:spChg chg="mod">
          <ac:chgData name="White, Alex" userId="eff6cc8c-37d8-483b-9c6c-6b27e9afa9bc" providerId="ADAL" clId="{BF04C754-5BF4-4E83-9615-DB14FA25AF8A}" dt="2023-10-12T11:38:42.377" v="307"/>
          <ac:spMkLst>
            <pc:docMk/>
            <pc:sldMk cId="2376958513" sldId="260"/>
            <ac:spMk id="13813" creationId="{BC205BBC-FE01-9B20-07DC-C763334BE403}"/>
          </ac:spMkLst>
        </pc:spChg>
        <pc:spChg chg="mod">
          <ac:chgData name="White, Alex" userId="eff6cc8c-37d8-483b-9c6c-6b27e9afa9bc" providerId="ADAL" clId="{BF04C754-5BF4-4E83-9615-DB14FA25AF8A}" dt="2023-10-12T11:38:42.377" v="307"/>
          <ac:spMkLst>
            <pc:docMk/>
            <pc:sldMk cId="2376958513" sldId="260"/>
            <ac:spMk id="13814" creationId="{428A95E8-FAFE-130F-3245-C061320241FA}"/>
          </ac:spMkLst>
        </pc:spChg>
        <pc:spChg chg="mod">
          <ac:chgData name="White, Alex" userId="eff6cc8c-37d8-483b-9c6c-6b27e9afa9bc" providerId="ADAL" clId="{BF04C754-5BF4-4E83-9615-DB14FA25AF8A}" dt="2023-10-12T11:38:42.377" v="307"/>
          <ac:spMkLst>
            <pc:docMk/>
            <pc:sldMk cId="2376958513" sldId="260"/>
            <ac:spMk id="13815" creationId="{756F4B78-3297-0569-202F-27A5319BD0E3}"/>
          </ac:spMkLst>
        </pc:spChg>
        <pc:spChg chg="mod">
          <ac:chgData name="White, Alex" userId="eff6cc8c-37d8-483b-9c6c-6b27e9afa9bc" providerId="ADAL" clId="{BF04C754-5BF4-4E83-9615-DB14FA25AF8A}" dt="2023-10-12T11:38:42.377" v="307"/>
          <ac:spMkLst>
            <pc:docMk/>
            <pc:sldMk cId="2376958513" sldId="260"/>
            <ac:spMk id="13816" creationId="{894CD7A3-E9AC-4CFD-0018-E67B33125A58}"/>
          </ac:spMkLst>
        </pc:spChg>
        <pc:spChg chg="mod">
          <ac:chgData name="White, Alex" userId="eff6cc8c-37d8-483b-9c6c-6b27e9afa9bc" providerId="ADAL" clId="{BF04C754-5BF4-4E83-9615-DB14FA25AF8A}" dt="2023-10-12T11:38:42.377" v="307"/>
          <ac:spMkLst>
            <pc:docMk/>
            <pc:sldMk cId="2376958513" sldId="260"/>
            <ac:spMk id="13817" creationId="{622CB099-E1CE-6A20-2477-9952713B07FA}"/>
          </ac:spMkLst>
        </pc:spChg>
        <pc:spChg chg="mod">
          <ac:chgData name="White, Alex" userId="eff6cc8c-37d8-483b-9c6c-6b27e9afa9bc" providerId="ADAL" clId="{BF04C754-5BF4-4E83-9615-DB14FA25AF8A}" dt="2023-10-12T11:38:42.377" v="307"/>
          <ac:spMkLst>
            <pc:docMk/>
            <pc:sldMk cId="2376958513" sldId="260"/>
            <ac:spMk id="13818" creationId="{FDBF94B4-D802-133F-868F-35174202FFA1}"/>
          </ac:spMkLst>
        </pc:spChg>
        <pc:spChg chg="mod">
          <ac:chgData name="White, Alex" userId="eff6cc8c-37d8-483b-9c6c-6b27e9afa9bc" providerId="ADAL" clId="{BF04C754-5BF4-4E83-9615-DB14FA25AF8A}" dt="2023-10-12T11:38:42.377" v="307"/>
          <ac:spMkLst>
            <pc:docMk/>
            <pc:sldMk cId="2376958513" sldId="260"/>
            <ac:spMk id="13819" creationId="{17E32E5A-85DA-5118-C534-0654AE85AA4C}"/>
          </ac:spMkLst>
        </pc:spChg>
        <pc:spChg chg="mod">
          <ac:chgData name="White, Alex" userId="eff6cc8c-37d8-483b-9c6c-6b27e9afa9bc" providerId="ADAL" clId="{BF04C754-5BF4-4E83-9615-DB14FA25AF8A}" dt="2023-10-12T11:38:42.377" v="307"/>
          <ac:spMkLst>
            <pc:docMk/>
            <pc:sldMk cId="2376958513" sldId="260"/>
            <ac:spMk id="13820" creationId="{94A6CDEE-292B-F62E-3247-37393BD8A96D}"/>
          </ac:spMkLst>
        </pc:spChg>
        <pc:spChg chg="mod">
          <ac:chgData name="White, Alex" userId="eff6cc8c-37d8-483b-9c6c-6b27e9afa9bc" providerId="ADAL" clId="{BF04C754-5BF4-4E83-9615-DB14FA25AF8A}" dt="2023-10-12T11:38:42.377" v="307"/>
          <ac:spMkLst>
            <pc:docMk/>
            <pc:sldMk cId="2376958513" sldId="260"/>
            <ac:spMk id="13821" creationId="{E7D83882-8F0C-C9A7-46CC-0C96CB6745EC}"/>
          </ac:spMkLst>
        </pc:spChg>
        <pc:spChg chg="mod">
          <ac:chgData name="White, Alex" userId="eff6cc8c-37d8-483b-9c6c-6b27e9afa9bc" providerId="ADAL" clId="{BF04C754-5BF4-4E83-9615-DB14FA25AF8A}" dt="2023-10-12T11:38:42.377" v="307"/>
          <ac:spMkLst>
            <pc:docMk/>
            <pc:sldMk cId="2376958513" sldId="260"/>
            <ac:spMk id="13822" creationId="{C8C8882F-E0D7-6F58-C877-62394FF9230C}"/>
          </ac:spMkLst>
        </pc:spChg>
        <pc:spChg chg="mod">
          <ac:chgData name="White, Alex" userId="eff6cc8c-37d8-483b-9c6c-6b27e9afa9bc" providerId="ADAL" clId="{BF04C754-5BF4-4E83-9615-DB14FA25AF8A}" dt="2023-10-12T11:38:42.377" v="307"/>
          <ac:spMkLst>
            <pc:docMk/>
            <pc:sldMk cId="2376958513" sldId="260"/>
            <ac:spMk id="13823" creationId="{0A6DF679-5702-F27F-A96F-7E57152B273F}"/>
          </ac:spMkLst>
        </pc:spChg>
        <pc:spChg chg="mod">
          <ac:chgData name="White, Alex" userId="eff6cc8c-37d8-483b-9c6c-6b27e9afa9bc" providerId="ADAL" clId="{BF04C754-5BF4-4E83-9615-DB14FA25AF8A}" dt="2023-10-12T11:38:42.377" v="307"/>
          <ac:spMkLst>
            <pc:docMk/>
            <pc:sldMk cId="2376958513" sldId="260"/>
            <ac:spMk id="13824" creationId="{4C943FEC-9934-74E3-609A-33C6D20A8E1D}"/>
          </ac:spMkLst>
        </pc:spChg>
        <pc:spChg chg="mod">
          <ac:chgData name="White, Alex" userId="eff6cc8c-37d8-483b-9c6c-6b27e9afa9bc" providerId="ADAL" clId="{BF04C754-5BF4-4E83-9615-DB14FA25AF8A}" dt="2023-10-12T11:38:42.377" v="307"/>
          <ac:spMkLst>
            <pc:docMk/>
            <pc:sldMk cId="2376958513" sldId="260"/>
            <ac:spMk id="13825" creationId="{0BB9D5A0-1272-3877-7020-5CE58EF3D60D}"/>
          </ac:spMkLst>
        </pc:spChg>
        <pc:spChg chg="mod">
          <ac:chgData name="White, Alex" userId="eff6cc8c-37d8-483b-9c6c-6b27e9afa9bc" providerId="ADAL" clId="{BF04C754-5BF4-4E83-9615-DB14FA25AF8A}" dt="2023-10-12T11:38:42.377" v="307"/>
          <ac:spMkLst>
            <pc:docMk/>
            <pc:sldMk cId="2376958513" sldId="260"/>
            <ac:spMk id="13826" creationId="{8A827D4C-D7A7-F47A-52A9-85B5C288E00F}"/>
          </ac:spMkLst>
        </pc:spChg>
        <pc:spChg chg="mod">
          <ac:chgData name="White, Alex" userId="eff6cc8c-37d8-483b-9c6c-6b27e9afa9bc" providerId="ADAL" clId="{BF04C754-5BF4-4E83-9615-DB14FA25AF8A}" dt="2023-10-12T11:38:42.377" v="307"/>
          <ac:spMkLst>
            <pc:docMk/>
            <pc:sldMk cId="2376958513" sldId="260"/>
            <ac:spMk id="13827" creationId="{05B78D27-09FE-F303-D153-0AE0D55A3525}"/>
          </ac:spMkLst>
        </pc:spChg>
        <pc:spChg chg="mod">
          <ac:chgData name="White, Alex" userId="eff6cc8c-37d8-483b-9c6c-6b27e9afa9bc" providerId="ADAL" clId="{BF04C754-5BF4-4E83-9615-DB14FA25AF8A}" dt="2023-10-12T11:38:42.377" v="307"/>
          <ac:spMkLst>
            <pc:docMk/>
            <pc:sldMk cId="2376958513" sldId="260"/>
            <ac:spMk id="13828" creationId="{6B3FDB21-4F6A-8C6C-BF84-7AF84BB3CEFB}"/>
          </ac:spMkLst>
        </pc:spChg>
        <pc:spChg chg="mod">
          <ac:chgData name="White, Alex" userId="eff6cc8c-37d8-483b-9c6c-6b27e9afa9bc" providerId="ADAL" clId="{BF04C754-5BF4-4E83-9615-DB14FA25AF8A}" dt="2023-10-12T11:38:42.377" v="307"/>
          <ac:spMkLst>
            <pc:docMk/>
            <pc:sldMk cId="2376958513" sldId="260"/>
            <ac:spMk id="13829" creationId="{BFF1907C-11EB-3F11-E445-69165853CE69}"/>
          </ac:spMkLst>
        </pc:spChg>
        <pc:spChg chg="mod">
          <ac:chgData name="White, Alex" userId="eff6cc8c-37d8-483b-9c6c-6b27e9afa9bc" providerId="ADAL" clId="{BF04C754-5BF4-4E83-9615-DB14FA25AF8A}" dt="2023-10-12T11:38:42.377" v="307"/>
          <ac:spMkLst>
            <pc:docMk/>
            <pc:sldMk cId="2376958513" sldId="260"/>
            <ac:spMk id="13830" creationId="{A45469E3-49DB-E5C6-4A29-FD25EAE62866}"/>
          </ac:spMkLst>
        </pc:spChg>
        <pc:spChg chg="mod">
          <ac:chgData name="White, Alex" userId="eff6cc8c-37d8-483b-9c6c-6b27e9afa9bc" providerId="ADAL" clId="{BF04C754-5BF4-4E83-9615-DB14FA25AF8A}" dt="2023-10-12T11:38:42.377" v="307"/>
          <ac:spMkLst>
            <pc:docMk/>
            <pc:sldMk cId="2376958513" sldId="260"/>
            <ac:spMk id="13831" creationId="{F83A607F-448A-461D-695B-58425F60B474}"/>
          </ac:spMkLst>
        </pc:spChg>
        <pc:spChg chg="mod">
          <ac:chgData name="White, Alex" userId="eff6cc8c-37d8-483b-9c6c-6b27e9afa9bc" providerId="ADAL" clId="{BF04C754-5BF4-4E83-9615-DB14FA25AF8A}" dt="2023-10-12T11:38:42.377" v="307"/>
          <ac:spMkLst>
            <pc:docMk/>
            <pc:sldMk cId="2376958513" sldId="260"/>
            <ac:spMk id="13832" creationId="{782713DE-1B69-AF70-30DC-0A3539673BA8}"/>
          </ac:spMkLst>
        </pc:spChg>
        <pc:spChg chg="mod">
          <ac:chgData name="White, Alex" userId="eff6cc8c-37d8-483b-9c6c-6b27e9afa9bc" providerId="ADAL" clId="{BF04C754-5BF4-4E83-9615-DB14FA25AF8A}" dt="2023-10-12T11:38:42.377" v="307"/>
          <ac:spMkLst>
            <pc:docMk/>
            <pc:sldMk cId="2376958513" sldId="260"/>
            <ac:spMk id="13833" creationId="{01CF20EB-5A70-4FB2-E887-9534659BC2B1}"/>
          </ac:spMkLst>
        </pc:spChg>
        <pc:spChg chg="mod">
          <ac:chgData name="White, Alex" userId="eff6cc8c-37d8-483b-9c6c-6b27e9afa9bc" providerId="ADAL" clId="{BF04C754-5BF4-4E83-9615-DB14FA25AF8A}" dt="2023-10-12T11:38:42.377" v="307"/>
          <ac:spMkLst>
            <pc:docMk/>
            <pc:sldMk cId="2376958513" sldId="260"/>
            <ac:spMk id="13834" creationId="{A905F639-D2D9-92E8-477E-8CFFFB7EA105}"/>
          </ac:spMkLst>
        </pc:spChg>
        <pc:spChg chg="mod">
          <ac:chgData name="White, Alex" userId="eff6cc8c-37d8-483b-9c6c-6b27e9afa9bc" providerId="ADAL" clId="{BF04C754-5BF4-4E83-9615-DB14FA25AF8A}" dt="2023-10-12T11:38:42.377" v="307"/>
          <ac:spMkLst>
            <pc:docMk/>
            <pc:sldMk cId="2376958513" sldId="260"/>
            <ac:spMk id="13835" creationId="{561C3010-8C5B-1920-42E2-BA2A3A8BBE6A}"/>
          </ac:spMkLst>
        </pc:spChg>
        <pc:spChg chg="mod">
          <ac:chgData name="White, Alex" userId="eff6cc8c-37d8-483b-9c6c-6b27e9afa9bc" providerId="ADAL" clId="{BF04C754-5BF4-4E83-9615-DB14FA25AF8A}" dt="2023-10-12T11:38:42.377" v="307"/>
          <ac:spMkLst>
            <pc:docMk/>
            <pc:sldMk cId="2376958513" sldId="260"/>
            <ac:spMk id="13836" creationId="{4D4175A4-85FA-6FA8-4717-B688AC98434B}"/>
          </ac:spMkLst>
        </pc:spChg>
        <pc:spChg chg="mod">
          <ac:chgData name="White, Alex" userId="eff6cc8c-37d8-483b-9c6c-6b27e9afa9bc" providerId="ADAL" clId="{BF04C754-5BF4-4E83-9615-DB14FA25AF8A}" dt="2023-10-12T11:38:42.377" v="307"/>
          <ac:spMkLst>
            <pc:docMk/>
            <pc:sldMk cId="2376958513" sldId="260"/>
            <ac:spMk id="13837" creationId="{0F4414F2-9257-16FF-1EF1-A10C301F0F78}"/>
          </ac:spMkLst>
        </pc:spChg>
        <pc:spChg chg="mod">
          <ac:chgData name="White, Alex" userId="eff6cc8c-37d8-483b-9c6c-6b27e9afa9bc" providerId="ADAL" clId="{BF04C754-5BF4-4E83-9615-DB14FA25AF8A}" dt="2023-10-12T11:38:42.377" v="307"/>
          <ac:spMkLst>
            <pc:docMk/>
            <pc:sldMk cId="2376958513" sldId="260"/>
            <ac:spMk id="13838" creationId="{9CEC88AA-04A6-4005-D1E1-57DDEB7DA1DC}"/>
          </ac:spMkLst>
        </pc:spChg>
        <pc:spChg chg="mod">
          <ac:chgData name="White, Alex" userId="eff6cc8c-37d8-483b-9c6c-6b27e9afa9bc" providerId="ADAL" clId="{BF04C754-5BF4-4E83-9615-DB14FA25AF8A}" dt="2023-10-12T11:38:42.377" v="307"/>
          <ac:spMkLst>
            <pc:docMk/>
            <pc:sldMk cId="2376958513" sldId="260"/>
            <ac:spMk id="13839" creationId="{D16F1AA6-3834-3B32-5BE7-02F3E400E057}"/>
          </ac:spMkLst>
        </pc:spChg>
        <pc:spChg chg="mod">
          <ac:chgData name="White, Alex" userId="eff6cc8c-37d8-483b-9c6c-6b27e9afa9bc" providerId="ADAL" clId="{BF04C754-5BF4-4E83-9615-DB14FA25AF8A}" dt="2023-10-12T11:38:42.377" v="307"/>
          <ac:spMkLst>
            <pc:docMk/>
            <pc:sldMk cId="2376958513" sldId="260"/>
            <ac:spMk id="13840" creationId="{1FA91AA9-330C-9AC0-F77F-28E24B99906E}"/>
          </ac:spMkLst>
        </pc:spChg>
        <pc:spChg chg="mod">
          <ac:chgData name="White, Alex" userId="eff6cc8c-37d8-483b-9c6c-6b27e9afa9bc" providerId="ADAL" clId="{BF04C754-5BF4-4E83-9615-DB14FA25AF8A}" dt="2023-10-12T11:38:42.377" v="307"/>
          <ac:spMkLst>
            <pc:docMk/>
            <pc:sldMk cId="2376958513" sldId="260"/>
            <ac:spMk id="13841" creationId="{744E48AF-8E55-8A7A-821E-1B58B1AE081F}"/>
          </ac:spMkLst>
        </pc:spChg>
        <pc:spChg chg="mod">
          <ac:chgData name="White, Alex" userId="eff6cc8c-37d8-483b-9c6c-6b27e9afa9bc" providerId="ADAL" clId="{BF04C754-5BF4-4E83-9615-DB14FA25AF8A}" dt="2023-10-12T11:38:42.377" v="307"/>
          <ac:spMkLst>
            <pc:docMk/>
            <pc:sldMk cId="2376958513" sldId="260"/>
            <ac:spMk id="13842" creationId="{6489DE53-5282-616D-7FAB-1304CFF2209C}"/>
          </ac:spMkLst>
        </pc:spChg>
        <pc:spChg chg="mod">
          <ac:chgData name="White, Alex" userId="eff6cc8c-37d8-483b-9c6c-6b27e9afa9bc" providerId="ADAL" clId="{BF04C754-5BF4-4E83-9615-DB14FA25AF8A}" dt="2023-10-12T11:38:42.377" v="307"/>
          <ac:spMkLst>
            <pc:docMk/>
            <pc:sldMk cId="2376958513" sldId="260"/>
            <ac:spMk id="13843" creationId="{2E672EB3-B60F-F175-B536-4076822677FA}"/>
          </ac:spMkLst>
        </pc:spChg>
        <pc:spChg chg="mod">
          <ac:chgData name="White, Alex" userId="eff6cc8c-37d8-483b-9c6c-6b27e9afa9bc" providerId="ADAL" clId="{BF04C754-5BF4-4E83-9615-DB14FA25AF8A}" dt="2023-10-12T11:38:42.377" v="307"/>
          <ac:spMkLst>
            <pc:docMk/>
            <pc:sldMk cId="2376958513" sldId="260"/>
            <ac:spMk id="13844" creationId="{B9F9390E-58C5-B61B-24B7-F2C08245A6B5}"/>
          </ac:spMkLst>
        </pc:spChg>
        <pc:spChg chg="mod">
          <ac:chgData name="White, Alex" userId="eff6cc8c-37d8-483b-9c6c-6b27e9afa9bc" providerId="ADAL" clId="{BF04C754-5BF4-4E83-9615-DB14FA25AF8A}" dt="2023-10-12T11:38:42.377" v="307"/>
          <ac:spMkLst>
            <pc:docMk/>
            <pc:sldMk cId="2376958513" sldId="260"/>
            <ac:spMk id="13845" creationId="{0AEA5707-27C2-F309-15CB-A96B6110F885}"/>
          </ac:spMkLst>
        </pc:spChg>
        <pc:spChg chg="mod">
          <ac:chgData name="White, Alex" userId="eff6cc8c-37d8-483b-9c6c-6b27e9afa9bc" providerId="ADAL" clId="{BF04C754-5BF4-4E83-9615-DB14FA25AF8A}" dt="2023-10-12T11:38:42.377" v="307"/>
          <ac:spMkLst>
            <pc:docMk/>
            <pc:sldMk cId="2376958513" sldId="260"/>
            <ac:spMk id="13846" creationId="{821AE1CF-E264-48B7-B2E8-DF81E0F563AF}"/>
          </ac:spMkLst>
        </pc:spChg>
        <pc:spChg chg="mod">
          <ac:chgData name="White, Alex" userId="eff6cc8c-37d8-483b-9c6c-6b27e9afa9bc" providerId="ADAL" clId="{BF04C754-5BF4-4E83-9615-DB14FA25AF8A}" dt="2023-10-12T11:38:42.377" v="307"/>
          <ac:spMkLst>
            <pc:docMk/>
            <pc:sldMk cId="2376958513" sldId="260"/>
            <ac:spMk id="13847" creationId="{A5477102-8418-EFC9-37C5-EB6F00924B7E}"/>
          </ac:spMkLst>
        </pc:spChg>
        <pc:spChg chg="mod">
          <ac:chgData name="White, Alex" userId="eff6cc8c-37d8-483b-9c6c-6b27e9afa9bc" providerId="ADAL" clId="{BF04C754-5BF4-4E83-9615-DB14FA25AF8A}" dt="2023-10-12T11:38:42.377" v="307"/>
          <ac:spMkLst>
            <pc:docMk/>
            <pc:sldMk cId="2376958513" sldId="260"/>
            <ac:spMk id="13848" creationId="{8F068041-EE43-A17E-9583-1BF70BE3E01F}"/>
          </ac:spMkLst>
        </pc:spChg>
        <pc:spChg chg="mod">
          <ac:chgData name="White, Alex" userId="eff6cc8c-37d8-483b-9c6c-6b27e9afa9bc" providerId="ADAL" clId="{BF04C754-5BF4-4E83-9615-DB14FA25AF8A}" dt="2023-10-12T11:38:42.377" v="307"/>
          <ac:spMkLst>
            <pc:docMk/>
            <pc:sldMk cId="2376958513" sldId="260"/>
            <ac:spMk id="13849" creationId="{2229B5EB-D6B4-C995-E36A-844241618653}"/>
          </ac:spMkLst>
        </pc:spChg>
        <pc:spChg chg="mod">
          <ac:chgData name="White, Alex" userId="eff6cc8c-37d8-483b-9c6c-6b27e9afa9bc" providerId="ADAL" clId="{BF04C754-5BF4-4E83-9615-DB14FA25AF8A}" dt="2023-10-12T11:38:42.377" v="307"/>
          <ac:spMkLst>
            <pc:docMk/>
            <pc:sldMk cId="2376958513" sldId="260"/>
            <ac:spMk id="13850" creationId="{7AD63A3F-759B-BD36-C264-140F888EA834}"/>
          </ac:spMkLst>
        </pc:spChg>
        <pc:spChg chg="mod">
          <ac:chgData name="White, Alex" userId="eff6cc8c-37d8-483b-9c6c-6b27e9afa9bc" providerId="ADAL" clId="{BF04C754-5BF4-4E83-9615-DB14FA25AF8A}" dt="2023-10-12T11:38:42.377" v="307"/>
          <ac:spMkLst>
            <pc:docMk/>
            <pc:sldMk cId="2376958513" sldId="260"/>
            <ac:spMk id="13851" creationId="{E7AD7006-170F-4388-279E-FC24C989B5B7}"/>
          </ac:spMkLst>
        </pc:spChg>
        <pc:spChg chg="mod">
          <ac:chgData name="White, Alex" userId="eff6cc8c-37d8-483b-9c6c-6b27e9afa9bc" providerId="ADAL" clId="{BF04C754-5BF4-4E83-9615-DB14FA25AF8A}" dt="2023-10-12T11:38:42.377" v="307"/>
          <ac:spMkLst>
            <pc:docMk/>
            <pc:sldMk cId="2376958513" sldId="260"/>
            <ac:spMk id="13852" creationId="{D3AC964F-04CD-84FA-25DF-9B76FF29B494}"/>
          </ac:spMkLst>
        </pc:spChg>
        <pc:spChg chg="mod">
          <ac:chgData name="White, Alex" userId="eff6cc8c-37d8-483b-9c6c-6b27e9afa9bc" providerId="ADAL" clId="{BF04C754-5BF4-4E83-9615-DB14FA25AF8A}" dt="2023-10-12T11:38:42.377" v="307"/>
          <ac:spMkLst>
            <pc:docMk/>
            <pc:sldMk cId="2376958513" sldId="260"/>
            <ac:spMk id="13853" creationId="{C377D126-5967-CCFB-53B6-AFA22414E2C8}"/>
          </ac:spMkLst>
        </pc:spChg>
        <pc:spChg chg="mod">
          <ac:chgData name="White, Alex" userId="eff6cc8c-37d8-483b-9c6c-6b27e9afa9bc" providerId="ADAL" clId="{BF04C754-5BF4-4E83-9615-DB14FA25AF8A}" dt="2023-10-12T11:38:42.377" v="307"/>
          <ac:spMkLst>
            <pc:docMk/>
            <pc:sldMk cId="2376958513" sldId="260"/>
            <ac:spMk id="13854" creationId="{F8A012D5-8542-D97F-0285-D3240F6B1F23}"/>
          </ac:spMkLst>
        </pc:spChg>
        <pc:spChg chg="mod">
          <ac:chgData name="White, Alex" userId="eff6cc8c-37d8-483b-9c6c-6b27e9afa9bc" providerId="ADAL" clId="{BF04C754-5BF4-4E83-9615-DB14FA25AF8A}" dt="2023-10-12T11:38:42.377" v="307"/>
          <ac:spMkLst>
            <pc:docMk/>
            <pc:sldMk cId="2376958513" sldId="260"/>
            <ac:spMk id="13855" creationId="{C3CAA317-1094-B85A-F091-995BABB4EA2C}"/>
          </ac:spMkLst>
        </pc:spChg>
        <pc:spChg chg="mod">
          <ac:chgData name="White, Alex" userId="eff6cc8c-37d8-483b-9c6c-6b27e9afa9bc" providerId="ADAL" clId="{BF04C754-5BF4-4E83-9615-DB14FA25AF8A}" dt="2023-10-12T11:38:42.377" v="307"/>
          <ac:spMkLst>
            <pc:docMk/>
            <pc:sldMk cId="2376958513" sldId="260"/>
            <ac:spMk id="13856" creationId="{C7D50892-F0E9-04E8-1E18-FA3D34153D15}"/>
          </ac:spMkLst>
        </pc:spChg>
        <pc:spChg chg="mod">
          <ac:chgData name="White, Alex" userId="eff6cc8c-37d8-483b-9c6c-6b27e9afa9bc" providerId="ADAL" clId="{BF04C754-5BF4-4E83-9615-DB14FA25AF8A}" dt="2023-10-12T11:38:42.377" v="307"/>
          <ac:spMkLst>
            <pc:docMk/>
            <pc:sldMk cId="2376958513" sldId="260"/>
            <ac:spMk id="13857" creationId="{2A4C24CA-064E-60D5-287C-AA1CA5B7063E}"/>
          </ac:spMkLst>
        </pc:spChg>
        <pc:spChg chg="mod">
          <ac:chgData name="White, Alex" userId="eff6cc8c-37d8-483b-9c6c-6b27e9afa9bc" providerId="ADAL" clId="{BF04C754-5BF4-4E83-9615-DB14FA25AF8A}" dt="2023-10-12T11:38:42.377" v="307"/>
          <ac:spMkLst>
            <pc:docMk/>
            <pc:sldMk cId="2376958513" sldId="260"/>
            <ac:spMk id="13858" creationId="{7D9D3A30-9736-C4D3-4C75-4170A2EAD856}"/>
          </ac:spMkLst>
        </pc:spChg>
        <pc:spChg chg="mod">
          <ac:chgData name="White, Alex" userId="eff6cc8c-37d8-483b-9c6c-6b27e9afa9bc" providerId="ADAL" clId="{BF04C754-5BF4-4E83-9615-DB14FA25AF8A}" dt="2023-10-12T11:38:42.377" v="307"/>
          <ac:spMkLst>
            <pc:docMk/>
            <pc:sldMk cId="2376958513" sldId="260"/>
            <ac:spMk id="13859" creationId="{F761CA12-EDCF-890E-8C39-84F7E14BDB2C}"/>
          </ac:spMkLst>
        </pc:spChg>
        <pc:spChg chg="mod">
          <ac:chgData name="White, Alex" userId="eff6cc8c-37d8-483b-9c6c-6b27e9afa9bc" providerId="ADAL" clId="{BF04C754-5BF4-4E83-9615-DB14FA25AF8A}" dt="2023-10-12T11:38:42.377" v="307"/>
          <ac:spMkLst>
            <pc:docMk/>
            <pc:sldMk cId="2376958513" sldId="260"/>
            <ac:spMk id="13860" creationId="{AD9253CB-506E-9129-7CBF-CC990CD99A6F}"/>
          </ac:spMkLst>
        </pc:spChg>
        <pc:spChg chg="mod">
          <ac:chgData name="White, Alex" userId="eff6cc8c-37d8-483b-9c6c-6b27e9afa9bc" providerId="ADAL" clId="{BF04C754-5BF4-4E83-9615-DB14FA25AF8A}" dt="2023-10-12T11:38:42.377" v="307"/>
          <ac:spMkLst>
            <pc:docMk/>
            <pc:sldMk cId="2376958513" sldId="260"/>
            <ac:spMk id="13861" creationId="{8DEFFBB9-27F0-B6E0-4333-28C04EEA2C88}"/>
          </ac:spMkLst>
        </pc:spChg>
        <pc:spChg chg="mod">
          <ac:chgData name="White, Alex" userId="eff6cc8c-37d8-483b-9c6c-6b27e9afa9bc" providerId="ADAL" clId="{BF04C754-5BF4-4E83-9615-DB14FA25AF8A}" dt="2023-10-12T11:38:42.377" v="307"/>
          <ac:spMkLst>
            <pc:docMk/>
            <pc:sldMk cId="2376958513" sldId="260"/>
            <ac:spMk id="13862" creationId="{0AA8BFD4-B956-E2D9-25FA-F80938D855B7}"/>
          </ac:spMkLst>
        </pc:spChg>
        <pc:spChg chg="mod">
          <ac:chgData name="White, Alex" userId="eff6cc8c-37d8-483b-9c6c-6b27e9afa9bc" providerId="ADAL" clId="{BF04C754-5BF4-4E83-9615-DB14FA25AF8A}" dt="2023-10-12T11:38:42.377" v="307"/>
          <ac:spMkLst>
            <pc:docMk/>
            <pc:sldMk cId="2376958513" sldId="260"/>
            <ac:spMk id="13863" creationId="{6678BB33-809B-3141-6C8B-DCCB0E6180C8}"/>
          </ac:spMkLst>
        </pc:spChg>
        <pc:spChg chg="mod">
          <ac:chgData name="White, Alex" userId="eff6cc8c-37d8-483b-9c6c-6b27e9afa9bc" providerId="ADAL" clId="{BF04C754-5BF4-4E83-9615-DB14FA25AF8A}" dt="2023-10-12T11:38:42.377" v="307"/>
          <ac:spMkLst>
            <pc:docMk/>
            <pc:sldMk cId="2376958513" sldId="260"/>
            <ac:spMk id="13864" creationId="{E1523B3D-812E-1217-A0E6-2F0F99E8DFBF}"/>
          </ac:spMkLst>
        </pc:spChg>
        <pc:spChg chg="mod">
          <ac:chgData name="White, Alex" userId="eff6cc8c-37d8-483b-9c6c-6b27e9afa9bc" providerId="ADAL" clId="{BF04C754-5BF4-4E83-9615-DB14FA25AF8A}" dt="2023-10-12T11:38:42.377" v="307"/>
          <ac:spMkLst>
            <pc:docMk/>
            <pc:sldMk cId="2376958513" sldId="260"/>
            <ac:spMk id="13865" creationId="{3B95B007-8798-0805-4FAB-836E865490E0}"/>
          </ac:spMkLst>
        </pc:spChg>
        <pc:spChg chg="mod">
          <ac:chgData name="White, Alex" userId="eff6cc8c-37d8-483b-9c6c-6b27e9afa9bc" providerId="ADAL" clId="{BF04C754-5BF4-4E83-9615-DB14FA25AF8A}" dt="2023-10-12T11:38:42.377" v="307"/>
          <ac:spMkLst>
            <pc:docMk/>
            <pc:sldMk cId="2376958513" sldId="260"/>
            <ac:spMk id="13866" creationId="{8719A98D-5F7E-9044-4BBA-68D2A11A08AD}"/>
          </ac:spMkLst>
        </pc:spChg>
        <pc:spChg chg="mod">
          <ac:chgData name="White, Alex" userId="eff6cc8c-37d8-483b-9c6c-6b27e9afa9bc" providerId="ADAL" clId="{BF04C754-5BF4-4E83-9615-DB14FA25AF8A}" dt="2023-10-12T11:38:42.377" v="307"/>
          <ac:spMkLst>
            <pc:docMk/>
            <pc:sldMk cId="2376958513" sldId="260"/>
            <ac:spMk id="13867" creationId="{4B95FB1F-8D15-CADF-F71D-1118851F3044}"/>
          </ac:spMkLst>
        </pc:spChg>
        <pc:spChg chg="mod">
          <ac:chgData name="White, Alex" userId="eff6cc8c-37d8-483b-9c6c-6b27e9afa9bc" providerId="ADAL" clId="{BF04C754-5BF4-4E83-9615-DB14FA25AF8A}" dt="2023-10-12T11:38:42.377" v="307"/>
          <ac:spMkLst>
            <pc:docMk/>
            <pc:sldMk cId="2376958513" sldId="260"/>
            <ac:spMk id="13868" creationId="{FA75B3A5-55E1-44C3-789C-4A5063B8C2D2}"/>
          </ac:spMkLst>
        </pc:spChg>
        <pc:spChg chg="mod">
          <ac:chgData name="White, Alex" userId="eff6cc8c-37d8-483b-9c6c-6b27e9afa9bc" providerId="ADAL" clId="{BF04C754-5BF4-4E83-9615-DB14FA25AF8A}" dt="2023-10-12T11:38:42.377" v="307"/>
          <ac:spMkLst>
            <pc:docMk/>
            <pc:sldMk cId="2376958513" sldId="260"/>
            <ac:spMk id="13869" creationId="{4E309BB7-E392-15A2-29BB-7B31B2795A4A}"/>
          </ac:spMkLst>
        </pc:spChg>
        <pc:spChg chg="mod">
          <ac:chgData name="White, Alex" userId="eff6cc8c-37d8-483b-9c6c-6b27e9afa9bc" providerId="ADAL" clId="{BF04C754-5BF4-4E83-9615-DB14FA25AF8A}" dt="2023-10-12T11:38:42.377" v="307"/>
          <ac:spMkLst>
            <pc:docMk/>
            <pc:sldMk cId="2376958513" sldId="260"/>
            <ac:spMk id="13870" creationId="{DD0DAEAD-A93E-B902-94E9-A088F412F371}"/>
          </ac:spMkLst>
        </pc:spChg>
        <pc:spChg chg="mod">
          <ac:chgData name="White, Alex" userId="eff6cc8c-37d8-483b-9c6c-6b27e9afa9bc" providerId="ADAL" clId="{BF04C754-5BF4-4E83-9615-DB14FA25AF8A}" dt="2023-10-12T11:38:42.377" v="307"/>
          <ac:spMkLst>
            <pc:docMk/>
            <pc:sldMk cId="2376958513" sldId="260"/>
            <ac:spMk id="13871" creationId="{8273967A-2DA6-79D5-FF46-EE2B49B8C3A0}"/>
          </ac:spMkLst>
        </pc:spChg>
        <pc:spChg chg="mod">
          <ac:chgData name="White, Alex" userId="eff6cc8c-37d8-483b-9c6c-6b27e9afa9bc" providerId="ADAL" clId="{BF04C754-5BF4-4E83-9615-DB14FA25AF8A}" dt="2023-10-12T11:38:42.377" v="307"/>
          <ac:spMkLst>
            <pc:docMk/>
            <pc:sldMk cId="2376958513" sldId="260"/>
            <ac:spMk id="13872" creationId="{1A6402B2-D3CD-4574-E92A-A75A5B3D8A89}"/>
          </ac:spMkLst>
        </pc:spChg>
        <pc:spChg chg="mod">
          <ac:chgData name="White, Alex" userId="eff6cc8c-37d8-483b-9c6c-6b27e9afa9bc" providerId="ADAL" clId="{BF04C754-5BF4-4E83-9615-DB14FA25AF8A}" dt="2023-10-12T11:38:42.377" v="307"/>
          <ac:spMkLst>
            <pc:docMk/>
            <pc:sldMk cId="2376958513" sldId="260"/>
            <ac:spMk id="13873" creationId="{60432AF2-29BC-4F86-8696-C21F53692025}"/>
          </ac:spMkLst>
        </pc:spChg>
        <pc:spChg chg="mod">
          <ac:chgData name="White, Alex" userId="eff6cc8c-37d8-483b-9c6c-6b27e9afa9bc" providerId="ADAL" clId="{BF04C754-5BF4-4E83-9615-DB14FA25AF8A}" dt="2023-10-12T11:38:42.377" v="307"/>
          <ac:spMkLst>
            <pc:docMk/>
            <pc:sldMk cId="2376958513" sldId="260"/>
            <ac:spMk id="13874" creationId="{8F16FCE7-BABC-B0F3-108A-E15D82CA54C2}"/>
          </ac:spMkLst>
        </pc:spChg>
        <pc:spChg chg="mod">
          <ac:chgData name="White, Alex" userId="eff6cc8c-37d8-483b-9c6c-6b27e9afa9bc" providerId="ADAL" clId="{BF04C754-5BF4-4E83-9615-DB14FA25AF8A}" dt="2023-10-12T11:38:42.377" v="307"/>
          <ac:spMkLst>
            <pc:docMk/>
            <pc:sldMk cId="2376958513" sldId="260"/>
            <ac:spMk id="13875" creationId="{9ACBE0C4-E183-B0D3-3B34-AA9347FC4032}"/>
          </ac:spMkLst>
        </pc:spChg>
        <pc:spChg chg="mod">
          <ac:chgData name="White, Alex" userId="eff6cc8c-37d8-483b-9c6c-6b27e9afa9bc" providerId="ADAL" clId="{BF04C754-5BF4-4E83-9615-DB14FA25AF8A}" dt="2023-10-12T11:38:42.377" v="307"/>
          <ac:spMkLst>
            <pc:docMk/>
            <pc:sldMk cId="2376958513" sldId="260"/>
            <ac:spMk id="13876" creationId="{CF550F47-11E7-6815-E32F-86CC71CFF9D5}"/>
          </ac:spMkLst>
        </pc:spChg>
        <pc:spChg chg="mod">
          <ac:chgData name="White, Alex" userId="eff6cc8c-37d8-483b-9c6c-6b27e9afa9bc" providerId="ADAL" clId="{BF04C754-5BF4-4E83-9615-DB14FA25AF8A}" dt="2023-10-12T11:38:42.377" v="307"/>
          <ac:spMkLst>
            <pc:docMk/>
            <pc:sldMk cId="2376958513" sldId="260"/>
            <ac:spMk id="13877" creationId="{77E7EB76-35EE-54D2-46FE-679EC5485F82}"/>
          </ac:spMkLst>
        </pc:spChg>
        <pc:spChg chg="mod">
          <ac:chgData name="White, Alex" userId="eff6cc8c-37d8-483b-9c6c-6b27e9afa9bc" providerId="ADAL" clId="{BF04C754-5BF4-4E83-9615-DB14FA25AF8A}" dt="2023-10-12T11:38:42.377" v="307"/>
          <ac:spMkLst>
            <pc:docMk/>
            <pc:sldMk cId="2376958513" sldId="260"/>
            <ac:spMk id="13878" creationId="{C175DA5A-863D-7BE0-C8EF-2B75F3F247B6}"/>
          </ac:spMkLst>
        </pc:spChg>
        <pc:spChg chg="mod">
          <ac:chgData name="White, Alex" userId="eff6cc8c-37d8-483b-9c6c-6b27e9afa9bc" providerId="ADAL" clId="{BF04C754-5BF4-4E83-9615-DB14FA25AF8A}" dt="2023-10-12T11:38:42.377" v="307"/>
          <ac:spMkLst>
            <pc:docMk/>
            <pc:sldMk cId="2376958513" sldId="260"/>
            <ac:spMk id="13879" creationId="{47861AFF-2491-43AC-5029-05CC5CE4E34D}"/>
          </ac:spMkLst>
        </pc:spChg>
        <pc:spChg chg="mod">
          <ac:chgData name="White, Alex" userId="eff6cc8c-37d8-483b-9c6c-6b27e9afa9bc" providerId="ADAL" clId="{BF04C754-5BF4-4E83-9615-DB14FA25AF8A}" dt="2023-10-12T11:38:42.377" v="307"/>
          <ac:spMkLst>
            <pc:docMk/>
            <pc:sldMk cId="2376958513" sldId="260"/>
            <ac:spMk id="13880" creationId="{41F00D7E-947C-CF58-959A-D526B9EE1362}"/>
          </ac:spMkLst>
        </pc:spChg>
        <pc:spChg chg="mod">
          <ac:chgData name="White, Alex" userId="eff6cc8c-37d8-483b-9c6c-6b27e9afa9bc" providerId="ADAL" clId="{BF04C754-5BF4-4E83-9615-DB14FA25AF8A}" dt="2023-10-12T11:38:42.377" v="307"/>
          <ac:spMkLst>
            <pc:docMk/>
            <pc:sldMk cId="2376958513" sldId="260"/>
            <ac:spMk id="13881" creationId="{6A27E0C6-7804-938F-C528-71BE739445E2}"/>
          </ac:spMkLst>
        </pc:spChg>
        <pc:spChg chg="mod">
          <ac:chgData name="White, Alex" userId="eff6cc8c-37d8-483b-9c6c-6b27e9afa9bc" providerId="ADAL" clId="{BF04C754-5BF4-4E83-9615-DB14FA25AF8A}" dt="2023-10-12T11:38:42.377" v="307"/>
          <ac:spMkLst>
            <pc:docMk/>
            <pc:sldMk cId="2376958513" sldId="260"/>
            <ac:spMk id="13882" creationId="{95089BF7-0737-94DE-CDB0-BAD65C87A3C3}"/>
          </ac:spMkLst>
        </pc:spChg>
        <pc:spChg chg="mod">
          <ac:chgData name="White, Alex" userId="eff6cc8c-37d8-483b-9c6c-6b27e9afa9bc" providerId="ADAL" clId="{BF04C754-5BF4-4E83-9615-DB14FA25AF8A}" dt="2023-10-12T11:38:42.377" v="307"/>
          <ac:spMkLst>
            <pc:docMk/>
            <pc:sldMk cId="2376958513" sldId="260"/>
            <ac:spMk id="13883" creationId="{1595D6FB-BD84-0A18-7A6A-89C7DCE683FF}"/>
          </ac:spMkLst>
        </pc:spChg>
        <pc:spChg chg="mod">
          <ac:chgData name="White, Alex" userId="eff6cc8c-37d8-483b-9c6c-6b27e9afa9bc" providerId="ADAL" clId="{BF04C754-5BF4-4E83-9615-DB14FA25AF8A}" dt="2023-10-12T11:38:42.377" v="307"/>
          <ac:spMkLst>
            <pc:docMk/>
            <pc:sldMk cId="2376958513" sldId="260"/>
            <ac:spMk id="13884" creationId="{999CBACA-5EE9-5C9E-E7E5-EA0A05622CCC}"/>
          </ac:spMkLst>
        </pc:spChg>
        <pc:spChg chg="mod">
          <ac:chgData name="White, Alex" userId="eff6cc8c-37d8-483b-9c6c-6b27e9afa9bc" providerId="ADAL" clId="{BF04C754-5BF4-4E83-9615-DB14FA25AF8A}" dt="2023-10-12T11:38:42.377" v="307"/>
          <ac:spMkLst>
            <pc:docMk/>
            <pc:sldMk cId="2376958513" sldId="260"/>
            <ac:spMk id="13885" creationId="{4C04365F-3C63-3CBD-DFBB-495974061ECE}"/>
          </ac:spMkLst>
        </pc:spChg>
        <pc:spChg chg="mod">
          <ac:chgData name="White, Alex" userId="eff6cc8c-37d8-483b-9c6c-6b27e9afa9bc" providerId="ADAL" clId="{BF04C754-5BF4-4E83-9615-DB14FA25AF8A}" dt="2023-10-12T11:38:42.377" v="307"/>
          <ac:spMkLst>
            <pc:docMk/>
            <pc:sldMk cId="2376958513" sldId="260"/>
            <ac:spMk id="13886" creationId="{BDA82C15-0C7C-51E0-C138-5CB561AF3DA4}"/>
          </ac:spMkLst>
        </pc:spChg>
        <pc:spChg chg="mod">
          <ac:chgData name="White, Alex" userId="eff6cc8c-37d8-483b-9c6c-6b27e9afa9bc" providerId="ADAL" clId="{BF04C754-5BF4-4E83-9615-DB14FA25AF8A}" dt="2023-10-12T11:38:42.377" v="307"/>
          <ac:spMkLst>
            <pc:docMk/>
            <pc:sldMk cId="2376958513" sldId="260"/>
            <ac:spMk id="13887" creationId="{9CA01178-32A2-D760-3429-A264603E0D2C}"/>
          </ac:spMkLst>
        </pc:spChg>
        <pc:spChg chg="mod">
          <ac:chgData name="White, Alex" userId="eff6cc8c-37d8-483b-9c6c-6b27e9afa9bc" providerId="ADAL" clId="{BF04C754-5BF4-4E83-9615-DB14FA25AF8A}" dt="2023-10-12T11:38:42.377" v="307"/>
          <ac:spMkLst>
            <pc:docMk/>
            <pc:sldMk cId="2376958513" sldId="260"/>
            <ac:spMk id="13888" creationId="{F065745E-1596-2422-E3E5-4A074973D5C6}"/>
          </ac:spMkLst>
        </pc:spChg>
        <pc:spChg chg="mod">
          <ac:chgData name="White, Alex" userId="eff6cc8c-37d8-483b-9c6c-6b27e9afa9bc" providerId="ADAL" clId="{BF04C754-5BF4-4E83-9615-DB14FA25AF8A}" dt="2023-10-12T11:38:42.377" v="307"/>
          <ac:spMkLst>
            <pc:docMk/>
            <pc:sldMk cId="2376958513" sldId="260"/>
            <ac:spMk id="13889" creationId="{E60DA243-B6A4-F0A7-6B3E-CDEF43C7D5ED}"/>
          </ac:spMkLst>
        </pc:spChg>
        <pc:spChg chg="mod">
          <ac:chgData name="White, Alex" userId="eff6cc8c-37d8-483b-9c6c-6b27e9afa9bc" providerId="ADAL" clId="{BF04C754-5BF4-4E83-9615-DB14FA25AF8A}" dt="2023-10-12T11:38:42.377" v="307"/>
          <ac:spMkLst>
            <pc:docMk/>
            <pc:sldMk cId="2376958513" sldId="260"/>
            <ac:spMk id="13890" creationId="{F7B7C514-ADA7-DAF0-68B2-92B8D5FF39B3}"/>
          </ac:spMkLst>
        </pc:spChg>
        <pc:spChg chg="mod">
          <ac:chgData name="White, Alex" userId="eff6cc8c-37d8-483b-9c6c-6b27e9afa9bc" providerId="ADAL" clId="{BF04C754-5BF4-4E83-9615-DB14FA25AF8A}" dt="2023-10-12T11:38:42.377" v="307"/>
          <ac:spMkLst>
            <pc:docMk/>
            <pc:sldMk cId="2376958513" sldId="260"/>
            <ac:spMk id="13891" creationId="{41B94FF2-A471-1F59-DD1C-76C7C792EF5A}"/>
          </ac:spMkLst>
        </pc:spChg>
        <pc:spChg chg="mod">
          <ac:chgData name="White, Alex" userId="eff6cc8c-37d8-483b-9c6c-6b27e9afa9bc" providerId="ADAL" clId="{BF04C754-5BF4-4E83-9615-DB14FA25AF8A}" dt="2023-10-12T11:38:42.377" v="307"/>
          <ac:spMkLst>
            <pc:docMk/>
            <pc:sldMk cId="2376958513" sldId="260"/>
            <ac:spMk id="13892" creationId="{86565562-D451-D905-A8EA-DDD7AC0C1C8C}"/>
          </ac:spMkLst>
        </pc:spChg>
        <pc:spChg chg="mod">
          <ac:chgData name="White, Alex" userId="eff6cc8c-37d8-483b-9c6c-6b27e9afa9bc" providerId="ADAL" clId="{BF04C754-5BF4-4E83-9615-DB14FA25AF8A}" dt="2023-10-12T11:38:42.377" v="307"/>
          <ac:spMkLst>
            <pc:docMk/>
            <pc:sldMk cId="2376958513" sldId="260"/>
            <ac:spMk id="13893" creationId="{6800DB03-670E-E649-3D66-67B9887F0D49}"/>
          </ac:spMkLst>
        </pc:spChg>
        <pc:spChg chg="mod">
          <ac:chgData name="White, Alex" userId="eff6cc8c-37d8-483b-9c6c-6b27e9afa9bc" providerId="ADAL" clId="{BF04C754-5BF4-4E83-9615-DB14FA25AF8A}" dt="2023-10-12T11:38:42.377" v="307"/>
          <ac:spMkLst>
            <pc:docMk/>
            <pc:sldMk cId="2376958513" sldId="260"/>
            <ac:spMk id="13894" creationId="{BAD58E9C-2483-3225-C15B-6158DDCB467D}"/>
          </ac:spMkLst>
        </pc:spChg>
        <pc:spChg chg="mod">
          <ac:chgData name="White, Alex" userId="eff6cc8c-37d8-483b-9c6c-6b27e9afa9bc" providerId="ADAL" clId="{BF04C754-5BF4-4E83-9615-DB14FA25AF8A}" dt="2023-10-12T11:38:42.377" v="307"/>
          <ac:spMkLst>
            <pc:docMk/>
            <pc:sldMk cId="2376958513" sldId="260"/>
            <ac:spMk id="13895" creationId="{05FED850-610B-C1CC-628B-011E3341C7CB}"/>
          </ac:spMkLst>
        </pc:spChg>
        <pc:spChg chg="mod">
          <ac:chgData name="White, Alex" userId="eff6cc8c-37d8-483b-9c6c-6b27e9afa9bc" providerId="ADAL" clId="{BF04C754-5BF4-4E83-9615-DB14FA25AF8A}" dt="2023-10-12T11:38:42.377" v="307"/>
          <ac:spMkLst>
            <pc:docMk/>
            <pc:sldMk cId="2376958513" sldId="260"/>
            <ac:spMk id="13896" creationId="{11C3057B-C69E-9CFC-C15E-89D19DB9ADD1}"/>
          </ac:spMkLst>
        </pc:spChg>
        <pc:spChg chg="mod">
          <ac:chgData name="White, Alex" userId="eff6cc8c-37d8-483b-9c6c-6b27e9afa9bc" providerId="ADAL" clId="{BF04C754-5BF4-4E83-9615-DB14FA25AF8A}" dt="2023-10-12T11:38:42.377" v="307"/>
          <ac:spMkLst>
            <pc:docMk/>
            <pc:sldMk cId="2376958513" sldId="260"/>
            <ac:spMk id="13897" creationId="{1D80A92F-3E53-B3FF-2458-826FC4AC68B8}"/>
          </ac:spMkLst>
        </pc:spChg>
        <pc:spChg chg="mod">
          <ac:chgData name="White, Alex" userId="eff6cc8c-37d8-483b-9c6c-6b27e9afa9bc" providerId="ADAL" clId="{BF04C754-5BF4-4E83-9615-DB14FA25AF8A}" dt="2023-10-12T11:38:42.377" v="307"/>
          <ac:spMkLst>
            <pc:docMk/>
            <pc:sldMk cId="2376958513" sldId="260"/>
            <ac:spMk id="13898" creationId="{76B4321C-ED72-D2FD-18C1-AFEC5A4C6E48}"/>
          </ac:spMkLst>
        </pc:spChg>
        <pc:spChg chg="mod">
          <ac:chgData name="White, Alex" userId="eff6cc8c-37d8-483b-9c6c-6b27e9afa9bc" providerId="ADAL" clId="{BF04C754-5BF4-4E83-9615-DB14FA25AF8A}" dt="2023-10-12T11:38:42.377" v="307"/>
          <ac:spMkLst>
            <pc:docMk/>
            <pc:sldMk cId="2376958513" sldId="260"/>
            <ac:spMk id="13899" creationId="{E77A1832-8BB0-AD92-AB05-C1BB6A7534A8}"/>
          </ac:spMkLst>
        </pc:spChg>
        <pc:spChg chg="mod">
          <ac:chgData name="White, Alex" userId="eff6cc8c-37d8-483b-9c6c-6b27e9afa9bc" providerId="ADAL" clId="{BF04C754-5BF4-4E83-9615-DB14FA25AF8A}" dt="2023-10-12T11:38:42.377" v="307"/>
          <ac:spMkLst>
            <pc:docMk/>
            <pc:sldMk cId="2376958513" sldId="260"/>
            <ac:spMk id="13900" creationId="{3F21CD30-E23A-012B-A13B-856EE0673BC1}"/>
          </ac:spMkLst>
        </pc:spChg>
        <pc:spChg chg="mod">
          <ac:chgData name="White, Alex" userId="eff6cc8c-37d8-483b-9c6c-6b27e9afa9bc" providerId="ADAL" clId="{BF04C754-5BF4-4E83-9615-DB14FA25AF8A}" dt="2023-10-12T11:38:42.377" v="307"/>
          <ac:spMkLst>
            <pc:docMk/>
            <pc:sldMk cId="2376958513" sldId="260"/>
            <ac:spMk id="13901" creationId="{5CD00AA1-EC64-9FD4-5AC7-ECC2E962CE1E}"/>
          </ac:spMkLst>
        </pc:spChg>
        <pc:spChg chg="mod">
          <ac:chgData name="White, Alex" userId="eff6cc8c-37d8-483b-9c6c-6b27e9afa9bc" providerId="ADAL" clId="{BF04C754-5BF4-4E83-9615-DB14FA25AF8A}" dt="2023-10-12T11:38:42.377" v="307"/>
          <ac:spMkLst>
            <pc:docMk/>
            <pc:sldMk cId="2376958513" sldId="260"/>
            <ac:spMk id="13902" creationId="{15617F75-1F27-3A87-9FF4-3EAB946F1187}"/>
          </ac:spMkLst>
        </pc:spChg>
        <pc:spChg chg="mod">
          <ac:chgData name="White, Alex" userId="eff6cc8c-37d8-483b-9c6c-6b27e9afa9bc" providerId="ADAL" clId="{BF04C754-5BF4-4E83-9615-DB14FA25AF8A}" dt="2023-10-12T11:38:42.377" v="307"/>
          <ac:spMkLst>
            <pc:docMk/>
            <pc:sldMk cId="2376958513" sldId="260"/>
            <ac:spMk id="13903" creationId="{1BA6F2CE-DD84-4F44-5C51-CFFA7A7BF456}"/>
          </ac:spMkLst>
        </pc:spChg>
        <pc:spChg chg="mod">
          <ac:chgData name="White, Alex" userId="eff6cc8c-37d8-483b-9c6c-6b27e9afa9bc" providerId="ADAL" clId="{BF04C754-5BF4-4E83-9615-DB14FA25AF8A}" dt="2023-10-12T11:38:42.377" v="307"/>
          <ac:spMkLst>
            <pc:docMk/>
            <pc:sldMk cId="2376958513" sldId="260"/>
            <ac:spMk id="13904" creationId="{C73AF6AF-6317-EA9F-C174-05C9C7859954}"/>
          </ac:spMkLst>
        </pc:spChg>
        <pc:spChg chg="mod">
          <ac:chgData name="White, Alex" userId="eff6cc8c-37d8-483b-9c6c-6b27e9afa9bc" providerId="ADAL" clId="{BF04C754-5BF4-4E83-9615-DB14FA25AF8A}" dt="2023-10-12T11:38:42.377" v="307"/>
          <ac:spMkLst>
            <pc:docMk/>
            <pc:sldMk cId="2376958513" sldId="260"/>
            <ac:spMk id="13905" creationId="{1FBB9A8F-9857-7434-1530-D77F7876ABC5}"/>
          </ac:spMkLst>
        </pc:spChg>
        <pc:spChg chg="mod">
          <ac:chgData name="White, Alex" userId="eff6cc8c-37d8-483b-9c6c-6b27e9afa9bc" providerId="ADAL" clId="{BF04C754-5BF4-4E83-9615-DB14FA25AF8A}" dt="2023-10-12T11:38:42.377" v="307"/>
          <ac:spMkLst>
            <pc:docMk/>
            <pc:sldMk cId="2376958513" sldId="260"/>
            <ac:spMk id="13906" creationId="{644B58E4-210B-F0B6-237E-7945B74402FB}"/>
          </ac:spMkLst>
        </pc:spChg>
        <pc:spChg chg="mod">
          <ac:chgData name="White, Alex" userId="eff6cc8c-37d8-483b-9c6c-6b27e9afa9bc" providerId="ADAL" clId="{BF04C754-5BF4-4E83-9615-DB14FA25AF8A}" dt="2023-10-12T11:38:42.377" v="307"/>
          <ac:spMkLst>
            <pc:docMk/>
            <pc:sldMk cId="2376958513" sldId="260"/>
            <ac:spMk id="13907" creationId="{04117E5B-EA3A-E59E-B26B-2B3EE16EEB2D}"/>
          </ac:spMkLst>
        </pc:spChg>
        <pc:spChg chg="mod">
          <ac:chgData name="White, Alex" userId="eff6cc8c-37d8-483b-9c6c-6b27e9afa9bc" providerId="ADAL" clId="{BF04C754-5BF4-4E83-9615-DB14FA25AF8A}" dt="2023-10-12T11:38:42.377" v="307"/>
          <ac:spMkLst>
            <pc:docMk/>
            <pc:sldMk cId="2376958513" sldId="260"/>
            <ac:spMk id="13908" creationId="{27DB43E0-20A1-9021-FA52-446B8906284D}"/>
          </ac:spMkLst>
        </pc:spChg>
        <pc:spChg chg="mod">
          <ac:chgData name="White, Alex" userId="eff6cc8c-37d8-483b-9c6c-6b27e9afa9bc" providerId="ADAL" clId="{BF04C754-5BF4-4E83-9615-DB14FA25AF8A}" dt="2023-10-12T11:38:42.377" v="307"/>
          <ac:spMkLst>
            <pc:docMk/>
            <pc:sldMk cId="2376958513" sldId="260"/>
            <ac:spMk id="13909" creationId="{03008EF5-7F4B-8E2F-D876-9C821AFF4BC8}"/>
          </ac:spMkLst>
        </pc:spChg>
        <pc:spChg chg="mod">
          <ac:chgData name="White, Alex" userId="eff6cc8c-37d8-483b-9c6c-6b27e9afa9bc" providerId="ADAL" clId="{BF04C754-5BF4-4E83-9615-DB14FA25AF8A}" dt="2023-10-12T11:38:42.377" v="307"/>
          <ac:spMkLst>
            <pc:docMk/>
            <pc:sldMk cId="2376958513" sldId="260"/>
            <ac:spMk id="13910" creationId="{F3B63813-B795-87A6-A01D-A8B5D54C3A04}"/>
          </ac:spMkLst>
        </pc:spChg>
        <pc:spChg chg="mod">
          <ac:chgData name="White, Alex" userId="eff6cc8c-37d8-483b-9c6c-6b27e9afa9bc" providerId="ADAL" clId="{BF04C754-5BF4-4E83-9615-DB14FA25AF8A}" dt="2023-10-12T11:38:42.377" v="307"/>
          <ac:spMkLst>
            <pc:docMk/>
            <pc:sldMk cId="2376958513" sldId="260"/>
            <ac:spMk id="13911" creationId="{3E8686F0-80E1-4D28-DDC0-A996D987E83B}"/>
          </ac:spMkLst>
        </pc:spChg>
        <pc:spChg chg="mod">
          <ac:chgData name="White, Alex" userId="eff6cc8c-37d8-483b-9c6c-6b27e9afa9bc" providerId="ADAL" clId="{BF04C754-5BF4-4E83-9615-DB14FA25AF8A}" dt="2023-10-12T11:38:42.377" v="307"/>
          <ac:spMkLst>
            <pc:docMk/>
            <pc:sldMk cId="2376958513" sldId="260"/>
            <ac:spMk id="13912" creationId="{CADE962A-F3C2-B168-5FEA-7AC76B9DA8D6}"/>
          </ac:spMkLst>
        </pc:spChg>
        <pc:spChg chg="mod">
          <ac:chgData name="White, Alex" userId="eff6cc8c-37d8-483b-9c6c-6b27e9afa9bc" providerId="ADAL" clId="{BF04C754-5BF4-4E83-9615-DB14FA25AF8A}" dt="2023-10-12T11:38:42.377" v="307"/>
          <ac:spMkLst>
            <pc:docMk/>
            <pc:sldMk cId="2376958513" sldId="260"/>
            <ac:spMk id="13913" creationId="{3CFDAB66-2644-AD05-FD4A-1D042C97B9C8}"/>
          </ac:spMkLst>
        </pc:spChg>
        <pc:spChg chg="mod">
          <ac:chgData name="White, Alex" userId="eff6cc8c-37d8-483b-9c6c-6b27e9afa9bc" providerId="ADAL" clId="{BF04C754-5BF4-4E83-9615-DB14FA25AF8A}" dt="2023-10-12T11:38:42.377" v="307"/>
          <ac:spMkLst>
            <pc:docMk/>
            <pc:sldMk cId="2376958513" sldId="260"/>
            <ac:spMk id="13914" creationId="{7BD9543D-EC1B-CDD7-F602-A06D266BFA15}"/>
          </ac:spMkLst>
        </pc:spChg>
        <pc:spChg chg="mod">
          <ac:chgData name="White, Alex" userId="eff6cc8c-37d8-483b-9c6c-6b27e9afa9bc" providerId="ADAL" clId="{BF04C754-5BF4-4E83-9615-DB14FA25AF8A}" dt="2023-10-12T11:38:42.377" v="307"/>
          <ac:spMkLst>
            <pc:docMk/>
            <pc:sldMk cId="2376958513" sldId="260"/>
            <ac:spMk id="13915" creationId="{5983470A-0453-AA36-24D0-6432019A3ABF}"/>
          </ac:spMkLst>
        </pc:spChg>
        <pc:spChg chg="mod">
          <ac:chgData name="White, Alex" userId="eff6cc8c-37d8-483b-9c6c-6b27e9afa9bc" providerId="ADAL" clId="{BF04C754-5BF4-4E83-9615-DB14FA25AF8A}" dt="2023-10-12T11:38:42.377" v="307"/>
          <ac:spMkLst>
            <pc:docMk/>
            <pc:sldMk cId="2376958513" sldId="260"/>
            <ac:spMk id="13916" creationId="{F78E012A-D393-8A95-68D9-57A7AFF8A068}"/>
          </ac:spMkLst>
        </pc:spChg>
        <pc:spChg chg="mod">
          <ac:chgData name="White, Alex" userId="eff6cc8c-37d8-483b-9c6c-6b27e9afa9bc" providerId="ADAL" clId="{BF04C754-5BF4-4E83-9615-DB14FA25AF8A}" dt="2023-10-12T11:38:42.377" v="307"/>
          <ac:spMkLst>
            <pc:docMk/>
            <pc:sldMk cId="2376958513" sldId="260"/>
            <ac:spMk id="13917" creationId="{803971CE-0648-3BBD-6B34-6290ED9D48CD}"/>
          </ac:spMkLst>
        </pc:spChg>
        <pc:spChg chg="mod">
          <ac:chgData name="White, Alex" userId="eff6cc8c-37d8-483b-9c6c-6b27e9afa9bc" providerId="ADAL" clId="{BF04C754-5BF4-4E83-9615-DB14FA25AF8A}" dt="2023-10-12T11:38:42.377" v="307"/>
          <ac:spMkLst>
            <pc:docMk/>
            <pc:sldMk cId="2376958513" sldId="260"/>
            <ac:spMk id="13918" creationId="{E2917F01-F542-D35B-E0DE-E9731E2B2327}"/>
          </ac:spMkLst>
        </pc:spChg>
        <pc:spChg chg="mod">
          <ac:chgData name="White, Alex" userId="eff6cc8c-37d8-483b-9c6c-6b27e9afa9bc" providerId="ADAL" clId="{BF04C754-5BF4-4E83-9615-DB14FA25AF8A}" dt="2023-10-12T11:38:42.377" v="307"/>
          <ac:spMkLst>
            <pc:docMk/>
            <pc:sldMk cId="2376958513" sldId="260"/>
            <ac:spMk id="13919" creationId="{A2E66C23-698B-E43B-57EE-E8C89CECD541}"/>
          </ac:spMkLst>
        </pc:spChg>
        <pc:spChg chg="mod">
          <ac:chgData name="White, Alex" userId="eff6cc8c-37d8-483b-9c6c-6b27e9afa9bc" providerId="ADAL" clId="{BF04C754-5BF4-4E83-9615-DB14FA25AF8A}" dt="2023-10-12T11:38:42.377" v="307"/>
          <ac:spMkLst>
            <pc:docMk/>
            <pc:sldMk cId="2376958513" sldId="260"/>
            <ac:spMk id="13920" creationId="{8ABF8A11-B247-83AD-4357-60CDCF6F1B62}"/>
          </ac:spMkLst>
        </pc:spChg>
        <pc:spChg chg="mod">
          <ac:chgData name="White, Alex" userId="eff6cc8c-37d8-483b-9c6c-6b27e9afa9bc" providerId="ADAL" clId="{BF04C754-5BF4-4E83-9615-DB14FA25AF8A}" dt="2023-10-12T11:38:42.377" v="307"/>
          <ac:spMkLst>
            <pc:docMk/>
            <pc:sldMk cId="2376958513" sldId="260"/>
            <ac:spMk id="13921" creationId="{A960CBF8-620B-3867-7A45-51BFE9790C3F}"/>
          </ac:spMkLst>
        </pc:spChg>
        <pc:spChg chg="mod">
          <ac:chgData name="White, Alex" userId="eff6cc8c-37d8-483b-9c6c-6b27e9afa9bc" providerId="ADAL" clId="{BF04C754-5BF4-4E83-9615-DB14FA25AF8A}" dt="2023-10-12T11:38:42.377" v="307"/>
          <ac:spMkLst>
            <pc:docMk/>
            <pc:sldMk cId="2376958513" sldId="260"/>
            <ac:spMk id="13922" creationId="{1DF24BE6-3DE1-4F0B-1804-CE839E9FAF99}"/>
          </ac:spMkLst>
        </pc:spChg>
        <pc:spChg chg="mod">
          <ac:chgData name="White, Alex" userId="eff6cc8c-37d8-483b-9c6c-6b27e9afa9bc" providerId="ADAL" clId="{BF04C754-5BF4-4E83-9615-DB14FA25AF8A}" dt="2023-10-12T11:38:42.377" v="307"/>
          <ac:spMkLst>
            <pc:docMk/>
            <pc:sldMk cId="2376958513" sldId="260"/>
            <ac:spMk id="13923" creationId="{BB24917B-0007-A8A1-CF99-B2700D0A1789}"/>
          </ac:spMkLst>
        </pc:spChg>
        <pc:spChg chg="mod">
          <ac:chgData name="White, Alex" userId="eff6cc8c-37d8-483b-9c6c-6b27e9afa9bc" providerId="ADAL" clId="{BF04C754-5BF4-4E83-9615-DB14FA25AF8A}" dt="2023-10-12T11:38:42.377" v="307"/>
          <ac:spMkLst>
            <pc:docMk/>
            <pc:sldMk cId="2376958513" sldId="260"/>
            <ac:spMk id="13924" creationId="{39B97B36-2F9A-9179-ECFD-7D890B8B825F}"/>
          </ac:spMkLst>
        </pc:spChg>
        <pc:spChg chg="mod">
          <ac:chgData name="White, Alex" userId="eff6cc8c-37d8-483b-9c6c-6b27e9afa9bc" providerId="ADAL" clId="{BF04C754-5BF4-4E83-9615-DB14FA25AF8A}" dt="2023-10-12T11:38:42.377" v="307"/>
          <ac:spMkLst>
            <pc:docMk/>
            <pc:sldMk cId="2376958513" sldId="260"/>
            <ac:spMk id="13925" creationId="{E34B3D50-60BC-4908-19D0-FFFDD3448A42}"/>
          </ac:spMkLst>
        </pc:spChg>
        <pc:spChg chg="mod">
          <ac:chgData name="White, Alex" userId="eff6cc8c-37d8-483b-9c6c-6b27e9afa9bc" providerId="ADAL" clId="{BF04C754-5BF4-4E83-9615-DB14FA25AF8A}" dt="2023-10-12T11:38:42.377" v="307"/>
          <ac:spMkLst>
            <pc:docMk/>
            <pc:sldMk cId="2376958513" sldId="260"/>
            <ac:spMk id="13926" creationId="{38F92A1A-D167-0925-A32A-F91327D21283}"/>
          </ac:spMkLst>
        </pc:spChg>
        <pc:spChg chg="mod">
          <ac:chgData name="White, Alex" userId="eff6cc8c-37d8-483b-9c6c-6b27e9afa9bc" providerId="ADAL" clId="{BF04C754-5BF4-4E83-9615-DB14FA25AF8A}" dt="2023-10-12T11:38:42.377" v="307"/>
          <ac:spMkLst>
            <pc:docMk/>
            <pc:sldMk cId="2376958513" sldId="260"/>
            <ac:spMk id="13927" creationId="{E16CDBAF-B11A-4BC3-F3FF-5DD2A44CEC22}"/>
          </ac:spMkLst>
        </pc:spChg>
        <pc:spChg chg="mod">
          <ac:chgData name="White, Alex" userId="eff6cc8c-37d8-483b-9c6c-6b27e9afa9bc" providerId="ADAL" clId="{BF04C754-5BF4-4E83-9615-DB14FA25AF8A}" dt="2023-10-12T11:38:42.377" v="307"/>
          <ac:spMkLst>
            <pc:docMk/>
            <pc:sldMk cId="2376958513" sldId="260"/>
            <ac:spMk id="13928" creationId="{5BFD9E29-D7AB-43A5-C781-12840B16DDEE}"/>
          </ac:spMkLst>
        </pc:spChg>
        <pc:spChg chg="mod">
          <ac:chgData name="White, Alex" userId="eff6cc8c-37d8-483b-9c6c-6b27e9afa9bc" providerId="ADAL" clId="{BF04C754-5BF4-4E83-9615-DB14FA25AF8A}" dt="2023-10-12T11:38:42.377" v="307"/>
          <ac:spMkLst>
            <pc:docMk/>
            <pc:sldMk cId="2376958513" sldId="260"/>
            <ac:spMk id="13929" creationId="{B615E938-45C9-DDE0-A371-3CC630C69C0E}"/>
          </ac:spMkLst>
        </pc:spChg>
        <pc:spChg chg="mod">
          <ac:chgData name="White, Alex" userId="eff6cc8c-37d8-483b-9c6c-6b27e9afa9bc" providerId="ADAL" clId="{BF04C754-5BF4-4E83-9615-DB14FA25AF8A}" dt="2023-10-12T11:38:42.377" v="307"/>
          <ac:spMkLst>
            <pc:docMk/>
            <pc:sldMk cId="2376958513" sldId="260"/>
            <ac:spMk id="13930" creationId="{9A3EAF55-029C-316E-DDF6-C684E3500848}"/>
          </ac:spMkLst>
        </pc:spChg>
        <pc:spChg chg="mod">
          <ac:chgData name="White, Alex" userId="eff6cc8c-37d8-483b-9c6c-6b27e9afa9bc" providerId="ADAL" clId="{BF04C754-5BF4-4E83-9615-DB14FA25AF8A}" dt="2023-10-12T11:38:42.377" v="307"/>
          <ac:spMkLst>
            <pc:docMk/>
            <pc:sldMk cId="2376958513" sldId="260"/>
            <ac:spMk id="13931" creationId="{7F2139F9-17C8-E4DF-DB82-E4C32CF66DE9}"/>
          </ac:spMkLst>
        </pc:spChg>
        <pc:spChg chg="mod">
          <ac:chgData name="White, Alex" userId="eff6cc8c-37d8-483b-9c6c-6b27e9afa9bc" providerId="ADAL" clId="{BF04C754-5BF4-4E83-9615-DB14FA25AF8A}" dt="2023-10-12T11:38:42.377" v="307"/>
          <ac:spMkLst>
            <pc:docMk/>
            <pc:sldMk cId="2376958513" sldId="260"/>
            <ac:spMk id="13932" creationId="{D123DA6C-84B7-8609-F4D7-0A215D936EAF}"/>
          </ac:spMkLst>
        </pc:spChg>
        <pc:spChg chg="mod">
          <ac:chgData name="White, Alex" userId="eff6cc8c-37d8-483b-9c6c-6b27e9afa9bc" providerId="ADAL" clId="{BF04C754-5BF4-4E83-9615-DB14FA25AF8A}" dt="2023-10-12T11:38:42.377" v="307"/>
          <ac:spMkLst>
            <pc:docMk/>
            <pc:sldMk cId="2376958513" sldId="260"/>
            <ac:spMk id="13933" creationId="{8A934DC7-B99E-7975-8085-C67277C15915}"/>
          </ac:spMkLst>
        </pc:spChg>
        <pc:spChg chg="mod">
          <ac:chgData name="White, Alex" userId="eff6cc8c-37d8-483b-9c6c-6b27e9afa9bc" providerId="ADAL" clId="{BF04C754-5BF4-4E83-9615-DB14FA25AF8A}" dt="2023-10-12T11:38:42.377" v="307"/>
          <ac:spMkLst>
            <pc:docMk/>
            <pc:sldMk cId="2376958513" sldId="260"/>
            <ac:spMk id="13934" creationId="{DB933754-4556-EBCF-9E06-13C1C86BB900}"/>
          </ac:spMkLst>
        </pc:spChg>
        <pc:spChg chg="mod">
          <ac:chgData name="White, Alex" userId="eff6cc8c-37d8-483b-9c6c-6b27e9afa9bc" providerId="ADAL" clId="{BF04C754-5BF4-4E83-9615-DB14FA25AF8A}" dt="2023-10-12T11:38:42.377" v="307"/>
          <ac:spMkLst>
            <pc:docMk/>
            <pc:sldMk cId="2376958513" sldId="260"/>
            <ac:spMk id="13935" creationId="{E0B2C5E9-C499-A768-F16B-811E968C61F7}"/>
          </ac:spMkLst>
        </pc:spChg>
        <pc:spChg chg="mod">
          <ac:chgData name="White, Alex" userId="eff6cc8c-37d8-483b-9c6c-6b27e9afa9bc" providerId="ADAL" clId="{BF04C754-5BF4-4E83-9615-DB14FA25AF8A}" dt="2023-10-12T11:38:42.377" v="307"/>
          <ac:spMkLst>
            <pc:docMk/>
            <pc:sldMk cId="2376958513" sldId="260"/>
            <ac:spMk id="13936" creationId="{F7167CC3-03D9-84D7-3CD9-0339930B8555}"/>
          </ac:spMkLst>
        </pc:spChg>
        <pc:spChg chg="mod">
          <ac:chgData name="White, Alex" userId="eff6cc8c-37d8-483b-9c6c-6b27e9afa9bc" providerId="ADAL" clId="{BF04C754-5BF4-4E83-9615-DB14FA25AF8A}" dt="2023-10-12T11:38:42.377" v="307"/>
          <ac:spMkLst>
            <pc:docMk/>
            <pc:sldMk cId="2376958513" sldId="260"/>
            <ac:spMk id="13937" creationId="{24D27D47-88A6-700D-8B20-25B0A46DACD3}"/>
          </ac:spMkLst>
        </pc:spChg>
        <pc:spChg chg="mod">
          <ac:chgData name="White, Alex" userId="eff6cc8c-37d8-483b-9c6c-6b27e9afa9bc" providerId="ADAL" clId="{BF04C754-5BF4-4E83-9615-DB14FA25AF8A}" dt="2023-10-12T11:38:42.377" v="307"/>
          <ac:spMkLst>
            <pc:docMk/>
            <pc:sldMk cId="2376958513" sldId="260"/>
            <ac:spMk id="13938" creationId="{ADBF6B8A-A7C3-94B4-D805-5F529EE95592}"/>
          </ac:spMkLst>
        </pc:spChg>
        <pc:spChg chg="mod">
          <ac:chgData name="White, Alex" userId="eff6cc8c-37d8-483b-9c6c-6b27e9afa9bc" providerId="ADAL" clId="{BF04C754-5BF4-4E83-9615-DB14FA25AF8A}" dt="2023-10-12T11:38:42.377" v="307"/>
          <ac:spMkLst>
            <pc:docMk/>
            <pc:sldMk cId="2376958513" sldId="260"/>
            <ac:spMk id="13939" creationId="{F786BEAB-1ACA-8762-0E63-604B595498D6}"/>
          </ac:spMkLst>
        </pc:spChg>
        <pc:spChg chg="mod">
          <ac:chgData name="White, Alex" userId="eff6cc8c-37d8-483b-9c6c-6b27e9afa9bc" providerId="ADAL" clId="{BF04C754-5BF4-4E83-9615-DB14FA25AF8A}" dt="2023-10-12T11:38:42.377" v="307"/>
          <ac:spMkLst>
            <pc:docMk/>
            <pc:sldMk cId="2376958513" sldId="260"/>
            <ac:spMk id="13940" creationId="{DBDC0883-023B-A30D-ADC9-32DEBA72731D}"/>
          </ac:spMkLst>
        </pc:spChg>
        <pc:spChg chg="mod">
          <ac:chgData name="White, Alex" userId="eff6cc8c-37d8-483b-9c6c-6b27e9afa9bc" providerId="ADAL" clId="{BF04C754-5BF4-4E83-9615-DB14FA25AF8A}" dt="2023-10-12T11:38:42.377" v="307"/>
          <ac:spMkLst>
            <pc:docMk/>
            <pc:sldMk cId="2376958513" sldId="260"/>
            <ac:spMk id="13941" creationId="{B96851D5-24AF-BDED-1902-B66CDC91638A}"/>
          </ac:spMkLst>
        </pc:spChg>
        <pc:spChg chg="mod">
          <ac:chgData name="White, Alex" userId="eff6cc8c-37d8-483b-9c6c-6b27e9afa9bc" providerId="ADAL" clId="{BF04C754-5BF4-4E83-9615-DB14FA25AF8A}" dt="2023-10-12T11:38:42.377" v="307"/>
          <ac:spMkLst>
            <pc:docMk/>
            <pc:sldMk cId="2376958513" sldId="260"/>
            <ac:spMk id="13942" creationId="{E43E7E80-4794-6F80-F2BD-CB9B49942CB5}"/>
          </ac:spMkLst>
        </pc:spChg>
        <pc:spChg chg="mod">
          <ac:chgData name="White, Alex" userId="eff6cc8c-37d8-483b-9c6c-6b27e9afa9bc" providerId="ADAL" clId="{BF04C754-5BF4-4E83-9615-DB14FA25AF8A}" dt="2023-10-12T11:38:42.377" v="307"/>
          <ac:spMkLst>
            <pc:docMk/>
            <pc:sldMk cId="2376958513" sldId="260"/>
            <ac:spMk id="13943" creationId="{97E81719-140D-0883-C3A3-F0BAFC34FAC4}"/>
          </ac:spMkLst>
        </pc:spChg>
        <pc:spChg chg="mod">
          <ac:chgData name="White, Alex" userId="eff6cc8c-37d8-483b-9c6c-6b27e9afa9bc" providerId="ADAL" clId="{BF04C754-5BF4-4E83-9615-DB14FA25AF8A}" dt="2023-10-12T11:38:42.377" v="307"/>
          <ac:spMkLst>
            <pc:docMk/>
            <pc:sldMk cId="2376958513" sldId="260"/>
            <ac:spMk id="13944" creationId="{81A33DDD-DB1B-2172-A94D-E338E7E9D578}"/>
          </ac:spMkLst>
        </pc:spChg>
        <pc:spChg chg="mod">
          <ac:chgData name="White, Alex" userId="eff6cc8c-37d8-483b-9c6c-6b27e9afa9bc" providerId="ADAL" clId="{BF04C754-5BF4-4E83-9615-DB14FA25AF8A}" dt="2023-10-12T11:38:42.377" v="307"/>
          <ac:spMkLst>
            <pc:docMk/>
            <pc:sldMk cId="2376958513" sldId="260"/>
            <ac:spMk id="13945" creationId="{C35681CF-7C29-2E85-2BA1-01652A10A438}"/>
          </ac:spMkLst>
        </pc:spChg>
        <pc:spChg chg="mod">
          <ac:chgData name="White, Alex" userId="eff6cc8c-37d8-483b-9c6c-6b27e9afa9bc" providerId="ADAL" clId="{BF04C754-5BF4-4E83-9615-DB14FA25AF8A}" dt="2023-10-12T11:38:42.377" v="307"/>
          <ac:spMkLst>
            <pc:docMk/>
            <pc:sldMk cId="2376958513" sldId="260"/>
            <ac:spMk id="13946" creationId="{C4B52875-95E1-A9F1-E24E-70FE53479E72}"/>
          </ac:spMkLst>
        </pc:spChg>
        <pc:spChg chg="mod">
          <ac:chgData name="White, Alex" userId="eff6cc8c-37d8-483b-9c6c-6b27e9afa9bc" providerId="ADAL" clId="{BF04C754-5BF4-4E83-9615-DB14FA25AF8A}" dt="2023-10-12T11:38:42.377" v="307"/>
          <ac:spMkLst>
            <pc:docMk/>
            <pc:sldMk cId="2376958513" sldId="260"/>
            <ac:spMk id="13947" creationId="{93A0866A-CD17-9990-DD9B-F90D598E0A38}"/>
          </ac:spMkLst>
        </pc:spChg>
        <pc:spChg chg="mod">
          <ac:chgData name="White, Alex" userId="eff6cc8c-37d8-483b-9c6c-6b27e9afa9bc" providerId="ADAL" clId="{BF04C754-5BF4-4E83-9615-DB14FA25AF8A}" dt="2023-10-12T11:38:42.377" v="307"/>
          <ac:spMkLst>
            <pc:docMk/>
            <pc:sldMk cId="2376958513" sldId="260"/>
            <ac:spMk id="13948" creationId="{9FE757C9-1664-6E58-BD2F-1EC773AA1901}"/>
          </ac:spMkLst>
        </pc:spChg>
        <pc:spChg chg="mod">
          <ac:chgData name="White, Alex" userId="eff6cc8c-37d8-483b-9c6c-6b27e9afa9bc" providerId="ADAL" clId="{BF04C754-5BF4-4E83-9615-DB14FA25AF8A}" dt="2023-10-12T11:38:42.377" v="307"/>
          <ac:spMkLst>
            <pc:docMk/>
            <pc:sldMk cId="2376958513" sldId="260"/>
            <ac:spMk id="13949" creationId="{463300D9-FCC5-56E1-16B6-ECA9777F71D6}"/>
          </ac:spMkLst>
        </pc:spChg>
        <pc:spChg chg="mod">
          <ac:chgData name="White, Alex" userId="eff6cc8c-37d8-483b-9c6c-6b27e9afa9bc" providerId="ADAL" clId="{BF04C754-5BF4-4E83-9615-DB14FA25AF8A}" dt="2023-10-12T11:38:42.377" v="307"/>
          <ac:spMkLst>
            <pc:docMk/>
            <pc:sldMk cId="2376958513" sldId="260"/>
            <ac:spMk id="13950" creationId="{ECDAC056-2801-827A-D82C-3FEBE6D08208}"/>
          </ac:spMkLst>
        </pc:spChg>
        <pc:spChg chg="mod">
          <ac:chgData name="White, Alex" userId="eff6cc8c-37d8-483b-9c6c-6b27e9afa9bc" providerId="ADAL" clId="{BF04C754-5BF4-4E83-9615-DB14FA25AF8A}" dt="2023-10-12T11:38:42.377" v="307"/>
          <ac:spMkLst>
            <pc:docMk/>
            <pc:sldMk cId="2376958513" sldId="260"/>
            <ac:spMk id="13951" creationId="{91389A12-B7D9-057A-0871-1F93C68F9E3A}"/>
          </ac:spMkLst>
        </pc:spChg>
        <pc:spChg chg="mod">
          <ac:chgData name="White, Alex" userId="eff6cc8c-37d8-483b-9c6c-6b27e9afa9bc" providerId="ADAL" clId="{BF04C754-5BF4-4E83-9615-DB14FA25AF8A}" dt="2023-10-12T11:38:42.377" v="307"/>
          <ac:spMkLst>
            <pc:docMk/>
            <pc:sldMk cId="2376958513" sldId="260"/>
            <ac:spMk id="13952" creationId="{D78D2701-5336-D7FA-B10C-6C9F301527A1}"/>
          </ac:spMkLst>
        </pc:spChg>
        <pc:spChg chg="mod">
          <ac:chgData name="White, Alex" userId="eff6cc8c-37d8-483b-9c6c-6b27e9afa9bc" providerId="ADAL" clId="{BF04C754-5BF4-4E83-9615-DB14FA25AF8A}" dt="2023-10-12T11:38:42.377" v="307"/>
          <ac:spMkLst>
            <pc:docMk/>
            <pc:sldMk cId="2376958513" sldId="260"/>
            <ac:spMk id="13953" creationId="{9EF8F869-C199-9AD6-D772-928C8B57EAE0}"/>
          </ac:spMkLst>
        </pc:spChg>
        <pc:spChg chg="mod">
          <ac:chgData name="White, Alex" userId="eff6cc8c-37d8-483b-9c6c-6b27e9afa9bc" providerId="ADAL" clId="{BF04C754-5BF4-4E83-9615-DB14FA25AF8A}" dt="2023-10-12T11:38:42.377" v="307"/>
          <ac:spMkLst>
            <pc:docMk/>
            <pc:sldMk cId="2376958513" sldId="260"/>
            <ac:spMk id="13954" creationId="{B544E293-6B76-AF18-3E0F-FCFBCD1D4DEE}"/>
          </ac:spMkLst>
        </pc:spChg>
        <pc:spChg chg="mod">
          <ac:chgData name="White, Alex" userId="eff6cc8c-37d8-483b-9c6c-6b27e9afa9bc" providerId="ADAL" clId="{BF04C754-5BF4-4E83-9615-DB14FA25AF8A}" dt="2023-10-12T11:38:42.377" v="307"/>
          <ac:spMkLst>
            <pc:docMk/>
            <pc:sldMk cId="2376958513" sldId="260"/>
            <ac:spMk id="13955" creationId="{DC0BB98A-85DD-F525-C205-E719117D33FC}"/>
          </ac:spMkLst>
        </pc:spChg>
        <pc:spChg chg="mod">
          <ac:chgData name="White, Alex" userId="eff6cc8c-37d8-483b-9c6c-6b27e9afa9bc" providerId="ADAL" clId="{BF04C754-5BF4-4E83-9615-DB14FA25AF8A}" dt="2023-10-12T11:38:42.377" v="307"/>
          <ac:spMkLst>
            <pc:docMk/>
            <pc:sldMk cId="2376958513" sldId="260"/>
            <ac:spMk id="13956" creationId="{23BBB431-8D7D-35C5-0710-A8392BFF23BE}"/>
          </ac:spMkLst>
        </pc:spChg>
        <pc:spChg chg="mod">
          <ac:chgData name="White, Alex" userId="eff6cc8c-37d8-483b-9c6c-6b27e9afa9bc" providerId="ADAL" clId="{BF04C754-5BF4-4E83-9615-DB14FA25AF8A}" dt="2023-10-12T11:38:42.377" v="307"/>
          <ac:spMkLst>
            <pc:docMk/>
            <pc:sldMk cId="2376958513" sldId="260"/>
            <ac:spMk id="13957" creationId="{21F75790-1C9E-5CC0-EB0D-06FEF1EEB7E3}"/>
          </ac:spMkLst>
        </pc:spChg>
        <pc:spChg chg="mod">
          <ac:chgData name="White, Alex" userId="eff6cc8c-37d8-483b-9c6c-6b27e9afa9bc" providerId="ADAL" clId="{BF04C754-5BF4-4E83-9615-DB14FA25AF8A}" dt="2023-10-12T11:38:42.377" v="307"/>
          <ac:spMkLst>
            <pc:docMk/>
            <pc:sldMk cId="2376958513" sldId="260"/>
            <ac:spMk id="13958" creationId="{FE36FA6C-FEB5-6955-E1A1-3B7F8F94EF44}"/>
          </ac:spMkLst>
        </pc:spChg>
        <pc:spChg chg="mod">
          <ac:chgData name="White, Alex" userId="eff6cc8c-37d8-483b-9c6c-6b27e9afa9bc" providerId="ADAL" clId="{BF04C754-5BF4-4E83-9615-DB14FA25AF8A}" dt="2023-10-12T11:38:42.377" v="307"/>
          <ac:spMkLst>
            <pc:docMk/>
            <pc:sldMk cId="2376958513" sldId="260"/>
            <ac:spMk id="13959" creationId="{55732CBA-9C9C-84B7-9BFB-2A62396B18BF}"/>
          </ac:spMkLst>
        </pc:spChg>
        <pc:spChg chg="mod">
          <ac:chgData name="White, Alex" userId="eff6cc8c-37d8-483b-9c6c-6b27e9afa9bc" providerId="ADAL" clId="{BF04C754-5BF4-4E83-9615-DB14FA25AF8A}" dt="2023-10-12T11:38:42.377" v="307"/>
          <ac:spMkLst>
            <pc:docMk/>
            <pc:sldMk cId="2376958513" sldId="260"/>
            <ac:spMk id="13960" creationId="{4E94A414-9967-D2FF-712F-4EBBCA46F590}"/>
          </ac:spMkLst>
        </pc:spChg>
        <pc:spChg chg="mod">
          <ac:chgData name="White, Alex" userId="eff6cc8c-37d8-483b-9c6c-6b27e9afa9bc" providerId="ADAL" clId="{BF04C754-5BF4-4E83-9615-DB14FA25AF8A}" dt="2023-10-12T11:38:42.377" v="307"/>
          <ac:spMkLst>
            <pc:docMk/>
            <pc:sldMk cId="2376958513" sldId="260"/>
            <ac:spMk id="13961" creationId="{810A44A8-05B5-1FBA-F30B-7BAB62179EDD}"/>
          </ac:spMkLst>
        </pc:spChg>
        <pc:spChg chg="mod">
          <ac:chgData name="White, Alex" userId="eff6cc8c-37d8-483b-9c6c-6b27e9afa9bc" providerId="ADAL" clId="{BF04C754-5BF4-4E83-9615-DB14FA25AF8A}" dt="2023-10-12T11:38:42.377" v="307"/>
          <ac:spMkLst>
            <pc:docMk/>
            <pc:sldMk cId="2376958513" sldId="260"/>
            <ac:spMk id="13962" creationId="{993D93EB-EF7E-6A36-45C0-E676455E5478}"/>
          </ac:spMkLst>
        </pc:spChg>
        <pc:spChg chg="mod">
          <ac:chgData name="White, Alex" userId="eff6cc8c-37d8-483b-9c6c-6b27e9afa9bc" providerId="ADAL" clId="{BF04C754-5BF4-4E83-9615-DB14FA25AF8A}" dt="2023-10-12T11:38:42.377" v="307"/>
          <ac:spMkLst>
            <pc:docMk/>
            <pc:sldMk cId="2376958513" sldId="260"/>
            <ac:spMk id="13963" creationId="{FBA1C63E-861E-6C13-F677-B3480023D559}"/>
          </ac:spMkLst>
        </pc:spChg>
        <pc:spChg chg="mod">
          <ac:chgData name="White, Alex" userId="eff6cc8c-37d8-483b-9c6c-6b27e9afa9bc" providerId="ADAL" clId="{BF04C754-5BF4-4E83-9615-DB14FA25AF8A}" dt="2023-10-12T11:38:42.377" v="307"/>
          <ac:spMkLst>
            <pc:docMk/>
            <pc:sldMk cId="2376958513" sldId="260"/>
            <ac:spMk id="13964" creationId="{C059B33D-BF98-4690-6D1F-A6CCC68A19EF}"/>
          </ac:spMkLst>
        </pc:spChg>
        <pc:spChg chg="mod">
          <ac:chgData name="White, Alex" userId="eff6cc8c-37d8-483b-9c6c-6b27e9afa9bc" providerId="ADAL" clId="{BF04C754-5BF4-4E83-9615-DB14FA25AF8A}" dt="2023-10-12T11:38:42.377" v="307"/>
          <ac:spMkLst>
            <pc:docMk/>
            <pc:sldMk cId="2376958513" sldId="260"/>
            <ac:spMk id="13965" creationId="{D3F68376-52EC-9EBA-998F-35B41BC8BAB9}"/>
          </ac:spMkLst>
        </pc:spChg>
        <pc:spChg chg="mod">
          <ac:chgData name="White, Alex" userId="eff6cc8c-37d8-483b-9c6c-6b27e9afa9bc" providerId="ADAL" clId="{BF04C754-5BF4-4E83-9615-DB14FA25AF8A}" dt="2023-10-12T11:38:42.377" v="307"/>
          <ac:spMkLst>
            <pc:docMk/>
            <pc:sldMk cId="2376958513" sldId="260"/>
            <ac:spMk id="13966" creationId="{0610E62E-8A70-E8E1-1E43-9D1CE95B138A}"/>
          </ac:spMkLst>
        </pc:spChg>
        <pc:spChg chg="mod">
          <ac:chgData name="White, Alex" userId="eff6cc8c-37d8-483b-9c6c-6b27e9afa9bc" providerId="ADAL" clId="{BF04C754-5BF4-4E83-9615-DB14FA25AF8A}" dt="2023-10-12T11:38:42.377" v="307"/>
          <ac:spMkLst>
            <pc:docMk/>
            <pc:sldMk cId="2376958513" sldId="260"/>
            <ac:spMk id="13967" creationId="{D59E6187-C073-1403-9378-FB415CAAE9EF}"/>
          </ac:spMkLst>
        </pc:spChg>
        <pc:spChg chg="mod">
          <ac:chgData name="White, Alex" userId="eff6cc8c-37d8-483b-9c6c-6b27e9afa9bc" providerId="ADAL" clId="{BF04C754-5BF4-4E83-9615-DB14FA25AF8A}" dt="2023-10-12T11:38:42.377" v="307"/>
          <ac:spMkLst>
            <pc:docMk/>
            <pc:sldMk cId="2376958513" sldId="260"/>
            <ac:spMk id="13968" creationId="{8734D00C-A101-B198-9ABB-A311A92B34C6}"/>
          </ac:spMkLst>
        </pc:spChg>
        <pc:spChg chg="mod">
          <ac:chgData name="White, Alex" userId="eff6cc8c-37d8-483b-9c6c-6b27e9afa9bc" providerId="ADAL" clId="{BF04C754-5BF4-4E83-9615-DB14FA25AF8A}" dt="2023-10-12T11:38:42.377" v="307"/>
          <ac:spMkLst>
            <pc:docMk/>
            <pc:sldMk cId="2376958513" sldId="260"/>
            <ac:spMk id="13969" creationId="{93A2BBDD-6725-6627-E86A-0B57C5B57D65}"/>
          </ac:spMkLst>
        </pc:spChg>
        <pc:spChg chg="mod">
          <ac:chgData name="White, Alex" userId="eff6cc8c-37d8-483b-9c6c-6b27e9afa9bc" providerId="ADAL" clId="{BF04C754-5BF4-4E83-9615-DB14FA25AF8A}" dt="2023-10-12T11:38:42.377" v="307"/>
          <ac:spMkLst>
            <pc:docMk/>
            <pc:sldMk cId="2376958513" sldId="260"/>
            <ac:spMk id="13970" creationId="{E0941F86-0C81-4C94-CC06-F39F376353FC}"/>
          </ac:spMkLst>
        </pc:spChg>
        <pc:spChg chg="mod">
          <ac:chgData name="White, Alex" userId="eff6cc8c-37d8-483b-9c6c-6b27e9afa9bc" providerId="ADAL" clId="{BF04C754-5BF4-4E83-9615-DB14FA25AF8A}" dt="2023-10-12T11:38:42.377" v="307"/>
          <ac:spMkLst>
            <pc:docMk/>
            <pc:sldMk cId="2376958513" sldId="260"/>
            <ac:spMk id="13971" creationId="{2980C5EE-6817-9542-0C0C-E483CC350817}"/>
          </ac:spMkLst>
        </pc:spChg>
        <pc:spChg chg="mod">
          <ac:chgData name="White, Alex" userId="eff6cc8c-37d8-483b-9c6c-6b27e9afa9bc" providerId="ADAL" clId="{BF04C754-5BF4-4E83-9615-DB14FA25AF8A}" dt="2023-10-12T11:38:42.377" v="307"/>
          <ac:spMkLst>
            <pc:docMk/>
            <pc:sldMk cId="2376958513" sldId="260"/>
            <ac:spMk id="13972" creationId="{7CD31B4C-53EF-E961-C0C1-1EB240839FAF}"/>
          </ac:spMkLst>
        </pc:spChg>
        <pc:spChg chg="mod">
          <ac:chgData name="White, Alex" userId="eff6cc8c-37d8-483b-9c6c-6b27e9afa9bc" providerId="ADAL" clId="{BF04C754-5BF4-4E83-9615-DB14FA25AF8A}" dt="2023-10-12T11:38:42.377" v="307"/>
          <ac:spMkLst>
            <pc:docMk/>
            <pc:sldMk cId="2376958513" sldId="260"/>
            <ac:spMk id="13973" creationId="{16F38AE6-D1F6-3653-BC42-FFD8BA617BEA}"/>
          </ac:spMkLst>
        </pc:spChg>
        <pc:spChg chg="mod">
          <ac:chgData name="White, Alex" userId="eff6cc8c-37d8-483b-9c6c-6b27e9afa9bc" providerId="ADAL" clId="{BF04C754-5BF4-4E83-9615-DB14FA25AF8A}" dt="2023-10-12T11:38:42.377" v="307"/>
          <ac:spMkLst>
            <pc:docMk/>
            <pc:sldMk cId="2376958513" sldId="260"/>
            <ac:spMk id="13974" creationId="{BAEFA50E-73CB-8F5A-A565-D89FEF571451}"/>
          </ac:spMkLst>
        </pc:spChg>
        <pc:spChg chg="mod">
          <ac:chgData name="White, Alex" userId="eff6cc8c-37d8-483b-9c6c-6b27e9afa9bc" providerId="ADAL" clId="{BF04C754-5BF4-4E83-9615-DB14FA25AF8A}" dt="2023-10-12T11:38:42.377" v="307"/>
          <ac:spMkLst>
            <pc:docMk/>
            <pc:sldMk cId="2376958513" sldId="260"/>
            <ac:spMk id="13975" creationId="{B40FCC09-0273-3D60-AC01-3DFDEEEAC099}"/>
          </ac:spMkLst>
        </pc:spChg>
        <pc:spChg chg="mod">
          <ac:chgData name="White, Alex" userId="eff6cc8c-37d8-483b-9c6c-6b27e9afa9bc" providerId="ADAL" clId="{BF04C754-5BF4-4E83-9615-DB14FA25AF8A}" dt="2023-10-12T11:38:42.377" v="307"/>
          <ac:spMkLst>
            <pc:docMk/>
            <pc:sldMk cId="2376958513" sldId="260"/>
            <ac:spMk id="13976" creationId="{4155BF11-84C8-275F-B8A8-60033B3282D2}"/>
          </ac:spMkLst>
        </pc:spChg>
        <pc:spChg chg="mod">
          <ac:chgData name="White, Alex" userId="eff6cc8c-37d8-483b-9c6c-6b27e9afa9bc" providerId="ADAL" clId="{BF04C754-5BF4-4E83-9615-DB14FA25AF8A}" dt="2023-10-12T11:38:42.377" v="307"/>
          <ac:spMkLst>
            <pc:docMk/>
            <pc:sldMk cId="2376958513" sldId="260"/>
            <ac:spMk id="13977" creationId="{AFAE8E98-5436-FC0B-4744-4090393E51FA}"/>
          </ac:spMkLst>
        </pc:spChg>
        <pc:spChg chg="mod">
          <ac:chgData name="White, Alex" userId="eff6cc8c-37d8-483b-9c6c-6b27e9afa9bc" providerId="ADAL" clId="{BF04C754-5BF4-4E83-9615-DB14FA25AF8A}" dt="2023-10-12T11:38:42.377" v="307"/>
          <ac:spMkLst>
            <pc:docMk/>
            <pc:sldMk cId="2376958513" sldId="260"/>
            <ac:spMk id="13978" creationId="{F2B5A9DB-7E25-8C15-B4C8-9DB3602921B4}"/>
          </ac:spMkLst>
        </pc:spChg>
        <pc:spChg chg="mod">
          <ac:chgData name="White, Alex" userId="eff6cc8c-37d8-483b-9c6c-6b27e9afa9bc" providerId="ADAL" clId="{BF04C754-5BF4-4E83-9615-DB14FA25AF8A}" dt="2023-10-12T11:38:42.377" v="307"/>
          <ac:spMkLst>
            <pc:docMk/>
            <pc:sldMk cId="2376958513" sldId="260"/>
            <ac:spMk id="13979" creationId="{649FD63A-2DA5-88AF-5921-3356A7A8D234}"/>
          </ac:spMkLst>
        </pc:spChg>
        <pc:spChg chg="mod">
          <ac:chgData name="White, Alex" userId="eff6cc8c-37d8-483b-9c6c-6b27e9afa9bc" providerId="ADAL" clId="{BF04C754-5BF4-4E83-9615-DB14FA25AF8A}" dt="2023-10-12T11:38:42.377" v="307"/>
          <ac:spMkLst>
            <pc:docMk/>
            <pc:sldMk cId="2376958513" sldId="260"/>
            <ac:spMk id="13980" creationId="{FD00E849-7CF0-C743-E064-EAA6D79512C9}"/>
          </ac:spMkLst>
        </pc:spChg>
        <pc:spChg chg="mod">
          <ac:chgData name="White, Alex" userId="eff6cc8c-37d8-483b-9c6c-6b27e9afa9bc" providerId="ADAL" clId="{BF04C754-5BF4-4E83-9615-DB14FA25AF8A}" dt="2023-10-12T11:38:42.377" v="307"/>
          <ac:spMkLst>
            <pc:docMk/>
            <pc:sldMk cId="2376958513" sldId="260"/>
            <ac:spMk id="13981" creationId="{1EBF267B-3F27-4610-A263-9BDE4F906495}"/>
          </ac:spMkLst>
        </pc:spChg>
        <pc:spChg chg="mod">
          <ac:chgData name="White, Alex" userId="eff6cc8c-37d8-483b-9c6c-6b27e9afa9bc" providerId="ADAL" clId="{BF04C754-5BF4-4E83-9615-DB14FA25AF8A}" dt="2023-10-12T11:38:42.377" v="307"/>
          <ac:spMkLst>
            <pc:docMk/>
            <pc:sldMk cId="2376958513" sldId="260"/>
            <ac:spMk id="13982" creationId="{E56B306A-37BE-F081-BBA0-8CA0844B68D0}"/>
          </ac:spMkLst>
        </pc:spChg>
        <pc:spChg chg="mod">
          <ac:chgData name="White, Alex" userId="eff6cc8c-37d8-483b-9c6c-6b27e9afa9bc" providerId="ADAL" clId="{BF04C754-5BF4-4E83-9615-DB14FA25AF8A}" dt="2023-10-12T11:38:42.377" v="307"/>
          <ac:spMkLst>
            <pc:docMk/>
            <pc:sldMk cId="2376958513" sldId="260"/>
            <ac:spMk id="13983" creationId="{307BED44-F999-F280-6DAD-BCFB118ED60A}"/>
          </ac:spMkLst>
        </pc:spChg>
        <pc:spChg chg="mod">
          <ac:chgData name="White, Alex" userId="eff6cc8c-37d8-483b-9c6c-6b27e9afa9bc" providerId="ADAL" clId="{BF04C754-5BF4-4E83-9615-DB14FA25AF8A}" dt="2023-10-12T11:38:42.377" v="307"/>
          <ac:spMkLst>
            <pc:docMk/>
            <pc:sldMk cId="2376958513" sldId="260"/>
            <ac:spMk id="13984" creationId="{C2254219-B524-C636-89B9-A855634D0170}"/>
          </ac:spMkLst>
        </pc:spChg>
        <pc:spChg chg="mod">
          <ac:chgData name="White, Alex" userId="eff6cc8c-37d8-483b-9c6c-6b27e9afa9bc" providerId="ADAL" clId="{BF04C754-5BF4-4E83-9615-DB14FA25AF8A}" dt="2023-10-12T11:38:42.377" v="307"/>
          <ac:spMkLst>
            <pc:docMk/>
            <pc:sldMk cId="2376958513" sldId="260"/>
            <ac:spMk id="13985" creationId="{5CFF8698-A30F-D0B3-57BD-6C3D3F0C8F75}"/>
          </ac:spMkLst>
        </pc:spChg>
        <pc:spChg chg="mod">
          <ac:chgData name="White, Alex" userId="eff6cc8c-37d8-483b-9c6c-6b27e9afa9bc" providerId="ADAL" clId="{BF04C754-5BF4-4E83-9615-DB14FA25AF8A}" dt="2023-10-12T11:38:42.377" v="307"/>
          <ac:spMkLst>
            <pc:docMk/>
            <pc:sldMk cId="2376958513" sldId="260"/>
            <ac:spMk id="13986" creationId="{806D9965-E387-4FE8-4C8B-672FD1643BA3}"/>
          </ac:spMkLst>
        </pc:spChg>
        <pc:spChg chg="mod">
          <ac:chgData name="White, Alex" userId="eff6cc8c-37d8-483b-9c6c-6b27e9afa9bc" providerId="ADAL" clId="{BF04C754-5BF4-4E83-9615-DB14FA25AF8A}" dt="2023-10-12T11:38:42.377" v="307"/>
          <ac:spMkLst>
            <pc:docMk/>
            <pc:sldMk cId="2376958513" sldId="260"/>
            <ac:spMk id="13987" creationId="{FDD8DC03-E33B-A1D6-0D1A-0F44F650D6C9}"/>
          </ac:spMkLst>
        </pc:spChg>
        <pc:spChg chg="mod">
          <ac:chgData name="White, Alex" userId="eff6cc8c-37d8-483b-9c6c-6b27e9afa9bc" providerId="ADAL" clId="{BF04C754-5BF4-4E83-9615-DB14FA25AF8A}" dt="2023-10-12T11:38:42.377" v="307"/>
          <ac:spMkLst>
            <pc:docMk/>
            <pc:sldMk cId="2376958513" sldId="260"/>
            <ac:spMk id="13988" creationId="{1AED926B-0DEC-61B0-CFC8-214580DEA2AE}"/>
          </ac:spMkLst>
        </pc:spChg>
        <pc:spChg chg="mod">
          <ac:chgData name="White, Alex" userId="eff6cc8c-37d8-483b-9c6c-6b27e9afa9bc" providerId="ADAL" clId="{BF04C754-5BF4-4E83-9615-DB14FA25AF8A}" dt="2023-10-12T11:38:42.377" v="307"/>
          <ac:spMkLst>
            <pc:docMk/>
            <pc:sldMk cId="2376958513" sldId="260"/>
            <ac:spMk id="13989" creationId="{65BB6925-8157-1713-4C33-E1D6833F561B}"/>
          </ac:spMkLst>
        </pc:spChg>
        <pc:spChg chg="mod">
          <ac:chgData name="White, Alex" userId="eff6cc8c-37d8-483b-9c6c-6b27e9afa9bc" providerId="ADAL" clId="{BF04C754-5BF4-4E83-9615-DB14FA25AF8A}" dt="2023-10-12T11:38:42.377" v="307"/>
          <ac:spMkLst>
            <pc:docMk/>
            <pc:sldMk cId="2376958513" sldId="260"/>
            <ac:spMk id="13990" creationId="{D042C54E-51E9-6D6C-3BC8-EF2B7F50112A}"/>
          </ac:spMkLst>
        </pc:spChg>
        <pc:spChg chg="mod">
          <ac:chgData name="White, Alex" userId="eff6cc8c-37d8-483b-9c6c-6b27e9afa9bc" providerId="ADAL" clId="{BF04C754-5BF4-4E83-9615-DB14FA25AF8A}" dt="2023-10-12T11:38:42.377" v="307"/>
          <ac:spMkLst>
            <pc:docMk/>
            <pc:sldMk cId="2376958513" sldId="260"/>
            <ac:spMk id="13991" creationId="{FCA45A14-463F-F7D1-7078-D6971583C18A}"/>
          </ac:spMkLst>
        </pc:spChg>
        <pc:spChg chg="mod">
          <ac:chgData name="White, Alex" userId="eff6cc8c-37d8-483b-9c6c-6b27e9afa9bc" providerId="ADAL" clId="{BF04C754-5BF4-4E83-9615-DB14FA25AF8A}" dt="2023-10-12T11:38:42.377" v="307"/>
          <ac:spMkLst>
            <pc:docMk/>
            <pc:sldMk cId="2376958513" sldId="260"/>
            <ac:spMk id="13992" creationId="{5FA29B2A-8BE8-C0B9-4FDC-4BC3AF837B69}"/>
          </ac:spMkLst>
        </pc:spChg>
        <pc:spChg chg="mod">
          <ac:chgData name="White, Alex" userId="eff6cc8c-37d8-483b-9c6c-6b27e9afa9bc" providerId="ADAL" clId="{BF04C754-5BF4-4E83-9615-DB14FA25AF8A}" dt="2023-10-12T11:38:42.377" v="307"/>
          <ac:spMkLst>
            <pc:docMk/>
            <pc:sldMk cId="2376958513" sldId="260"/>
            <ac:spMk id="13993" creationId="{E1F30100-FB0A-1B44-251B-79F53F521405}"/>
          </ac:spMkLst>
        </pc:spChg>
        <pc:spChg chg="mod">
          <ac:chgData name="White, Alex" userId="eff6cc8c-37d8-483b-9c6c-6b27e9afa9bc" providerId="ADAL" clId="{BF04C754-5BF4-4E83-9615-DB14FA25AF8A}" dt="2023-10-12T11:38:42.377" v="307"/>
          <ac:spMkLst>
            <pc:docMk/>
            <pc:sldMk cId="2376958513" sldId="260"/>
            <ac:spMk id="13994" creationId="{7BCB2AE4-AE1A-4161-7498-B1F19A89597B}"/>
          </ac:spMkLst>
        </pc:spChg>
        <pc:spChg chg="mod">
          <ac:chgData name="White, Alex" userId="eff6cc8c-37d8-483b-9c6c-6b27e9afa9bc" providerId="ADAL" clId="{BF04C754-5BF4-4E83-9615-DB14FA25AF8A}" dt="2023-10-12T11:38:42.377" v="307"/>
          <ac:spMkLst>
            <pc:docMk/>
            <pc:sldMk cId="2376958513" sldId="260"/>
            <ac:spMk id="13995" creationId="{FB4B693D-F2C0-B927-CC96-7A30008215D7}"/>
          </ac:spMkLst>
        </pc:spChg>
        <pc:spChg chg="mod">
          <ac:chgData name="White, Alex" userId="eff6cc8c-37d8-483b-9c6c-6b27e9afa9bc" providerId="ADAL" clId="{BF04C754-5BF4-4E83-9615-DB14FA25AF8A}" dt="2023-10-12T11:38:42.377" v="307"/>
          <ac:spMkLst>
            <pc:docMk/>
            <pc:sldMk cId="2376958513" sldId="260"/>
            <ac:spMk id="13996" creationId="{578E98F6-1895-5337-77AC-94BCB259932F}"/>
          </ac:spMkLst>
        </pc:spChg>
        <pc:spChg chg="mod">
          <ac:chgData name="White, Alex" userId="eff6cc8c-37d8-483b-9c6c-6b27e9afa9bc" providerId="ADAL" clId="{BF04C754-5BF4-4E83-9615-DB14FA25AF8A}" dt="2023-10-12T11:38:42.377" v="307"/>
          <ac:spMkLst>
            <pc:docMk/>
            <pc:sldMk cId="2376958513" sldId="260"/>
            <ac:spMk id="13997" creationId="{E2DFEF1A-6816-F422-C800-F63C83B29D3B}"/>
          </ac:spMkLst>
        </pc:spChg>
        <pc:spChg chg="mod">
          <ac:chgData name="White, Alex" userId="eff6cc8c-37d8-483b-9c6c-6b27e9afa9bc" providerId="ADAL" clId="{BF04C754-5BF4-4E83-9615-DB14FA25AF8A}" dt="2023-10-12T11:38:42.377" v="307"/>
          <ac:spMkLst>
            <pc:docMk/>
            <pc:sldMk cId="2376958513" sldId="260"/>
            <ac:spMk id="13998" creationId="{585DC468-34B0-B97E-BF09-E5404BCC241B}"/>
          </ac:spMkLst>
        </pc:spChg>
        <pc:spChg chg="mod">
          <ac:chgData name="White, Alex" userId="eff6cc8c-37d8-483b-9c6c-6b27e9afa9bc" providerId="ADAL" clId="{BF04C754-5BF4-4E83-9615-DB14FA25AF8A}" dt="2023-10-12T11:38:42.377" v="307"/>
          <ac:spMkLst>
            <pc:docMk/>
            <pc:sldMk cId="2376958513" sldId="260"/>
            <ac:spMk id="13999" creationId="{04B0F372-96C9-E93B-E3C0-756A2572278F}"/>
          </ac:spMkLst>
        </pc:spChg>
        <pc:spChg chg="mod">
          <ac:chgData name="White, Alex" userId="eff6cc8c-37d8-483b-9c6c-6b27e9afa9bc" providerId="ADAL" clId="{BF04C754-5BF4-4E83-9615-DB14FA25AF8A}" dt="2023-10-12T11:38:42.377" v="307"/>
          <ac:spMkLst>
            <pc:docMk/>
            <pc:sldMk cId="2376958513" sldId="260"/>
            <ac:spMk id="14000" creationId="{90650336-D03B-B1B3-D2EE-DD543FD2E4C6}"/>
          </ac:spMkLst>
        </pc:spChg>
        <pc:spChg chg="mod">
          <ac:chgData name="White, Alex" userId="eff6cc8c-37d8-483b-9c6c-6b27e9afa9bc" providerId="ADAL" clId="{BF04C754-5BF4-4E83-9615-DB14FA25AF8A}" dt="2023-10-12T11:38:42.377" v="307"/>
          <ac:spMkLst>
            <pc:docMk/>
            <pc:sldMk cId="2376958513" sldId="260"/>
            <ac:spMk id="14001" creationId="{F7AA2708-41C1-9A9C-684C-844F1D2A2B78}"/>
          </ac:spMkLst>
        </pc:spChg>
        <pc:spChg chg="mod">
          <ac:chgData name="White, Alex" userId="eff6cc8c-37d8-483b-9c6c-6b27e9afa9bc" providerId="ADAL" clId="{BF04C754-5BF4-4E83-9615-DB14FA25AF8A}" dt="2023-10-12T11:38:42.377" v="307"/>
          <ac:spMkLst>
            <pc:docMk/>
            <pc:sldMk cId="2376958513" sldId="260"/>
            <ac:spMk id="14002" creationId="{7C27614E-F054-3DF9-945C-6C40B962DE3E}"/>
          </ac:spMkLst>
        </pc:spChg>
        <pc:spChg chg="mod">
          <ac:chgData name="White, Alex" userId="eff6cc8c-37d8-483b-9c6c-6b27e9afa9bc" providerId="ADAL" clId="{BF04C754-5BF4-4E83-9615-DB14FA25AF8A}" dt="2023-10-12T11:38:42.377" v="307"/>
          <ac:spMkLst>
            <pc:docMk/>
            <pc:sldMk cId="2376958513" sldId="260"/>
            <ac:spMk id="14003" creationId="{444F72F2-9C12-B1B5-FE41-B098EB0C05F4}"/>
          </ac:spMkLst>
        </pc:spChg>
        <pc:spChg chg="mod">
          <ac:chgData name="White, Alex" userId="eff6cc8c-37d8-483b-9c6c-6b27e9afa9bc" providerId="ADAL" clId="{BF04C754-5BF4-4E83-9615-DB14FA25AF8A}" dt="2023-10-12T11:38:42.377" v="307"/>
          <ac:spMkLst>
            <pc:docMk/>
            <pc:sldMk cId="2376958513" sldId="260"/>
            <ac:spMk id="14004" creationId="{3DDED1C5-01F1-8CF0-D9CD-A39E81F47314}"/>
          </ac:spMkLst>
        </pc:spChg>
        <pc:spChg chg="mod">
          <ac:chgData name="White, Alex" userId="eff6cc8c-37d8-483b-9c6c-6b27e9afa9bc" providerId="ADAL" clId="{BF04C754-5BF4-4E83-9615-DB14FA25AF8A}" dt="2023-10-12T11:38:42.377" v="307"/>
          <ac:spMkLst>
            <pc:docMk/>
            <pc:sldMk cId="2376958513" sldId="260"/>
            <ac:spMk id="14005" creationId="{7190E0F9-0AB0-382A-066D-E006D60512EB}"/>
          </ac:spMkLst>
        </pc:spChg>
        <pc:spChg chg="mod">
          <ac:chgData name="White, Alex" userId="eff6cc8c-37d8-483b-9c6c-6b27e9afa9bc" providerId="ADAL" clId="{BF04C754-5BF4-4E83-9615-DB14FA25AF8A}" dt="2023-10-12T11:38:42.377" v="307"/>
          <ac:spMkLst>
            <pc:docMk/>
            <pc:sldMk cId="2376958513" sldId="260"/>
            <ac:spMk id="14006" creationId="{1997C8B2-1159-35E0-40C0-71AD9DCDB1A9}"/>
          </ac:spMkLst>
        </pc:spChg>
        <pc:spChg chg="mod">
          <ac:chgData name="White, Alex" userId="eff6cc8c-37d8-483b-9c6c-6b27e9afa9bc" providerId="ADAL" clId="{BF04C754-5BF4-4E83-9615-DB14FA25AF8A}" dt="2023-10-12T11:38:42.377" v="307"/>
          <ac:spMkLst>
            <pc:docMk/>
            <pc:sldMk cId="2376958513" sldId="260"/>
            <ac:spMk id="14007" creationId="{547142C3-486D-84FA-3E71-DE1D95236453}"/>
          </ac:spMkLst>
        </pc:spChg>
        <pc:spChg chg="mod">
          <ac:chgData name="White, Alex" userId="eff6cc8c-37d8-483b-9c6c-6b27e9afa9bc" providerId="ADAL" clId="{BF04C754-5BF4-4E83-9615-DB14FA25AF8A}" dt="2023-10-12T11:38:42.377" v="307"/>
          <ac:spMkLst>
            <pc:docMk/>
            <pc:sldMk cId="2376958513" sldId="260"/>
            <ac:spMk id="14008" creationId="{AA23D3CC-76BD-00B3-F62A-580A5BDDBB64}"/>
          </ac:spMkLst>
        </pc:spChg>
        <pc:spChg chg="mod">
          <ac:chgData name="White, Alex" userId="eff6cc8c-37d8-483b-9c6c-6b27e9afa9bc" providerId="ADAL" clId="{BF04C754-5BF4-4E83-9615-DB14FA25AF8A}" dt="2023-10-12T11:38:42.377" v="307"/>
          <ac:spMkLst>
            <pc:docMk/>
            <pc:sldMk cId="2376958513" sldId="260"/>
            <ac:spMk id="14009" creationId="{478F9C61-EE98-92B5-556D-10D02EF4FBF3}"/>
          </ac:spMkLst>
        </pc:spChg>
        <pc:spChg chg="mod">
          <ac:chgData name="White, Alex" userId="eff6cc8c-37d8-483b-9c6c-6b27e9afa9bc" providerId="ADAL" clId="{BF04C754-5BF4-4E83-9615-DB14FA25AF8A}" dt="2023-10-12T11:38:42.377" v="307"/>
          <ac:spMkLst>
            <pc:docMk/>
            <pc:sldMk cId="2376958513" sldId="260"/>
            <ac:spMk id="14010" creationId="{A6892C52-97F4-89B8-72D4-52DC076E5DF9}"/>
          </ac:spMkLst>
        </pc:spChg>
        <pc:spChg chg="mod">
          <ac:chgData name="White, Alex" userId="eff6cc8c-37d8-483b-9c6c-6b27e9afa9bc" providerId="ADAL" clId="{BF04C754-5BF4-4E83-9615-DB14FA25AF8A}" dt="2023-10-12T11:38:42.377" v="307"/>
          <ac:spMkLst>
            <pc:docMk/>
            <pc:sldMk cId="2376958513" sldId="260"/>
            <ac:spMk id="14011" creationId="{40E2CF94-70B0-AF91-33DB-5085B650993A}"/>
          </ac:spMkLst>
        </pc:spChg>
        <pc:spChg chg="mod">
          <ac:chgData name="White, Alex" userId="eff6cc8c-37d8-483b-9c6c-6b27e9afa9bc" providerId="ADAL" clId="{BF04C754-5BF4-4E83-9615-DB14FA25AF8A}" dt="2023-10-12T11:38:42.377" v="307"/>
          <ac:spMkLst>
            <pc:docMk/>
            <pc:sldMk cId="2376958513" sldId="260"/>
            <ac:spMk id="14012" creationId="{FFD5DB05-E808-81AD-1A83-EF0E76FB3C55}"/>
          </ac:spMkLst>
        </pc:spChg>
        <pc:spChg chg="mod">
          <ac:chgData name="White, Alex" userId="eff6cc8c-37d8-483b-9c6c-6b27e9afa9bc" providerId="ADAL" clId="{BF04C754-5BF4-4E83-9615-DB14FA25AF8A}" dt="2023-10-12T11:38:42.377" v="307"/>
          <ac:spMkLst>
            <pc:docMk/>
            <pc:sldMk cId="2376958513" sldId="260"/>
            <ac:spMk id="14013" creationId="{3A217552-AEC6-F2D1-DC61-C9820407EE01}"/>
          </ac:spMkLst>
        </pc:spChg>
        <pc:spChg chg="mod">
          <ac:chgData name="White, Alex" userId="eff6cc8c-37d8-483b-9c6c-6b27e9afa9bc" providerId="ADAL" clId="{BF04C754-5BF4-4E83-9615-DB14FA25AF8A}" dt="2023-10-12T11:38:42.377" v="307"/>
          <ac:spMkLst>
            <pc:docMk/>
            <pc:sldMk cId="2376958513" sldId="260"/>
            <ac:spMk id="14014" creationId="{F648504B-B3A4-0D28-1187-75F3C4420036}"/>
          </ac:spMkLst>
        </pc:spChg>
        <pc:spChg chg="mod">
          <ac:chgData name="White, Alex" userId="eff6cc8c-37d8-483b-9c6c-6b27e9afa9bc" providerId="ADAL" clId="{BF04C754-5BF4-4E83-9615-DB14FA25AF8A}" dt="2023-10-12T11:38:42.377" v="307"/>
          <ac:spMkLst>
            <pc:docMk/>
            <pc:sldMk cId="2376958513" sldId="260"/>
            <ac:spMk id="14015" creationId="{980E8816-246A-81B9-BC87-DD2168081E66}"/>
          </ac:spMkLst>
        </pc:spChg>
        <pc:spChg chg="mod">
          <ac:chgData name="White, Alex" userId="eff6cc8c-37d8-483b-9c6c-6b27e9afa9bc" providerId="ADAL" clId="{BF04C754-5BF4-4E83-9615-DB14FA25AF8A}" dt="2023-10-12T11:38:42.377" v="307"/>
          <ac:spMkLst>
            <pc:docMk/>
            <pc:sldMk cId="2376958513" sldId="260"/>
            <ac:spMk id="14016" creationId="{3B36604A-9C9E-7D7F-398A-0452F978A021}"/>
          </ac:spMkLst>
        </pc:spChg>
        <pc:spChg chg="mod">
          <ac:chgData name="White, Alex" userId="eff6cc8c-37d8-483b-9c6c-6b27e9afa9bc" providerId="ADAL" clId="{BF04C754-5BF4-4E83-9615-DB14FA25AF8A}" dt="2023-10-12T11:38:42.377" v="307"/>
          <ac:spMkLst>
            <pc:docMk/>
            <pc:sldMk cId="2376958513" sldId="260"/>
            <ac:spMk id="14017" creationId="{248056AB-8F7A-D29E-FC77-49C3F84C4DEA}"/>
          </ac:spMkLst>
        </pc:spChg>
        <pc:spChg chg="mod">
          <ac:chgData name="White, Alex" userId="eff6cc8c-37d8-483b-9c6c-6b27e9afa9bc" providerId="ADAL" clId="{BF04C754-5BF4-4E83-9615-DB14FA25AF8A}" dt="2023-10-12T11:38:42.377" v="307"/>
          <ac:spMkLst>
            <pc:docMk/>
            <pc:sldMk cId="2376958513" sldId="260"/>
            <ac:spMk id="14018" creationId="{DAC7FB78-B3F3-20EB-DC30-F41A779309EC}"/>
          </ac:spMkLst>
        </pc:spChg>
        <pc:spChg chg="mod">
          <ac:chgData name="White, Alex" userId="eff6cc8c-37d8-483b-9c6c-6b27e9afa9bc" providerId="ADAL" clId="{BF04C754-5BF4-4E83-9615-DB14FA25AF8A}" dt="2023-10-12T11:38:42.377" v="307"/>
          <ac:spMkLst>
            <pc:docMk/>
            <pc:sldMk cId="2376958513" sldId="260"/>
            <ac:spMk id="14019" creationId="{D38461C2-5DDB-6A95-C774-CB8235BC9AF8}"/>
          </ac:spMkLst>
        </pc:spChg>
        <pc:spChg chg="mod">
          <ac:chgData name="White, Alex" userId="eff6cc8c-37d8-483b-9c6c-6b27e9afa9bc" providerId="ADAL" clId="{BF04C754-5BF4-4E83-9615-DB14FA25AF8A}" dt="2023-10-12T11:38:42.377" v="307"/>
          <ac:spMkLst>
            <pc:docMk/>
            <pc:sldMk cId="2376958513" sldId="260"/>
            <ac:spMk id="14020" creationId="{9D07B994-DE57-8729-A073-6FB063C529A1}"/>
          </ac:spMkLst>
        </pc:spChg>
        <pc:spChg chg="mod">
          <ac:chgData name="White, Alex" userId="eff6cc8c-37d8-483b-9c6c-6b27e9afa9bc" providerId="ADAL" clId="{BF04C754-5BF4-4E83-9615-DB14FA25AF8A}" dt="2023-10-12T11:38:42.377" v="307"/>
          <ac:spMkLst>
            <pc:docMk/>
            <pc:sldMk cId="2376958513" sldId="260"/>
            <ac:spMk id="14021" creationId="{1DD5ED4F-8A70-6BD3-B148-9B100F0CE738}"/>
          </ac:spMkLst>
        </pc:spChg>
        <pc:spChg chg="mod">
          <ac:chgData name="White, Alex" userId="eff6cc8c-37d8-483b-9c6c-6b27e9afa9bc" providerId="ADAL" clId="{BF04C754-5BF4-4E83-9615-DB14FA25AF8A}" dt="2023-10-12T11:38:42.377" v="307"/>
          <ac:spMkLst>
            <pc:docMk/>
            <pc:sldMk cId="2376958513" sldId="260"/>
            <ac:spMk id="14022" creationId="{B6D7E763-3D04-097D-67F3-8927CA5B35F8}"/>
          </ac:spMkLst>
        </pc:spChg>
        <pc:spChg chg="mod">
          <ac:chgData name="White, Alex" userId="eff6cc8c-37d8-483b-9c6c-6b27e9afa9bc" providerId="ADAL" clId="{BF04C754-5BF4-4E83-9615-DB14FA25AF8A}" dt="2023-10-12T11:38:42.377" v="307"/>
          <ac:spMkLst>
            <pc:docMk/>
            <pc:sldMk cId="2376958513" sldId="260"/>
            <ac:spMk id="14023" creationId="{D6540E18-B557-996F-AC1D-F74C7391D346}"/>
          </ac:spMkLst>
        </pc:spChg>
        <pc:spChg chg="mod">
          <ac:chgData name="White, Alex" userId="eff6cc8c-37d8-483b-9c6c-6b27e9afa9bc" providerId="ADAL" clId="{BF04C754-5BF4-4E83-9615-DB14FA25AF8A}" dt="2023-10-12T11:38:42.377" v="307"/>
          <ac:spMkLst>
            <pc:docMk/>
            <pc:sldMk cId="2376958513" sldId="260"/>
            <ac:spMk id="14024" creationId="{0B52C13E-509D-1B4F-9843-242E8B62E89E}"/>
          </ac:spMkLst>
        </pc:spChg>
        <pc:spChg chg="mod">
          <ac:chgData name="White, Alex" userId="eff6cc8c-37d8-483b-9c6c-6b27e9afa9bc" providerId="ADAL" clId="{BF04C754-5BF4-4E83-9615-DB14FA25AF8A}" dt="2023-10-12T11:38:42.377" v="307"/>
          <ac:spMkLst>
            <pc:docMk/>
            <pc:sldMk cId="2376958513" sldId="260"/>
            <ac:spMk id="14025" creationId="{DC02F5F7-870B-CFDC-3CD2-4182EC7765A0}"/>
          </ac:spMkLst>
        </pc:spChg>
        <pc:spChg chg="mod">
          <ac:chgData name="White, Alex" userId="eff6cc8c-37d8-483b-9c6c-6b27e9afa9bc" providerId="ADAL" clId="{BF04C754-5BF4-4E83-9615-DB14FA25AF8A}" dt="2023-10-12T11:38:42.377" v="307"/>
          <ac:spMkLst>
            <pc:docMk/>
            <pc:sldMk cId="2376958513" sldId="260"/>
            <ac:spMk id="14026" creationId="{9939734A-41AB-22FD-4B3B-4BE131F10485}"/>
          </ac:spMkLst>
        </pc:spChg>
        <pc:spChg chg="mod">
          <ac:chgData name="White, Alex" userId="eff6cc8c-37d8-483b-9c6c-6b27e9afa9bc" providerId="ADAL" clId="{BF04C754-5BF4-4E83-9615-DB14FA25AF8A}" dt="2023-10-12T11:38:42.377" v="307"/>
          <ac:spMkLst>
            <pc:docMk/>
            <pc:sldMk cId="2376958513" sldId="260"/>
            <ac:spMk id="14027" creationId="{C8182D33-672D-959A-7CC4-E2982F444028}"/>
          </ac:spMkLst>
        </pc:spChg>
        <pc:spChg chg="mod">
          <ac:chgData name="White, Alex" userId="eff6cc8c-37d8-483b-9c6c-6b27e9afa9bc" providerId="ADAL" clId="{BF04C754-5BF4-4E83-9615-DB14FA25AF8A}" dt="2023-10-12T11:38:42.377" v="307"/>
          <ac:spMkLst>
            <pc:docMk/>
            <pc:sldMk cId="2376958513" sldId="260"/>
            <ac:spMk id="14028" creationId="{9E7C994E-3A95-B118-5E44-7362B96F2C34}"/>
          </ac:spMkLst>
        </pc:spChg>
        <pc:spChg chg="mod">
          <ac:chgData name="White, Alex" userId="eff6cc8c-37d8-483b-9c6c-6b27e9afa9bc" providerId="ADAL" clId="{BF04C754-5BF4-4E83-9615-DB14FA25AF8A}" dt="2023-10-12T11:38:42.377" v="307"/>
          <ac:spMkLst>
            <pc:docMk/>
            <pc:sldMk cId="2376958513" sldId="260"/>
            <ac:spMk id="14029" creationId="{3FC76F98-8DD2-216B-DF86-2118946DF326}"/>
          </ac:spMkLst>
        </pc:spChg>
        <pc:spChg chg="mod">
          <ac:chgData name="White, Alex" userId="eff6cc8c-37d8-483b-9c6c-6b27e9afa9bc" providerId="ADAL" clId="{BF04C754-5BF4-4E83-9615-DB14FA25AF8A}" dt="2023-10-12T11:38:42.377" v="307"/>
          <ac:spMkLst>
            <pc:docMk/>
            <pc:sldMk cId="2376958513" sldId="260"/>
            <ac:spMk id="14030" creationId="{23CB2F95-B34B-BADE-612C-DED336DB767D}"/>
          </ac:spMkLst>
        </pc:spChg>
        <pc:spChg chg="mod">
          <ac:chgData name="White, Alex" userId="eff6cc8c-37d8-483b-9c6c-6b27e9afa9bc" providerId="ADAL" clId="{BF04C754-5BF4-4E83-9615-DB14FA25AF8A}" dt="2023-10-12T11:38:42.377" v="307"/>
          <ac:spMkLst>
            <pc:docMk/>
            <pc:sldMk cId="2376958513" sldId="260"/>
            <ac:spMk id="14031" creationId="{736B90C1-9DF4-2072-2730-585B6F8A7046}"/>
          </ac:spMkLst>
        </pc:spChg>
        <pc:spChg chg="mod">
          <ac:chgData name="White, Alex" userId="eff6cc8c-37d8-483b-9c6c-6b27e9afa9bc" providerId="ADAL" clId="{BF04C754-5BF4-4E83-9615-DB14FA25AF8A}" dt="2023-10-12T11:38:42.377" v="307"/>
          <ac:spMkLst>
            <pc:docMk/>
            <pc:sldMk cId="2376958513" sldId="260"/>
            <ac:spMk id="14032" creationId="{F4C7E837-49F6-F470-C51B-34D4D14678D6}"/>
          </ac:spMkLst>
        </pc:spChg>
        <pc:spChg chg="mod">
          <ac:chgData name="White, Alex" userId="eff6cc8c-37d8-483b-9c6c-6b27e9afa9bc" providerId="ADAL" clId="{BF04C754-5BF4-4E83-9615-DB14FA25AF8A}" dt="2023-10-12T11:38:42.377" v="307"/>
          <ac:spMkLst>
            <pc:docMk/>
            <pc:sldMk cId="2376958513" sldId="260"/>
            <ac:spMk id="14033" creationId="{54389589-5F53-0BE2-C973-A73A31C1A610}"/>
          </ac:spMkLst>
        </pc:spChg>
        <pc:spChg chg="mod">
          <ac:chgData name="White, Alex" userId="eff6cc8c-37d8-483b-9c6c-6b27e9afa9bc" providerId="ADAL" clId="{BF04C754-5BF4-4E83-9615-DB14FA25AF8A}" dt="2023-10-12T11:38:42.377" v="307"/>
          <ac:spMkLst>
            <pc:docMk/>
            <pc:sldMk cId="2376958513" sldId="260"/>
            <ac:spMk id="14034" creationId="{55D58944-F604-719F-6EDA-AC8F2A3E2AB8}"/>
          </ac:spMkLst>
        </pc:spChg>
        <pc:spChg chg="mod">
          <ac:chgData name="White, Alex" userId="eff6cc8c-37d8-483b-9c6c-6b27e9afa9bc" providerId="ADAL" clId="{BF04C754-5BF4-4E83-9615-DB14FA25AF8A}" dt="2023-10-12T11:38:42.377" v="307"/>
          <ac:spMkLst>
            <pc:docMk/>
            <pc:sldMk cId="2376958513" sldId="260"/>
            <ac:spMk id="14035" creationId="{C8227A2A-1EDB-CD0A-74BD-2BBA6FD393B5}"/>
          </ac:spMkLst>
        </pc:spChg>
        <pc:spChg chg="mod">
          <ac:chgData name="White, Alex" userId="eff6cc8c-37d8-483b-9c6c-6b27e9afa9bc" providerId="ADAL" clId="{BF04C754-5BF4-4E83-9615-DB14FA25AF8A}" dt="2023-10-12T11:38:42.377" v="307"/>
          <ac:spMkLst>
            <pc:docMk/>
            <pc:sldMk cId="2376958513" sldId="260"/>
            <ac:spMk id="14036" creationId="{236FF73B-169F-C752-856D-550C03E461BD}"/>
          </ac:spMkLst>
        </pc:spChg>
        <pc:spChg chg="mod">
          <ac:chgData name="White, Alex" userId="eff6cc8c-37d8-483b-9c6c-6b27e9afa9bc" providerId="ADAL" clId="{BF04C754-5BF4-4E83-9615-DB14FA25AF8A}" dt="2023-10-12T11:38:42.377" v="307"/>
          <ac:spMkLst>
            <pc:docMk/>
            <pc:sldMk cId="2376958513" sldId="260"/>
            <ac:spMk id="14037" creationId="{F5284C47-7375-51BD-BC51-7B93FA38FD58}"/>
          </ac:spMkLst>
        </pc:spChg>
        <pc:spChg chg="mod">
          <ac:chgData name="White, Alex" userId="eff6cc8c-37d8-483b-9c6c-6b27e9afa9bc" providerId="ADAL" clId="{BF04C754-5BF4-4E83-9615-DB14FA25AF8A}" dt="2023-10-12T11:38:42.377" v="307"/>
          <ac:spMkLst>
            <pc:docMk/>
            <pc:sldMk cId="2376958513" sldId="260"/>
            <ac:spMk id="14038" creationId="{02531E98-97D3-7557-A675-5332C2A71062}"/>
          </ac:spMkLst>
        </pc:spChg>
        <pc:spChg chg="mod">
          <ac:chgData name="White, Alex" userId="eff6cc8c-37d8-483b-9c6c-6b27e9afa9bc" providerId="ADAL" clId="{BF04C754-5BF4-4E83-9615-DB14FA25AF8A}" dt="2023-10-12T11:38:42.377" v="307"/>
          <ac:spMkLst>
            <pc:docMk/>
            <pc:sldMk cId="2376958513" sldId="260"/>
            <ac:spMk id="14039" creationId="{5A2C7340-6F0D-A698-64C2-88753730584D}"/>
          </ac:spMkLst>
        </pc:spChg>
        <pc:spChg chg="mod">
          <ac:chgData name="White, Alex" userId="eff6cc8c-37d8-483b-9c6c-6b27e9afa9bc" providerId="ADAL" clId="{BF04C754-5BF4-4E83-9615-DB14FA25AF8A}" dt="2023-10-12T11:38:42.377" v="307"/>
          <ac:spMkLst>
            <pc:docMk/>
            <pc:sldMk cId="2376958513" sldId="260"/>
            <ac:spMk id="14040" creationId="{7FF05B0D-5120-6594-504D-D688AF14321D}"/>
          </ac:spMkLst>
        </pc:spChg>
        <pc:spChg chg="mod">
          <ac:chgData name="White, Alex" userId="eff6cc8c-37d8-483b-9c6c-6b27e9afa9bc" providerId="ADAL" clId="{BF04C754-5BF4-4E83-9615-DB14FA25AF8A}" dt="2023-10-12T11:38:42.377" v="307"/>
          <ac:spMkLst>
            <pc:docMk/>
            <pc:sldMk cId="2376958513" sldId="260"/>
            <ac:spMk id="14041" creationId="{3316F8F7-E397-BF77-E93B-CED2B4AD8BB5}"/>
          </ac:spMkLst>
        </pc:spChg>
        <pc:spChg chg="mod">
          <ac:chgData name="White, Alex" userId="eff6cc8c-37d8-483b-9c6c-6b27e9afa9bc" providerId="ADAL" clId="{BF04C754-5BF4-4E83-9615-DB14FA25AF8A}" dt="2023-10-12T11:38:42.377" v="307"/>
          <ac:spMkLst>
            <pc:docMk/>
            <pc:sldMk cId="2376958513" sldId="260"/>
            <ac:spMk id="14042" creationId="{C97C0228-9471-3010-A33D-12BF5D473C1A}"/>
          </ac:spMkLst>
        </pc:spChg>
        <pc:spChg chg="mod">
          <ac:chgData name="White, Alex" userId="eff6cc8c-37d8-483b-9c6c-6b27e9afa9bc" providerId="ADAL" clId="{BF04C754-5BF4-4E83-9615-DB14FA25AF8A}" dt="2023-10-12T11:38:42.377" v="307"/>
          <ac:spMkLst>
            <pc:docMk/>
            <pc:sldMk cId="2376958513" sldId="260"/>
            <ac:spMk id="14043" creationId="{81789A4C-EBDD-A553-8661-33FBC6EC593D}"/>
          </ac:spMkLst>
        </pc:spChg>
        <pc:spChg chg="mod">
          <ac:chgData name="White, Alex" userId="eff6cc8c-37d8-483b-9c6c-6b27e9afa9bc" providerId="ADAL" clId="{BF04C754-5BF4-4E83-9615-DB14FA25AF8A}" dt="2023-10-12T11:38:42.377" v="307"/>
          <ac:spMkLst>
            <pc:docMk/>
            <pc:sldMk cId="2376958513" sldId="260"/>
            <ac:spMk id="14044" creationId="{1F3B7117-1968-17C1-0030-4F3696CB6217}"/>
          </ac:spMkLst>
        </pc:spChg>
        <pc:spChg chg="mod">
          <ac:chgData name="White, Alex" userId="eff6cc8c-37d8-483b-9c6c-6b27e9afa9bc" providerId="ADAL" clId="{BF04C754-5BF4-4E83-9615-DB14FA25AF8A}" dt="2023-10-12T11:38:42.377" v="307"/>
          <ac:spMkLst>
            <pc:docMk/>
            <pc:sldMk cId="2376958513" sldId="260"/>
            <ac:spMk id="14045" creationId="{BB808361-6915-097C-D8FF-A87E21D25860}"/>
          </ac:spMkLst>
        </pc:spChg>
        <pc:spChg chg="mod">
          <ac:chgData name="White, Alex" userId="eff6cc8c-37d8-483b-9c6c-6b27e9afa9bc" providerId="ADAL" clId="{BF04C754-5BF4-4E83-9615-DB14FA25AF8A}" dt="2023-10-12T11:38:42.377" v="307"/>
          <ac:spMkLst>
            <pc:docMk/>
            <pc:sldMk cId="2376958513" sldId="260"/>
            <ac:spMk id="14046" creationId="{EC1A8084-7BBA-6352-23E5-8A124D095CD8}"/>
          </ac:spMkLst>
        </pc:spChg>
        <pc:spChg chg="mod">
          <ac:chgData name="White, Alex" userId="eff6cc8c-37d8-483b-9c6c-6b27e9afa9bc" providerId="ADAL" clId="{BF04C754-5BF4-4E83-9615-DB14FA25AF8A}" dt="2023-10-12T11:38:42.377" v="307"/>
          <ac:spMkLst>
            <pc:docMk/>
            <pc:sldMk cId="2376958513" sldId="260"/>
            <ac:spMk id="14047" creationId="{B2279E67-37BB-F174-0766-3D4D1D26B377}"/>
          </ac:spMkLst>
        </pc:spChg>
        <pc:spChg chg="mod">
          <ac:chgData name="White, Alex" userId="eff6cc8c-37d8-483b-9c6c-6b27e9afa9bc" providerId="ADAL" clId="{BF04C754-5BF4-4E83-9615-DB14FA25AF8A}" dt="2023-10-12T11:38:42.377" v="307"/>
          <ac:spMkLst>
            <pc:docMk/>
            <pc:sldMk cId="2376958513" sldId="260"/>
            <ac:spMk id="14048" creationId="{7BA2DE06-326C-3A44-8225-91A33DCC2B4B}"/>
          </ac:spMkLst>
        </pc:spChg>
        <pc:spChg chg="mod">
          <ac:chgData name="White, Alex" userId="eff6cc8c-37d8-483b-9c6c-6b27e9afa9bc" providerId="ADAL" clId="{BF04C754-5BF4-4E83-9615-DB14FA25AF8A}" dt="2023-10-12T11:38:42.377" v="307"/>
          <ac:spMkLst>
            <pc:docMk/>
            <pc:sldMk cId="2376958513" sldId="260"/>
            <ac:spMk id="14049" creationId="{4E1F35AC-C27E-668A-E345-4337D927E400}"/>
          </ac:spMkLst>
        </pc:spChg>
        <pc:spChg chg="mod">
          <ac:chgData name="White, Alex" userId="eff6cc8c-37d8-483b-9c6c-6b27e9afa9bc" providerId="ADAL" clId="{BF04C754-5BF4-4E83-9615-DB14FA25AF8A}" dt="2023-10-12T11:38:42.377" v="307"/>
          <ac:spMkLst>
            <pc:docMk/>
            <pc:sldMk cId="2376958513" sldId="260"/>
            <ac:spMk id="14050" creationId="{03A6E39F-EF4F-7689-630D-8D6068F6462F}"/>
          </ac:spMkLst>
        </pc:spChg>
        <pc:spChg chg="mod">
          <ac:chgData name="White, Alex" userId="eff6cc8c-37d8-483b-9c6c-6b27e9afa9bc" providerId="ADAL" clId="{BF04C754-5BF4-4E83-9615-DB14FA25AF8A}" dt="2023-10-12T11:38:42.377" v="307"/>
          <ac:spMkLst>
            <pc:docMk/>
            <pc:sldMk cId="2376958513" sldId="260"/>
            <ac:spMk id="14051" creationId="{8CB465EF-DDAC-FB2A-6B82-37FE999E2F80}"/>
          </ac:spMkLst>
        </pc:spChg>
        <pc:spChg chg="mod">
          <ac:chgData name="White, Alex" userId="eff6cc8c-37d8-483b-9c6c-6b27e9afa9bc" providerId="ADAL" clId="{BF04C754-5BF4-4E83-9615-DB14FA25AF8A}" dt="2023-10-12T11:38:42.377" v="307"/>
          <ac:spMkLst>
            <pc:docMk/>
            <pc:sldMk cId="2376958513" sldId="260"/>
            <ac:spMk id="14052" creationId="{82B49767-E5B1-D5ED-755D-FF77BE0ECFDE}"/>
          </ac:spMkLst>
        </pc:spChg>
        <pc:spChg chg="mod">
          <ac:chgData name="White, Alex" userId="eff6cc8c-37d8-483b-9c6c-6b27e9afa9bc" providerId="ADAL" clId="{BF04C754-5BF4-4E83-9615-DB14FA25AF8A}" dt="2023-10-12T11:38:42.377" v="307"/>
          <ac:spMkLst>
            <pc:docMk/>
            <pc:sldMk cId="2376958513" sldId="260"/>
            <ac:spMk id="14053" creationId="{610CE51D-17A2-3F16-B81F-34B2BE8F2A86}"/>
          </ac:spMkLst>
        </pc:spChg>
        <pc:spChg chg="mod">
          <ac:chgData name="White, Alex" userId="eff6cc8c-37d8-483b-9c6c-6b27e9afa9bc" providerId="ADAL" clId="{BF04C754-5BF4-4E83-9615-DB14FA25AF8A}" dt="2023-10-12T11:38:42.377" v="307"/>
          <ac:spMkLst>
            <pc:docMk/>
            <pc:sldMk cId="2376958513" sldId="260"/>
            <ac:spMk id="14054" creationId="{AA319374-3C35-EAF4-A3AD-D914D3A98DC0}"/>
          </ac:spMkLst>
        </pc:spChg>
        <pc:spChg chg="mod">
          <ac:chgData name="White, Alex" userId="eff6cc8c-37d8-483b-9c6c-6b27e9afa9bc" providerId="ADAL" clId="{BF04C754-5BF4-4E83-9615-DB14FA25AF8A}" dt="2023-10-12T11:38:42.377" v="307"/>
          <ac:spMkLst>
            <pc:docMk/>
            <pc:sldMk cId="2376958513" sldId="260"/>
            <ac:spMk id="14055" creationId="{13E22465-F488-3122-48F9-7E828FDBF095}"/>
          </ac:spMkLst>
        </pc:spChg>
        <pc:spChg chg="mod">
          <ac:chgData name="White, Alex" userId="eff6cc8c-37d8-483b-9c6c-6b27e9afa9bc" providerId="ADAL" clId="{BF04C754-5BF4-4E83-9615-DB14FA25AF8A}" dt="2023-10-12T11:38:42.377" v="307"/>
          <ac:spMkLst>
            <pc:docMk/>
            <pc:sldMk cId="2376958513" sldId="260"/>
            <ac:spMk id="14056" creationId="{39FB3F67-3ED9-3EB8-F032-59A15DA869D2}"/>
          </ac:spMkLst>
        </pc:spChg>
        <pc:spChg chg="mod">
          <ac:chgData name="White, Alex" userId="eff6cc8c-37d8-483b-9c6c-6b27e9afa9bc" providerId="ADAL" clId="{BF04C754-5BF4-4E83-9615-DB14FA25AF8A}" dt="2023-10-12T11:38:42.377" v="307"/>
          <ac:spMkLst>
            <pc:docMk/>
            <pc:sldMk cId="2376958513" sldId="260"/>
            <ac:spMk id="14057" creationId="{B47D7CB0-6BB8-E3D4-5EA3-A92BDED08E18}"/>
          </ac:spMkLst>
        </pc:spChg>
        <pc:spChg chg="mod">
          <ac:chgData name="White, Alex" userId="eff6cc8c-37d8-483b-9c6c-6b27e9afa9bc" providerId="ADAL" clId="{BF04C754-5BF4-4E83-9615-DB14FA25AF8A}" dt="2023-10-12T11:38:42.377" v="307"/>
          <ac:spMkLst>
            <pc:docMk/>
            <pc:sldMk cId="2376958513" sldId="260"/>
            <ac:spMk id="14058" creationId="{E5EC3076-DA3E-5577-3B21-EF4D790AA4F9}"/>
          </ac:spMkLst>
        </pc:spChg>
        <pc:spChg chg="mod">
          <ac:chgData name="White, Alex" userId="eff6cc8c-37d8-483b-9c6c-6b27e9afa9bc" providerId="ADAL" clId="{BF04C754-5BF4-4E83-9615-DB14FA25AF8A}" dt="2023-10-12T11:38:42.377" v="307"/>
          <ac:spMkLst>
            <pc:docMk/>
            <pc:sldMk cId="2376958513" sldId="260"/>
            <ac:spMk id="14059" creationId="{13A4F2BA-F358-FAEA-A6BB-E220870A2100}"/>
          </ac:spMkLst>
        </pc:spChg>
        <pc:spChg chg="mod">
          <ac:chgData name="White, Alex" userId="eff6cc8c-37d8-483b-9c6c-6b27e9afa9bc" providerId="ADAL" clId="{BF04C754-5BF4-4E83-9615-DB14FA25AF8A}" dt="2023-10-12T11:38:42.377" v="307"/>
          <ac:spMkLst>
            <pc:docMk/>
            <pc:sldMk cId="2376958513" sldId="260"/>
            <ac:spMk id="14060" creationId="{884BC0E8-A311-AD97-CB9A-8FED98A18361}"/>
          </ac:spMkLst>
        </pc:spChg>
        <pc:spChg chg="mod">
          <ac:chgData name="White, Alex" userId="eff6cc8c-37d8-483b-9c6c-6b27e9afa9bc" providerId="ADAL" clId="{BF04C754-5BF4-4E83-9615-DB14FA25AF8A}" dt="2023-10-12T11:38:42.377" v="307"/>
          <ac:spMkLst>
            <pc:docMk/>
            <pc:sldMk cId="2376958513" sldId="260"/>
            <ac:spMk id="14061" creationId="{CB3777B5-85FA-2CC9-9E9F-83C438DB0C78}"/>
          </ac:spMkLst>
        </pc:spChg>
        <pc:spChg chg="mod">
          <ac:chgData name="White, Alex" userId="eff6cc8c-37d8-483b-9c6c-6b27e9afa9bc" providerId="ADAL" clId="{BF04C754-5BF4-4E83-9615-DB14FA25AF8A}" dt="2023-10-12T11:38:42.377" v="307"/>
          <ac:spMkLst>
            <pc:docMk/>
            <pc:sldMk cId="2376958513" sldId="260"/>
            <ac:spMk id="14062" creationId="{1A02295D-4B3B-A4B3-844A-1594001A8BD0}"/>
          </ac:spMkLst>
        </pc:spChg>
        <pc:spChg chg="mod">
          <ac:chgData name="White, Alex" userId="eff6cc8c-37d8-483b-9c6c-6b27e9afa9bc" providerId="ADAL" clId="{BF04C754-5BF4-4E83-9615-DB14FA25AF8A}" dt="2023-10-12T11:38:42.377" v="307"/>
          <ac:spMkLst>
            <pc:docMk/>
            <pc:sldMk cId="2376958513" sldId="260"/>
            <ac:spMk id="14063" creationId="{8F7901D3-E42F-D000-90B5-D182DBCAF8E8}"/>
          </ac:spMkLst>
        </pc:spChg>
        <pc:spChg chg="mod">
          <ac:chgData name="White, Alex" userId="eff6cc8c-37d8-483b-9c6c-6b27e9afa9bc" providerId="ADAL" clId="{BF04C754-5BF4-4E83-9615-DB14FA25AF8A}" dt="2023-10-12T11:38:42.377" v="307"/>
          <ac:spMkLst>
            <pc:docMk/>
            <pc:sldMk cId="2376958513" sldId="260"/>
            <ac:spMk id="14064" creationId="{D2D0E615-0A5C-CA5A-595C-28B4A0F8DBA0}"/>
          </ac:spMkLst>
        </pc:spChg>
        <pc:spChg chg="mod">
          <ac:chgData name="White, Alex" userId="eff6cc8c-37d8-483b-9c6c-6b27e9afa9bc" providerId="ADAL" clId="{BF04C754-5BF4-4E83-9615-DB14FA25AF8A}" dt="2023-10-12T11:38:42.377" v="307"/>
          <ac:spMkLst>
            <pc:docMk/>
            <pc:sldMk cId="2376958513" sldId="260"/>
            <ac:spMk id="14065" creationId="{29DC4469-59E1-8ECF-F90E-7986B79F97F5}"/>
          </ac:spMkLst>
        </pc:spChg>
        <pc:spChg chg="mod">
          <ac:chgData name="White, Alex" userId="eff6cc8c-37d8-483b-9c6c-6b27e9afa9bc" providerId="ADAL" clId="{BF04C754-5BF4-4E83-9615-DB14FA25AF8A}" dt="2023-10-12T11:38:42.377" v="307"/>
          <ac:spMkLst>
            <pc:docMk/>
            <pc:sldMk cId="2376958513" sldId="260"/>
            <ac:spMk id="14066" creationId="{554A2C05-F78D-29DC-0C97-B1F70CAF2676}"/>
          </ac:spMkLst>
        </pc:spChg>
        <pc:spChg chg="mod">
          <ac:chgData name="White, Alex" userId="eff6cc8c-37d8-483b-9c6c-6b27e9afa9bc" providerId="ADAL" clId="{BF04C754-5BF4-4E83-9615-DB14FA25AF8A}" dt="2023-10-12T11:38:42.377" v="307"/>
          <ac:spMkLst>
            <pc:docMk/>
            <pc:sldMk cId="2376958513" sldId="260"/>
            <ac:spMk id="14067" creationId="{9E25CBF2-BC48-9248-B8F5-4A18B49B59F2}"/>
          </ac:spMkLst>
        </pc:spChg>
        <pc:spChg chg="mod">
          <ac:chgData name="White, Alex" userId="eff6cc8c-37d8-483b-9c6c-6b27e9afa9bc" providerId="ADAL" clId="{BF04C754-5BF4-4E83-9615-DB14FA25AF8A}" dt="2023-10-12T11:38:42.377" v="307"/>
          <ac:spMkLst>
            <pc:docMk/>
            <pc:sldMk cId="2376958513" sldId="260"/>
            <ac:spMk id="14068" creationId="{D5EAF5EE-0FB2-6356-7DB9-628B8A8EDF17}"/>
          </ac:spMkLst>
        </pc:spChg>
        <pc:spChg chg="mod">
          <ac:chgData name="White, Alex" userId="eff6cc8c-37d8-483b-9c6c-6b27e9afa9bc" providerId="ADAL" clId="{BF04C754-5BF4-4E83-9615-DB14FA25AF8A}" dt="2023-10-12T11:38:42.377" v="307"/>
          <ac:spMkLst>
            <pc:docMk/>
            <pc:sldMk cId="2376958513" sldId="260"/>
            <ac:spMk id="14069" creationId="{52A9E23C-0306-6221-ECBC-DAD35F8CCDDA}"/>
          </ac:spMkLst>
        </pc:spChg>
        <pc:spChg chg="mod">
          <ac:chgData name="White, Alex" userId="eff6cc8c-37d8-483b-9c6c-6b27e9afa9bc" providerId="ADAL" clId="{BF04C754-5BF4-4E83-9615-DB14FA25AF8A}" dt="2023-10-12T11:38:42.377" v="307"/>
          <ac:spMkLst>
            <pc:docMk/>
            <pc:sldMk cId="2376958513" sldId="260"/>
            <ac:spMk id="14070" creationId="{9467F388-BCB0-EDE2-F0A5-C3FC575BE329}"/>
          </ac:spMkLst>
        </pc:spChg>
        <pc:spChg chg="mod">
          <ac:chgData name="White, Alex" userId="eff6cc8c-37d8-483b-9c6c-6b27e9afa9bc" providerId="ADAL" clId="{BF04C754-5BF4-4E83-9615-DB14FA25AF8A}" dt="2023-10-12T11:38:42.377" v="307"/>
          <ac:spMkLst>
            <pc:docMk/>
            <pc:sldMk cId="2376958513" sldId="260"/>
            <ac:spMk id="14071" creationId="{FBCCF3C4-51B6-5595-F8BD-4B3AE7F92FB3}"/>
          </ac:spMkLst>
        </pc:spChg>
        <pc:spChg chg="mod">
          <ac:chgData name="White, Alex" userId="eff6cc8c-37d8-483b-9c6c-6b27e9afa9bc" providerId="ADAL" clId="{BF04C754-5BF4-4E83-9615-DB14FA25AF8A}" dt="2023-10-12T11:38:42.377" v="307"/>
          <ac:spMkLst>
            <pc:docMk/>
            <pc:sldMk cId="2376958513" sldId="260"/>
            <ac:spMk id="14072" creationId="{538FC293-666F-3D43-D61C-0006357AFE9D}"/>
          </ac:spMkLst>
        </pc:spChg>
        <pc:spChg chg="mod">
          <ac:chgData name="White, Alex" userId="eff6cc8c-37d8-483b-9c6c-6b27e9afa9bc" providerId="ADAL" clId="{BF04C754-5BF4-4E83-9615-DB14FA25AF8A}" dt="2023-10-12T11:38:42.377" v="307"/>
          <ac:spMkLst>
            <pc:docMk/>
            <pc:sldMk cId="2376958513" sldId="260"/>
            <ac:spMk id="14073" creationId="{B2E60BF2-00FA-A54C-D940-E3AB8D5FD371}"/>
          </ac:spMkLst>
        </pc:spChg>
        <pc:spChg chg="mod">
          <ac:chgData name="White, Alex" userId="eff6cc8c-37d8-483b-9c6c-6b27e9afa9bc" providerId="ADAL" clId="{BF04C754-5BF4-4E83-9615-DB14FA25AF8A}" dt="2023-10-12T11:38:42.377" v="307"/>
          <ac:spMkLst>
            <pc:docMk/>
            <pc:sldMk cId="2376958513" sldId="260"/>
            <ac:spMk id="14074" creationId="{AB56D02C-EBA0-C369-8D76-F3DC48823D0E}"/>
          </ac:spMkLst>
        </pc:spChg>
        <pc:spChg chg="mod">
          <ac:chgData name="White, Alex" userId="eff6cc8c-37d8-483b-9c6c-6b27e9afa9bc" providerId="ADAL" clId="{BF04C754-5BF4-4E83-9615-DB14FA25AF8A}" dt="2023-10-12T11:38:42.377" v="307"/>
          <ac:spMkLst>
            <pc:docMk/>
            <pc:sldMk cId="2376958513" sldId="260"/>
            <ac:spMk id="14075" creationId="{1D592A76-B7B6-00F1-47F3-35D197D7F81D}"/>
          </ac:spMkLst>
        </pc:spChg>
        <pc:spChg chg="mod">
          <ac:chgData name="White, Alex" userId="eff6cc8c-37d8-483b-9c6c-6b27e9afa9bc" providerId="ADAL" clId="{BF04C754-5BF4-4E83-9615-DB14FA25AF8A}" dt="2023-10-12T11:38:42.377" v="307"/>
          <ac:spMkLst>
            <pc:docMk/>
            <pc:sldMk cId="2376958513" sldId="260"/>
            <ac:spMk id="14076" creationId="{399993A5-E6BB-DEBA-C1CF-BE10622116E6}"/>
          </ac:spMkLst>
        </pc:spChg>
        <pc:spChg chg="mod">
          <ac:chgData name="White, Alex" userId="eff6cc8c-37d8-483b-9c6c-6b27e9afa9bc" providerId="ADAL" clId="{BF04C754-5BF4-4E83-9615-DB14FA25AF8A}" dt="2023-10-12T11:38:42.377" v="307"/>
          <ac:spMkLst>
            <pc:docMk/>
            <pc:sldMk cId="2376958513" sldId="260"/>
            <ac:spMk id="14077" creationId="{56681AE4-2698-D7F8-AAD0-546E23D1A67B}"/>
          </ac:spMkLst>
        </pc:spChg>
        <pc:spChg chg="mod">
          <ac:chgData name="White, Alex" userId="eff6cc8c-37d8-483b-9c6c-6b27e9afa9bc" providerId="ADAL" clId="{BF04C754-5BF4-4E83-9615-DB14FA25AF8A}" dt="2023-10-12T11:38:42.377" v="307"/>
          <ac:spMkLst>
            <pc:docMk/>
            <pc:sldMk cId="2376958513" sldId="260"/>
            <ac:spMk id="14078" creationId="{299FF0AF-8201-AA0E-65DC-EF62EFFB3318}"/>
          </ac:spMkLst>
        </pc:spChg>
        <pc:spChg chg="mod">
          <ac:chgData name="White, Alex" userId="eff6cc8c-37d8-483b-9c6c-6b27e9afa9bc" providerId="ADAL" clId="{BF04C754-5BF4-4E83-9615-DB14FA25AF8A}" dt="2023-10-12T11:38:42.377" v="307"/>
          <ac:spMkLst>
            <pc:docMk/>
            <pc:sldMk cId="2376958513" sldId="260"/>
            <ac:spMk id="14079" creationId="{FD731ADB-4CB7-7D77-8258-0FA0DBF219E8}"/>
          </ac:spMkLst>
        </pc:spChg>
        <pc:spChg chg="mod">
          <ac:chgData name="White, Alex" userId="eff6cc8c-37d8-483b-9c6c-6b27e9afa9bc" providerId="ADAL" clId="{BF04C754-5BF4-4E83-9615-DB14FA25AF8A}" dt="2023-10-12T11:38:42.377" v="307"/>
          <ac:spMkLst>
            <pc:docMk/>
            <pc:sldMk cId="2376958513" sldId="260"/>
            <ac:spMk id="14080" creationId="{59A05E63-B7B4-BD19-3B73-DDED35A0BD79}"/>
          </ac:spMkLst>
        </pc:spChg>
        <pc:spChg chg="mod">
          <ac:chgData name="White, Alex" userId="eff6cc8c-37d8-483b-9c6c-6b27e9afa9bc" providerId="ADAL" clId="{BF04C754-5BF4-4E83-9615-DB14FA25AF8A}" dt="2023-10-12T11:38:42.377" v="307"/>
          <ac:spMkLst>
            <pc:docMk/>
            <pc:sldMk cId="2376958513" sldId="260"/>
            <ac:spMk id="14081" creationId="{4CCAB96D-1301-56EB-987D-28622EC98D70}"/>
          </ac:spMkLst>
        </pc:spChg>
        <pc:spChg chg="mod">
          <ac:chgData name="White, Alex" userId="eff6cc8c-37d8-483b-9c6c-6b27e9afa9bc" providerId="ADAL" clId="{BF04C754-5BF4-4E83-9615-DB14FA25AF8A}" dt="2023-10-12T11:38:42.377" v="307"/>
          <ac:spMkLst>
            <pc:docMk/>
            <pc:sldMk cId="2376958513" sldId="260"/>
            <ac:spMk id="14082" creationId="{F6742141-FF70-2A8D-F6B8-167DB4F2C3A5}"/>
          </ac:spMkLst>
        </pc:spChg>
        <pc:spChg chg="mod">
          <ac:chgData name="White, Alex" userId="eff6cc8c-37d8-483b-9c6c-6b27e9afa9bc" providerId="ADAL" clId="{BF04C754-5BF4-4E83-9615-DB14FA25AF8A}" dt="2023-10-12T11:38:42.377" v="307"/>
          <ac:spMkLst>
            <pc:docMk/>
            <pc:sldMk cId="2376958513" sldId="260"/>
            <ac:spMk id="14083" creationId="{4A48C5D9-21A1-F8B2-0C01-F5B67DED0C64}"/>
          </ac:spMkLst>
        </pc:spChg>
        <pc:spChg chg="mod">
          <ac:chgData name="White, Alex" userId="eff6cc8c-37d8-483b-9c6c-6b27e9afa9bc" providerId="ADAL" clId="{BF04C754-5BF4-4E83-9615-DB14FA25AF8A}" dt="2023-10-12T11:38:42.377" v="307"/>
          <ac:spMkLst>
            <pc:docMk/>
            <pc:sldMk cId="2376958513" sldId="260"/>
            <ac:spMk id="14084" creationId="{C0C8666D-D3FC-10FB-3FF9-22150732EBE9}"/>
          </ac:spMkLst>
        </pc:spChg>
        <pc:spChg chg="mod">
          <ac:chgData name="White, Alex" userId="eff6cc8c-37d8-483b-9c6c-6b27e9afa9bc" providerId="ADAL" clId="{BF04C754-5BF4-4E83-9615-DB14FA25AF8A}" dt="2023-10-12T11:38:42.377" v="307"/>
          <ac:spMkLst>
            <pc:docMk/>
            <pc:sldMk cId="2376958513" sldId="260"/>
            <ac:spMk id="14085" creationId="{C8C83C7E-8A49-59A9-D26C-B2449F4FAFB7}"/>
          </ac:spMkLst>
        </pc:spChg>
        <pc:spChg chg="mod">
          <ac:chgData name="White, Alex" userId="eff6cc8c-37d8-483b-9c6c-6b27e9afa9bc" providerId="ADAL" clId="{BF04C754-5BF4-4E83-9615-DB14FA25AF8A}" dt="2023-10-12T11:38:42.377" v="307"/>
          <ac:spMkLst>
            <pc:docMk/>
            <pc:sldMk cId="2376958513" sldId="260"/>
            <ac:spMk id="14086" creationId="{6BD4F62B-319D-FD6A-3933-4A2B42249FAE}"/>
          </ac:spMkLst>
        </pc:spChg>
        <pc:spChg chg="mod">
          <ac:chgData name="White, Alex" userId="eff6cc8c-37d8-483b-9c6c-6b27e9afa9bc" providerId="ADAL" clId="{BF04C754-5BF4-4E83-9615-DB14FA25AF8A}" dt="2023-10-12T11:38:42.377" v="307"/>
          <ac:spMkLst>
            <pc:docMk/>
            <pc:sldMk cId="2376958513" sldId="260"/>
            <ac:spMk id="14087" creationId="{2A5E2171-8A19-53B6-6060-62309E4286E5}"/>
          </ac:spMkLst>
        </pc:spChg>
        <pc:spChg chg="mod">
          <ac:chgData name="White, Alex" userId="eff6cc8c-37d8-483b-9c6c-6b27e9afa9bc" providerId="ADAL" clId="{BF04C754-5BF4-4E83-9615-DB14FA25AF8A}" dt="2023-10-12T11:38:42.377" v="307"/>
          <ac:spMkLst>
            <pc:docMk/>
            <pc:sldMk cId="2376958513" sldId="260"/>
            <ac:spMk id="14088" creationId="{F100C224-1152-4557-2313-C5EE48379706}"/>
          </ac:spMkLst>
        </pc:spChg>
        <pc:spChg chg="mod">
          <ac:chgData name="White, Alex" userId="eff6cc8c-37d8-483b-9c6c-6b27e9afa9bc" providerId="ADAL" clId="{BF04C754-5BF4-4E83-9615-DB14FA25AF8A}" dt="2023-10-12T11:38:42.377" v="307"/>
          <ac:spMkLst>
            <pc:docMk/>
            <pc:sldMk cId="2376958513" sldId="260"/>
            <ac:spMk id="14089" creationId="{F111389A-7BAA-2FFE-60F6-5FBB8CC2F4B2}"/>
          </ac:spMkLst>
        </pc:spChg>
        <pc:spChg chg="mod">
          <ac:chgData name="White, Alex" userId="eff6cc8c-37d8-483b-9c6c-6b27e9afa9bc" providerId="ADAL" clId="{BF04C754-5BF4-4E83-9615-DB14FA25AF8A}" dt="2023-10-12T11:38:42.377" v="307"/>
          <ac:spMkLst>
            <pc:docMk/>
            <pc:sldMk cId="2376958513" sldId="260"/>
            <ac:spMk id="14090" creationId="{D243835D-7A2F-2809-1310-6A9BFA0729BB}"/>
          </ac:spMkLst>
        </pc:spChg>
        <pc:spChg chg="mod">
          <ac:chgData name="White, Alex" userId="eff6cc8c-37d8-483b-9c6c-6b27e9afa9bc" providerId="ADAL" clId="{BF04C754-5BF4-4E83-9615-DB14FA25AF8A}" dt="2023-10-12T11:38:42.377" v="307"/>
          <ac:spMkLst>
            <pc:docMk/>
            <pc:sldMk cId="2376958513" sldId="260"/>
            <ac:spMk id="14091" creationId="{3013DA73-98B4-78B3-AF65-90ADCD6612F5}"/>
          </ac:spMkLst>
        </pc:spChg>
        <pc:spChg chg="mod">
          <ac:chgData name="White, Alex" userId="eff6cc8c-37d8-483b-9c6c-6b27e9afa9bc" providerId="ADAL" clId="{BF04C754-5BF4-4E83-9615-DB14FA25AF8A}" dt="2023-10-12T11:38:42.377" v="307"/>
          <ac:spMkLst>
            <pc:docMk/>
            <pc:sldMk cId="2376958513" sldId="260"/>
            <ac:spMk id="14092" creationId="{27ADCE4F-65DA-BD6A-F46D-DFC5DE3A5029}"/>
          </ac:spMkLst>
        </pc:spChg>
        <pc:spChg chg="mod">
          <ac:chgData name="White, Alex" userId="eff6cc8c-37d8-483b-9c6c-6b27e9afa9bc" providerId="ADAL" clId="{BF04C754-5BF4-4E83-9615-DB14FA25AF8A}" dt="2023-10-12T11:38:42.377" v="307"/>
          <ac:spMkLst>
            <pc:docMk/>
            <pc:sldMk cId="2376958513" sldId="260"/>
            <ac:spMk id="14093" creationId="{043BB83A-5585-8C3A-B8CC-453CAFFA7264}"/>
          </ac:spMkLst>
        </pc:spChg>
        <pc:spChg chg="mod">
          <ac:chgData name="White, Alex" userId="eff6cc8c-37d8-483b-9c6c-6b27e9afa9bc" providerId="ADAL" clId="{BF04C754-5BF4-4E83-9615-DB14FA25AF8A}" dt="2023-10-12T11:38:42.377" v="307"/>
          <ac:spMkLst>
            <pc:docMk/>
            <pc:sldMk cId="2376958513" sldId="260"/>
            <ac:spMk id="14094" creationId="{5E27820D-253B-7F10-0185-01469C1A87F1}"/>
          </ac:spMkLst>
        </pc:spChg>
        <pc:spChg chg="mod">
          <ac:chgData name="White, Alex" userId="eff6cc8c-37d8-483b-9c6c-6b27e9afa9bc" providerId="ADAL" clId="{BF04C754-5BF4-4E83-9615-DB14FA25AF8A}" dt="2023-10-12T11:38:42.377" v="307"/>
          <ac:spMkLst>
            <pc:docMk/>
            <pc:sldMk cId="2376958513" sldId="260"/>
            <ac:spMk id="14095" creationId="{C6B242DD-602A-52F4-926E-69F519419FDE}"/>
          </ac:spMkLst>
        </pc:spChg>
        <pc:spChg chg="mod">
          <ac:chgData name="White, Alex" userId="eff6cc8c-37d8-483b-9c6c-6b27e9afa9bc" providerId="ADAL" clId="{BF04C754-5BF4-4E83-9615-DB14FA25AF8A}" dt="2023-10-12T11:38:42.377" v="307"/>
          <ac:spMkLst>
            <pc:docMk/>
            <pc:sldMk cId="2376958513" sldId="260"/>
            <ac:spMk id="14096" creationId="{395E7512-1DBC-1AE9-1821-DC3E5D722CEF}"/>
          </ac:spMkLst>
        </pc:spChg>
        <pc:spChg chg="mod">
          <ac:chgData name="White, Alex" userId="eff6cc8c-37d8-483b-9c6c-6b27e9afa9bc" providerId="ADAL" clId="{BF04C754-5BF4-4E83-9615-DB14FA25AF8A}" dt="2023-10-12T11:38:42.377" v="307"/>
          <ac:spMkLst>
            <pc:docMk/>
            <pc:sldMk cId="2376958513" sldId="260"/>
            <ac:spMk id="14097" creationId="{335BE759-D82B-AA76-1DEA-0ACE895C719F}"/>
          </ac:spMkLst>
        </pc:spChg>
        <pc:spChg chg="mod">
          <ac:chgData name="White, Alex" userId="eff6cc8c-37d8-483b-9c6c-6b27e9afa9bc" providerId="ADAL" clId="{BF04C754-5BF4-4E83-9615-DB14FA25AF8A}" dt="2023-10-12T11:38:42.377" v="307"/>
          <ac:spMkLst>
            <pc:docMk/>
            <pc:sldMk cId="2376958513" sldId="260"/>
            <ac:spMk id="14098" creationId="{74B9EE21-9F3D-9804-89BC-8281D9D7322F}"/>
          </ac:spMkLst>
        </pc:spChg>
        <pc:spChg chg="mod">
          <ac:chgData name="White, Alex" userId="eff6cc8c-37d8-483b-9c6c-6b27e9afa9bc" providerId="ADAL" clId="{BF04C754-5BF4-4E83-9615-DB14FA25AF8A}" dt="2023-10-12T11:38:42.377" v="307"/>
          <ac:spMkLst>
            <pc:docMk/>
            <pc:sldMk cId="2376958513" sldId="260"/>
            <ac:spMk id="14099" creationId="{86C22473-BB3B-278C-28F1-E7C754F48662}"/>
          </ac:spMkLst>
        </pc:spChg>
        <pc:spChg chg="mod">
          <ac:chgData name="White, Alex" userId="eff6cc8c-37d8-483b-9c6c-6b27e9afa9bc" providerId="ADAL" clId="{BF04C754-5BF4-4E83-9615-DB14FA25AF8A}" dt="2023-10-12T11:38:42.377" v="307"/>
          <ac:spMkLst>
            <pc:docMk/>
            <pc:sldMk cId="2376958513" sldId="260"/>
            <ac:spMk id="14100" creationId="{A5A6E9DE-BCF5-4373-16A2-6CA04EFE9AB8}"/>
          </ac:spMkLst>
        </pc:spChg>
        <pc:spChg chg="mod">
          <ac:chgData name="White, Alex" userId="eff6cc8c-37d8-483b-9c6c-6b27e9afa9bc" providerId="ADAL" clId="{BF04C754-5BF4-4E83-9615-DB14FA25AF8A}" dt="2023-10-12T11:38:42.377" v="307"/>
          <ac:spMkLst>
            <pc:docMk/>
            <pc:sldMk cId="2376958513" sldId="260"/>
            <ac:spMk id="14101" creationId="{E083D5F2-BFAF-E093-5108-BC73FAABE3C0}"/>
          </ac:spMkLst>
        </pc:spChg>
        <pc:spChg chg="mod">
          <ac:chgData name="White, Alex" userId="eff6cc8c-37d8-483b-9c6c-6b27e9afa9bc" providerId="ADAL" clId="{BF04C754-5BF4-4E83-9615-DB14FA25AF8A}" dt="2023-10-12T11:38:42.377" v="307"/>
          <ac:spMkLst>
            <pc:docMk/>
            <pc:sldMk cId="2376958513" sldId="260"/>
            <ac:spMk id="14102" creationId="{8BB23172-1424-A3E6-CC5A-207B26538233}"/>
          </ac:spMkLst>
        </pc:spChg>
        <pc:spChg chg="mod">
          <ac:chgData name="White, Alex" userId="eff6cc8c-37d8-483b-9c6c-6b27e9afa9bc" providerId="ADAL" clId="{BF04C754-5BF4-4E83-9615-DB14FA25AF8A}" dt="2023-10-12T11:38:42.377" v="307"/>
          <ac:spMkLst>
            <pc:docMk/>
            <pc:sldMk cId="2376958513" sldId="260"/>
            <ac:spMk id="14103" creationId="{F5A657EE-9C5F-6D4D-2D7D-B37CCFCF9F44}"/>
          </ac:spMkLst>
        </pc:spChg>
        <pc:spChg chg="mod">
          <ac:chgData name="White, Alex" userId="eff6cc8c-37d8-483b-9c6c-6b27e9afa9bc" providerId="ADAL" clId="{BF04C754-5BF4-4E83-9615-DB14FA25AF8A}" dt="2023-10-12T11:38:42.377" v="307"/>
          <ac:spMkLst>
            <pc:docMk/>
            <pc:sldMk cId="2376958513" sldId="260"/>
            <ac:spMk id="14104" creationId="{0F3E4A1B-AA78-74C6-C609-772F38D6222A}"/>
          </ac:spMkLst>
        </pc:spChg>
        <pc:spChg chg="mod">
          <ac:chgData name="White, Alex" userId="eff6cc8c-37d8-483b-9c6c-6b27e9afa9bc" providerId="ADAL" clId="{BF04C754-5BF4-4E83-9615-DB14FA25AF8A}" dt="2023-10-12T11:38:42.377" v="307"/>
          <ac:spMkLst>
            <pc:docMk/>
            <pc:sldMk cId="2376958513" sldId="260"/>
            <ac:spMk id="14105" creationId="{55C0B3ED-2F31-4590-CC62-62DEA8BB9110}"/>
          </ac:spMkLst>
        </pc:spChg>
        <pc:spChg chg="mod">
          <ac:chgData name="White, Alex" userId="eff6cc8c-37d8-483b-9c6c-6b27e9afa9bc" providerId="ADAL" clId="{BF04C754-5BF4-4E83-9615-DB14FA25AF8A}" dt="2023-10-12T11:38:42.377" v="307"/>
          <ac:spMkLst>
            <pc:docMk/>
            <pc:sldMk cId="2376958513" sldId="260"/>
            <ac:spMk id="14106" creationId="{9962F95D-A6DD-9275-64E5-1460F77B5738}"/>
          </ac:spMkLst>
        </pc:spChg>
        <pc:spChg chg="mod">
          <ac:chgData name="White, Alex" userId="eff6cc8c-37d8-483b-9c6c-6b27e9afa9bc" providerId="ADAL" clId="{BF04C754-5BF4-4E83-9615-DB14FA25AF8A}" dt="2023-10-12T11:38:42.377" v="307"/>
          <ac:spMkLst>
            <pc:docMk/>
            <pc:sldMk cId="2376958513" sldId="260"/>
            <ac:spMk id="14107" creationId="{6B6ACC64-9EBC-C04E-21E8-5DC110288E09}"/>
          </ac:spMkLst>
        </pc:spChg>
        <pc:spChg chg="mod">
          <ac:chgData name="White, Alex" userId="eff6cc8c-37d8-483b-9c6c-6b27e9afa9bc" providerId="ADAL" clId="{BF04C754-5BF4-4E83-9615-DB14FA25AF8A}" dt="2023-10-12T11:38:42.377" v="307"/>
          <ac:spMkLst>
            <pc:docMk/>
            <pc:sldMk cId="2376958513" sldId="260"/>
            <ac:spMk id="14108" creationId="{C2E4B77F-8BBF-D1AD-73AA-4C0859A3BB3B}"/>
          </ac:spMkLst>
        </pc:spChg>
        <pc:spChg chg="mod">
          <ac:chgData name="White, Alex" userId="eff6cc8c-37d8-483b-9c6c-6b27e9afa9bc" providerId="ADAL" clId="{BF04C754-5BF4-4E83-9615-DB14FA25AF8A}" dt="2023-10-12T11:38:42.377" v="307"/>
          <ac:spMkLst>
            <pc:docMk/>
            <pc:sldMk cId="2376958513" sldId="260"/>
            <ac:spMk id="14109" creationId="{7A5BCDA8-87B7-B872-DD2C-F997975E77D6}"/>
          </ac:spMkLst>
        </pc:spChg>
        <pc:spChg chg="mod">
          <ac:chgData name="White, Alex" userId="eff6cc8c-37d8-483b-9c6c-6b27e9afa9bc" providerId="ADAL" clId="{BF04C754-5BF4-4E83-9615-DB14FA25AF8A}" dt="2023-10-12T11:38:42.377" v="307"/>
          <ac:spMkLst>
            <pc:docMk/>
            <pc:sldMk cId="2376958513" sldId="260"/>
            <ac:spMk id="14110" creationId="{A1C5DCFF-AD5B-64A7-0EA9-AAD2B2800F47}"/>
          </ac:spMkLst>
        </pc:spChg>
        <pc:spChg chg="mod">
          <ac:chgData name="White, Alex" userId="eff6cc8c-37d8-483b-9c6c-6b27e9afa9bc" providerId="ADAL" clId="{BF04C754-5BF4-4E83-9615-DB14FA25AF8A}" dt="2023-10-12T11:38:42.377" v="307"/>
          <ac:spMkLst>
            <pc:docMk/>
            <pc:sldMk cId="2376958513" sldId="260"/>
            <ac:spMk id="14111" creationId="{145EF01F-9345-A10B-F444-52919FD3C5F5}"/>
          </ac:spMkLst>
        </pc:spChg>
        <pc:spChg chg="mod">
          <ac:chgData name="White, Alex" userId="eff6cc8c-37d8-483b-9c6c-6b27e9afa9bc" providerId="ADAL" clId="{BF04C754-5BF4-4E83-9615-DB14FA25AF8A}" dt="2023-10-12T11:38:42.377" v="307"/>
          <ac:spMkLst>
            <pc:docMk/>
            <pc:sldMk cId="2376958513" sldId="260"/>
            <ac:spMk id="14112" creationId="{BB53FFED-BD5F-1557-1BB7-0163505F832D}"/>
          </ac:spMkLst>
        </pc:spChg>
        <pc:spChg chg="mod">
          <ac:chgData name="White, Alex" userId="eff6cc8c-37d8-483b-9c6c-6b27e9afa9bc" providerId="ADAL" clId="{BF04C754-5BF4-4E83-9615-DB14FA25AF8A}" dt="2023-10-12T11:38:42.377" v="307"/>
          <ac:spMkLst>
            <pc:docMk/>
            <pc:sldMk cId="2376958513" sldId="260"/>
            <ac:spMk id="14113" creationId="{3290081A-F055-114B-BAB5-F10DFE4AE463}"/>
          </ac:spMkLst>
        </pc:spChg>
        <pc:spChg chg="mod">
          <ac:chgData name="White, Alex" userId="eff6cc8c-37d8-483b-9c6c-6b27e9afa9bc" providerId="ADAL" clId="{BF04C754-5BF4-4E83-9615-DB14FA25AF8A}" dt="2023-10-12T11:38:42.377" v="307"/>
          <ac:spMkLst>
            <pc:docMk/>
            <pc:sldMk cId="2376958513" sldId="260"/>
            <ac:spMk id="14114" creationId="{4E0B146F-055F-2390-0918-844DDB0C9E6D}"/>
          </ac:spMkLst>
        </pc:spChg>
        <pc:spChg chg="mod">
          <ac:chgData name="White, Alex" userId="eff6cc8c-37d8-483b-9c6c-6b27e9afa9bc" providerId="ADAL" clId="{BF04C754-5BF4-4E83-9615-DB14FA25AF8A}" dt="2023-10-12T11:38:42.377" v="307"/>
          <ac:spMkLst>
            <pc:docMk/>
            <pc:sldMk cId="2376958513" sldId="260"/>
            <ac:spMk id="14115" creationId="{B1984C7A-84C5-8E46-602A-001EA3474552}"/>
          </ac:spMkLst>
        </pc:spChg>
        <pc:spChg chg="mod">
          <ac:chgData name="White, Alex" userId="eff6cc8c-37d8-483b-9c6c-6b27e9afa9bc" providerId="ADAL" clId="{BF04C754-5BF4-4E83-9615-DB14FA25AF8A}" dt="2023-10-12T11:38:42.377" v="307"/>
          <ac:spMkLst>
            <pc:docMk/>
            <pc:sldMk cId="2376958513" sldId="260"/>
            <ac:spMk id="14116" creationId="{332C4656-7D94-79ED-6D03-9155E5E52093}"/>
          </ac:spMkLst>
        </pc:spChg>
        <pc:spChg chg="mod">
          <ac:chgData name="White, Alex" userId="eff6cc8c-37d8-483b-9c6c-6b27e9afa9bc" providerId="ADAL" clId="{BF04C754-5BF4-4E83-9615-DB14FA25AF8A}" dt="2023-10-12T11:38:42.377" v="307"/>
          <ac:spMkLst>
            <pc:docMk/>
            <pc:sldMk cId="2376958513" sldId="260"/>
            <ac:spMk id="14117" creationId="{FF8E4881-2C77-9BA7-4C1A-196A6CA4456D}"/>
          </ac:spMkLst>
        </pc:spChg>
        <pc:spChg chg="mod">
          <ac:chgData name="White, Alex" userId="eff6cc8c-37d8-483b-9c6c-6b27e9afa9bc" providerId="ADAL" clId="{BF04C754-5BF4-4E83-9615-DB14FA25AF8A}" dt="2023-10-12T11:38:42.377" v="307"/>
          <ac:spMkLst>
            <pc:docMk/>
            <pc:sldMk cId="2376958513" sldId="260"/>
            <ac:spMk id="14118" creationId="{611C61A5-242C-4C42-AFAB-E3E320C2E288}"/>
          </ac:spMkLst>
        </pc:spChg>
        <pc:spChg chg="mod">
          <ac:chgData name="White, Alex" userId="eff6cc8c-37d8-483b-9c6c-6b27e9afa9bc" providerId="ADAL" clId="{BF04C754-5BF4-4E83-9615-DB14FA25AF8A}" dt="2023-10-12T11:38:42.377" v="307"/>
          <ac:spMkLst>
            <pc:docMk/>
            <pc:sldMk cId="2376958513" sldId="260"/>
            <ac:spMk id="14119" creationId="{A07BC425-CC0B-5481-5DC8-85F7164739DE}"/>
          </ac:spMkLst>
        </pc:spChg>
        <pc:spChg chg="mod">
          <ac:chgData name="White, Alex" userId="eff6cc8c-37d8-483b-9c6c-6b27e9afa9bc" providerId="ADAL" clId="{BF04C754-5BF4-4E83-9615-DB14FA25AF8A}" dt="2023-10-12T11:38:42.377" v="307"/>
          <ac:spMkLst>
            <pc:docMk/>
            <pc:sldMk cId="2376958513" sldId="260"/>
            <ac:spMk id="14120" creationId="{C540BF63-0782-FF64-C223-5AD7C50D233B}"/>
          </ac:spMkLst>
        </pc:spChg>
        <pc:spChg chg="mod">
          <ac:chgData name="White, Alex" userId="eff6cc8c-37d8-483b-9c6c-6b27e9afa9bc" providerId="ADAL" clId="{BF04C754-5BF4-4E83-9615-DB14FA25AF8A}" dt="2023-10-12T11:38:42.377" v="307"/>
          <ac:spMkLst>
            <pc:docMk/>
            <pc:sldMk cId="2376958513" sldId="260"/>
            <ac:spMk id="14121" creationId="{086B52B1-9ABA-AE07-50B1-00427404C286}"/>
          </ac:spMkLst>
        </pc:spChg>
        <pc:spChg chg="mod">
          <ac:chgData name="White, Alex" userId="eff6cc8c-37d8-483b-9c6c-6b27e9afa9bc" providerId="ADAL" clId="{BF04C754-5BF4-4E83-9615-DB14FA25AF8A}" dt="2023-10-12T11:38:42.377" v="307"/>
          <ac:spMkLst>
            <pc:docMk/>
            <pc:sldMk cId="2376958513" sldId="260"/>
            <ac:spMk id="14122" creationId="{C82DBE28-C21C-9E69-10D4-4C955E8122A4}"/>
          </ac:spMkLst>
        </pc:spChg>
        <pc:spChg chg="mod">
          <ac:chgData name="White, Alex" userId="eff6cc8c-37d8-483b-9c6c-6b27e9afa9bc" providerId="ADAL" clId="{BF04C754-5BF4-4E83-9615-DB14FA25AF8A}" dt="2023-10-12T11:38:42.377" v="307"/>
          <ac:spMkLst>
            <pc:docMk/>
            <pc:sldMk cId="2376958513" sldId="260"/>
            <ac:spMk id="14123" creationId="{88F320C7-767C-FF0D-F44E-DA8512BF237E}"/>
          </ac:spMkLst>
        </pc:spChg>
        <pc:spChg chg="mod">
          <ac:chgData name="White, Alex" userId="eff6cc8c-37d8-483b-9c6c-6b27e9afa9bc" providerId="ADAL" clId="{BF04C754-5BF4-4E83-9615-DB14FA25AF8A}" dt="2023-10-12T11:38:42.377" v="307"/>
          <ac:spMkLst>
            <pc:docMk/>
            <pc:sldMk cId="2376958513" sldId="260"/>
            <ac:spMk id="14124" creationId="{5DFCCB3B-076D-A7D5-ABC5-1B16049B35B4}"/>
          </ac:spMkLst>
        </pc:spChg>
        <pc:spChg chg="mod">
          <ac:chgData name="White, Alex" userId="eff6cc8c-37d8-483b-9c6c-6b27e9afa9bc" providerId="ADAL" clId="{BF04C754-5BF4-4E83-9615-DB14FA25AF8A}" dt="2023-10-12T11:38:42.377" v="307"/>
          <ac:spMkLst>
            <pc:docMk/>
            <pc:sldMk cId="2376958513" sldId="260"/>
            <ac:spMk id="14125" creationId="{C894C0D7-9B72-E1E3-8F4A-AAB922EB394F}"/>
          </ac:spMkLst>
        </pc:spChg>
        <pc:spChg chg="mod">
          <ac:chgData name="White, Alex" userId="eff6cc8c-37d8-483b-9c6c-6b27e9afa9bc" providerId="ADAL" clId="{BF04C754-5BF4-4E83-9615-DB14FA25AF8A}" dt="2023-10-12T11:38:42.377" v="307"/>
          <ac:spMkLst>
            <pc:docMk/>
            <pc:sldMk cId="2376958513" sldId="260"/>
            <ac:spMk id="14126" creationId="{155C5F49-33BC-5A0A-4915-603D994ABCF3}"/>
          </ac:spMkLst>
        </pc:spChg>
        <pc:spChg chg="mod">
          <ac:chgData name="White, Alex" userId="eff6cc8c-37d8-483b-9c6c-6b27e9afa9bc" providerId="ADAL" clId="{BF04C754-5BF4-4E83-9615-DB14FA25AF8A}" dt="2023-10-12T11:38:42.377" v="307"/>
          <ac:spMkLst>
            <pc:docMk/>
            <pc:sldMk cId="2376958513" sldId="260"/>
            <ac:spMk id="14127" creationId="{C5FC54E7-CA95-16C5-9966-53B6A7D4E893}"/>
          </ac:spMkLst>
        </pc:spChg>
        <pc:spChg chg="mod">
          <ac:chgData name="White, Alex" userId="eff6cc8c-37d8-483b-9c6c-6b27e9afa9bc" providerId="ADAL" clId="{BF04C754-5BF4-4E83-9615-DB14FA25AF8A}" dt="2023-10-12T11:38:42.377" v="307"/>
          <ac:spMkLst>
            <pc:docMk/>
            <pc:sldMk cId="2376958513" sldId="260"/>
            <ac:spMk id="14128" creationId="{55376574-ED65-9ADB-1E10-79E681BE991A}"/>
          </ac:spMkLst>
        </pc:spChg>
        <pc:spChg chg="mod">
          <ac:chgData name="White, Alex" userId="eff6cc8c-37d8-483b-9c6c-6b27e9afa9bc" providerId="ADAL" clId="{BF04C754-5BF4-4E83-9615-DB14FA25AF8A}" dt="2023-10-12T11:38:42.377" v="307"/>
          <ac:spMkLst>
            <pc:docMk/>
            <pc:sldMk cId="2376958513" sldId="260"/>
            <ac:spMk id="14129" creationId="{C8D7C216-D713-6BFF-406B-CD49CDA622F6}"/>
          </ac:spMkLst>
        </pc:spChg>
        <pc:spChg chg="mod">
          <ac:chgData name="White, Alex" userId="eff6cc8c-37d8-483b-9c6c-6b27e9afa9bc" providerId="ADAL" clId="{BF04C754-5BF4-4E83-9615-DB14FA25AF8A}" dt="2023-10-12T11:38:42.377" v="307"/>
          <ac:spMkLst>
            <pc:docMk/>
            <pc:sldMk cId="2376958513" sldId="260"/>
            <ac:spMk id="14130" creationId="{EE38145E-953A-408B-4BDB-CB92E53C3049}"/>
          </ac:spMkLst>
        </pc:spChg>
        <pc:spChg chg="mod">
          <ac:chgData name="White, Alex" userId="eff6cc8c-37d8-483b-9c6c-6b27e9afa9bc" providerId="ADAL" clId="{BF04C754-5BF4-4E83-9615-DB14FA25AF8A}" dt="2023-10-12T11:38:42.377" v="307"/>
          <ac:spMkLst>
            <pc:docMk/>
            <pc:sldMk cId="2376958513" sldId="260"/>
            <ac:spMk id="14131" creationId="{BACED16C-0846-F6A8-B491-AB0612D8B36D}"/>
          </ac:spMkLst>
        </pc:spChg>
        <pc:spChg chg="mod">
          <ac:chgData name="White, Alex" userId="eff6cc8c-37d8-483b-9c6c-6b27e9afa9bc" providerId="ADAL" clId="{BF04C754-5BF4-4E83-9615-DB14FA25AF8A}" dt="2023-10-12T11:38:42.377" v="307"/>
          <ac:spMkLst>
            <pc:docMk/>
            <pc:sldMk cId="2376958513" sldId="260"/>
            <ac:spMk id="14132" creationId="{A0C1546D-A895-8C64-CD4B-7BF19A4A1802}"/>
          </ac:spMkLst>
        </pc:spChg>
        <pc:spChg chg="mod">
          <ac:chgData name="White, Alex" userId="eff6cc8c-37d8-483b-9c6c-6b27e9afa9bc" providerId="ADAL" clId="{BF04C754-5BF4-4E83-9615-DB14FA25AF8A}" dt="2023-10-12T11:38:42.377" v="307"/>
          <ac:spMkLst>
            <pc:docMk/>
            <pc:sldMk cId="2376958513" sldId="260"/>
            <ac:spMk id="14133" creationId="{FCDA9CEF-04F5-5A13-CB54-C61F541BAAC1}"/>
          </ac:spMkLst>
        </pc:spChg>
        <pc:spChg chg="mod">
          <ac:chgData name="White, Alex" userId="eff6cc8c-37d8-483b-9c6c-6b27e9afa9bc" providerId="ADAL" clId="{BF04C754-5BF4-4E83-9615-DB14FA25AF8A}" dt="2023-10-12T11:38:42.377" v="307"/>
          <ac:spMkLst>
            <pc:docMk/>
            <pc:sldMk cId="2376958513" sldId="260"/>
            <ac:spMk id="14134" creationId="{ADD2524A-707C-2838-4AB6-CA146BBAB45F}"/>
          </ac:spMkLst>
        </pc:spChg>
        <pc:spChg chg="mod">
          <ac:chgData name="White, Alex" userId="eff6cc8c-37d8-483b-9c6c-6b27e9afa9bc" providerId="ADAL" clId="{BF04C754-5BF4-4E83-9615-DB14FA25AF8A}" dt="2023-10-12T11:38:42.377" v="307"/>
          <ac:spMkLst>
            <pc:docMk/>
            <pc:sldMk cId="2376958513" sldId="260"/>
            <ac:spMk id="14135" creationId="{B6B3BE0F-4DDF-669F-5C8D-D70101494784}"/>
          </ac:spMkLst>
        </pc:spChg>
        <pc:spChg chg="mod">
          <ac:chgData name="White, Alex" userId="eff6cc8c-37d8-483b-9c6c-6b27e9afa9bc" providerId="ADAL" clId="{BF04C754-5BF4-4E83-9615-DB14FA25AF8A}" dt="2023-10-12T11:38:42.377" v="307"/>
          <ac:spMkLst>
            <pc:docMk/>
            <pc:sldMk cId="2376958513" sldId="260"/>
            <ac:spMk id="14136" creationId="{45AFA3DE-E83B-296E-E986-1BBA884146F6}"/>
          </ac:spMkLst>
        </pc:spChg>
        <pc:spChg chg="mod">
          <ac:chgData name="White, Alex" userId="eff6cc8c-37d8-483b-9c6c-6b27e9afa9bc" providerId="ADAL" clId="{BF04C754-5BF4-4E83-9615-DB14FA25AF8A}" dt="2023-10-12T11:38:42.377" v="307"/>
          <ac:spMkLst>
            <pc:docMk/>
            <pc:sldMk cId="2376958513" sldId="260"/>
            <ac:spMk id="14137" creationId="{397E63A9-18CA-58B6-D8C6-11FFE2C47A80}"/>
          </ac:spMkLst>
        </pc:spChg>
        <pc:spChg chg="mod">
          <ac:chgData name="White, Alex" userId="eff6cc8c-37d8-483b-9c6c-6b27e9afa9bc" providerId="ADAL" clId="{BF04C754-5BF4-4E83-9615-DB14FA25AF8A}" dt="2023-10-12T11:38:42.377" v="307"/>
          <ac:spMkLst>
            <pc:docMk/>
            <pc:sldMk cId="2376958513" sldId="260"/>
            <ac:spMk id="14138" creationId="{863C6FEE-E08D-49E6-67FD-79A51547CA1A}"/>
          </ac:spMkLst>
        </pc:spChg>
        <pc:spChg chg="mod">
          <ac:chgData name="White, Alex" userId="eff6cc8c-37d8-483b-9c6c-6b27e9afa9bc" providerId="ADAL" clId="{BF04C754-5BF4-4E83-9615-DB14FA25AF8A}" dt="2023-10-12T11:38:42.377" v="307"/>
          <ac:spMkLst>
            <pc:docMk/>
            <pc:sldMk cId="2376958513" sldId="260"/>
            <ac:spMk id="14139" creationId="{A3398131-19F8-9755-F3A8-A11F7378FAFB}"/>
          </ac:spMkLst>
        </pc:spChg>
        <pc:spChg chg="mod">
          <ac:chgData name="White, Alex" userId="eff6cc8c-37d8-483b-9c6c-6b27e9afa9bc" providerId="ADAL" clId="{BF04C754-5BF4-4E83-9615-DB14FA25AF8A}" dt="2023-10-12T11:38:42.377" v="307"/>
          <ac:spMkLst>
            <pc:docMk/>
            <pc:sldMk cId="2376958513" sldId="260"/>
            <ac:spMk id="14140" creationId="{F229DB44-2A99-B225-17B2-A344311CB656}"/>
          </ac:spMkLst>
        </pc:spChg>
        <pc:spChg chg="mod">
          <ac:chgData name="White, Alex" userId="eff6cc8c-37d8-483b-9c6c-6b27e9afa9bc" providerId="ADAL" clId="{BF04C754-5BF4-4E83-9615-DB14FA25AF8A}" dt="2023-10-12T11:38:42.377" v="307"/>
          <ac:spMkLst>
            <pc:docMk/>
            <pc:sldMk cId="2376958513" sldId="260"/>
            <ac:spMk id="14141" creationId="{2AC2C3EF-D906-149A-FA0B-A9EABFD7CD7E}"/>
          </ac:spMkLst>
        </pc:spChg>
        <pc:spChg chg="mod">
          <ac:chgData name="White, Alex" userId="eff6cc8c-37d8-483b-9c6c-6b27e9afa9bc" providerId="ADAL" clId="{BF04C754-5BF4-4E83-9615-DB14FA25AF8A}" dt="2023-10-12T11:38:42.377" v="307"/>
          <ac:spMkLst>
            <pc:docMk/>
            <pc:sldMk cId="2376958513" sldId="260"/>
            <ac:spMk id="14142" creationId="{9F76BC88-354E-B43F-3337-5EE9F20E8B54}"/>
          </ac:spMkLst>
        </pc:spChg>
        <pc:spChg chg="mod">
          <ac:chgData name="White, Alex" userId="eff6cc8c-37d8-483b-9c6c-6b27e9afa9bc" providerId="ADAL" clId="{BF04C754-5BF4-4E83-9615-DB14FA25AF8A}" dt="2023-10-12T11:38:42.377" v="307"/>
          <ac:spMkLst>
            <pc:docMk/>
            <pc:sldMk cId="2376958513" sldId="260"/>
            <ac:spMk id="14143" creationId="{1F5261A3-B61C-AB2E-6D70-A4E4F2605D1A}"/>
          </ac:spMkLst>
        </pc:spChg>
        <pc:spChg chg="mod">
          <ac:chgData name="White, Alex" userId="eff6cc8c-37d8-483b-9c6c-6b27e9afa9bc" providerId="ADAL" clId="{BF04C754-5BF4-4E83-9615-DB14FA25AF8A}" dt="2023-10-12T11:38:42.377" v="307"/>
          <ac:spMkLst>
            <pc:docMk/>
            <pc:sldMk cId="2376958513" sldId="260"/>
            <ac:spMk id="14144" creationId="{17E453AE-9732-5863-A656-9F553F160DD3}"/>
          </ac:spMkLst>
        </pc:spChg>
        <pc:spChg chg="mod">
          <ac:chgData name="White, Alex" userId="eff6cc8c-37d8-483b-9c6c-6b27e9afa9bc" providerId="ADAL" clId="{BF04C754-5BF4-4E83-9615-DB14FA25AF8A}" dt="2023-10-12T11:38:42.377" v="307"/>
          <ac:spMkLst>
            <pc:docMk/>
            <pc:sldMk cId="2376958513" sldId="260"/>
            <ac:spMk id="14145" creationId="{0C162B56-1C3C-E3DB-C7FC-8004FDAFABDE}"/>
          </ac:spMkLst>
        </pc:spChg>
        <pc:spChg chg="mod">
          <ac:chgData name="White, Alex" userId="eff6cc8c-37d8-483b-9c6c-6b27e9afa9bc" providerId="ADAL" clId="{BF04C754-5BF4-4E83-9615-DB14FA25AF8A}" dt="2023-10-12T11:38:42.377" v="307"/>
          <ac:spMkLst>
            <pc:docMk/>
            <pc:sldMk cId="2376958513" sldId="260"/>
            <ac:spMk id="14146" creationId="{DDE434EB-16AE-09FE-6EBF-5917A30B90CF}"/>
          </ac:spMkLst>
        </pc:spChg>
        <pc:spChg chg="mod">
          <ac:chgData name="White, Alex" userId="eff6cc8c-37d8-483b-9c6c-6b27e9afa9bc" providerId="ADAL" clId="{BF04C754-5BF4-4E83-9615-DB14FA25AF8A}" dt="2023-10-12T11:38:42.377" v="307"/>
          <ac:spMkLst>
            <pc:docMk/>
            <pc:sldMk cId="2376958513" sldId="260"/>
            <ac:spMk id="14147" creationId="{4D43FD58-D587-3DF6-8538-F4DC389D5A5C}"/>
          </ac:spMkLst>
        </pc:spChg>
        <pc:spChg chg="mod">
          <ac:chgData name="White, Alex" userId="eff6cc8c-37d8-483b-9c6c-6b27e9afa9bc" providerId="ADAL" clId="{BF04C754-5BF4-4E83-9615-DB14FA25AF8A}" dt="2023-10-12T11:38:42.377" v="307"/>
          <ac:spMkLst>
            <pc:docMk/>
            <pc:sldMk cId="2376958513" sldId="260"/>
            <ac:spMk id="14148" creationId="{4A0CC1A1-A3B1-3812-EB91-1E69ECB50490}"/>
          </ac:spMkLst>
        </pc:spChg>
        <pc:spChg chg="mod">
          <ac:chgData name="White, Alex" userId="eff6cc8c-37d8-483b-9c6c-6b27e9afa9bc" providerId="ADAL" clId="{BF04C754-5BF4-4E83-9615-DB14FA25AF8A}" dt="2023-10-12T11:38:42.377" v="307"/>
          <ac:spMkLst>
            <pc:docMk/>
            <pc:sldMk cId="2376958513" sldId="260"/>
            <ac:spMk id="14149" creationId="{D7BF1D28-4488-8AD7-E5FA-B56150BC8FA3}"/>
          </ac:spMkLst>
        </pc:spChg>
        <pc:spChg chg="mod">
          <ac:chgData name="White, Alex" userId="eff6cc8c-37d8-483b-9c6c-6b27e9afa9bc" providerId="ADAL" clId="{BF04C754-5BF4-4E83-9615-DB14FA25AF8A}" dt="2023-10-12T11:38:42.377" v="307"/>
          <ac:spMkLst>
            <pc:docMk/>
            <pc:sldMk cId="2376958513" sldId="260"/>
            <ac:spMk id="14150" creationId="{03D8BEE0-9BB0-EEEF-52C6-EFD06F5B9D92}"/>
          </ac:spMkLst>
        </pc:spChg>
        <pc:spChg chg="mod">
          <ac:chgData name="White, Alex" userId="eff6cc8c-37d8-483b-9c6c-6b27e9afa9bc" providerId="ADAL" clId="{BF04C754-5BF4-4E83-9615-DB14FA25AF8A}" dt="2023-10-12T11:38:42.377" v="307"/>
          <ac:spMkLst>
            <pc:docMk/>
            <pc:sldMk cId="2376958513" sldId="260"/>
            <ac:spMk id="14151" creationId="{0EF4823F-5D16-EE6C-0805-D4B549BA32AF}"/>
          </ac:spMkLst>
        </pc:spChg>
        <pc:spChg chg="mod">
          <ac:chgData name="White, Alex" userId="eff6cc8c-37d8-483b-9c6c-6b27e9afa9bc" providerId="ADAL" clId="{BF04C754-5BF4-4E83-9615-DB14FA25AF8A}" dt="2023-10-12T11:38:42.377" v="307"/>
          <ac:spMkLst>
            <pc:docMk/>
            <pc:sldMk cId="2376958513" sldId="260"/>
            <ac:spMk id="14152" creationId="{43D6D2CB-A3E6-2329-61B6-61D3930E946F}"/>
          </ac:spMkLst>
        </pc:spChg>
        <pc:spChg chg="mod">
          <ac:chgData name="White, Alex" userId="eff6cc8c-37d8-483b-9c6c-6b27e9afa9bc" providerId="ADAL" clId="{BF04C754-5BF4-4E83-9615-DB14FA25AF8A}" dt="2023-10-12T11:38:42.377" v="307"/>
          <ac:spMkLst>
            <pc:docMk/>
            <pc:sldMk cId="2376958513" sldId="260"/>
            <ac:spMk id="14153" creationId="{4CC64387-9F01-3B04-192C-F6CD23F1C7B5}"/>
          </ac:spMkLst>
        </pc:spChg>
        <pc:spChg chg="mod">
          <ac:chgData name="White, Alex" userId="eff6cc8c-37d8-483b-9c6c-6b27e9afa9bc" providerId="ADAL" clId="{BF04C754-5BF4-4E83-9615-DB14FA25AF8A}" dt="2023-10-12T11:38:42.377" v="307"/>
          <ac:spMkLst>
            <pc:docMk/>
            <pc:sldMk cId="2376958513" sldId="260"/>
            <ac:spMk id="14154" creationId="{E1F7FE57-2BEB-0CD5-2DE9-A0309D523E3B}"/>
          </ac:spMkLst>
        </pc:spChg>
        <pc:spChg chg="mod">
          <ac:chgData name="White, Alex" userId="eff6cc8c-37d8-483b-9c6c-6b27e9afa9bc" providerId="ADAL" clId="{BF04C754-5BF4-4E83-9615-DB14FA25AF8A}" dt="2023-10-12T11:38:42.377" v="307"/>
          <ac:spMkLst>
            <pc:docMk/>
            <pc:sldMk cId="2376958513" sldId="260"/>
            <ac:spMk id="14155" creationId="{78423784-44D9-D183-5604-2E4FE0C7618B}"/>
          </ac:spMkLst>
        </pc:spChg>
        <pc:spChg chg="mod">
          <ac:chgData name="White, Alex" userId="eff6cc8c-37d8-483b-9c6c-6b27e9afa9bc" providerId="ADAL" clId="{BF04C754-5BF4-4E83-9615-DB14FA25AF8A}" dt="2023-10-12T11:38:42.377" v="307"/>
          <ac:spMkLst>
            <pc:docMk/>
            <pc:sldMk cId="2376958513" sldId="260"/>
            <ac:spMk id="14156" creationId="{1B78432C-EA4B-FEF7-C8E5-BDEEFDC6079E}"/>
          </ac:spMkLst>
        </pc:spChg>
        <pc:spChg chg="mod">
          <ac:chgData name="White, Alex" userId="eff6cc8c-37d8-483b-9c6c-6b27e9afa9bc" providerId="ADAL" clId="{BF04C754-5BF4-4E83-9615-DB14FA25AF8A}" dt="2023-10-12T11:38:42.377" v="307"/>
          <ac:spMkLst>
            <pc:docMk/>
            <pc:sldMk cId="2376958513" sldId="260"/>
            <ac:spMk id="14157" creationId="{5D6D8584-BF60-DE6D-559A-9DFA67853038}"/>
          </ac:spMkLst>
        </pc:spChg>
        <pc:spChg chg="mod">
          <ac:chgData name="White, Alex" userId="eff6cc8c-37d8-483b-9c6c-6b27e9afa9bc" providerId="ADAL" clId="{BF04C754-5BF4-4E83-9615-DB14FA25AF8A}" dt="2023-10-12T11:38:42.377" v="307"/>
          <ac:spMkLst>
            <pc:docMk/>
            <pc:sldMk cId="2376958513" sldId="260"/>
            <ac:spMk id="14158" creationId="{266A65C2-AFBF-A477-722B-0831A95F2114}"/>
          </ac:spMkLst>
        </pc:spChg>
        <pc:spChg chg="mod">
          <ac:chgData name="White, Alex" userId="eff6cc8c-37d8-483b-9c6c-6b27e9afa9bc" providerId="ADAL" clId="{BF04C754-5BF4-4E83-9615-DB14FA25AF8A}" dt="2023-10-12T11:38:42.377" v="307"/>
          <ac:spMkLst>
            <pc:docMk/>
            <pc:sldMk cId="2376958513" sldId="260"/>
            <ac:spMk id="14159" creationId="{BDF5320B-026D-9AB2-BA36-9CCA1304C350}"/>
          </ac:spMkLst>
        </pc:spChg>
        <pc:spChg chg="mod">
          <ac:chgData name="White, Alex" userId="eff6cc8c-37d8-483b-9c6c-6b27e9afa9bc" providerId="ADAL" clId="{BF04C754-5BF4-4E83-9615-DB14FA25AF8A}" dt="2023-10-12T11:38:42.377" v="307"/>
          <ac:spMkLst>
            <pc:docMk/>
            <pc:sldMk cId="2376958513" sldId="260"/>
            <ac:spMk id="14160" creationId="{A1571C7A-DB17-1849-6F1F-5B4E9C972369}"/>
          </ac:spMkLst>
        </pc:spChg>
        <pc:spChg chg="mod">
          <ac:chgData name="White, Alex" userId="eff6cc8c-37d8-483b-9c6c-6b27e9afa9bc" providerId="ADAL" clId="{BF04C754-5BF4-4E83-9615-DB14FA25AF8A}" dt="2023-10-12T11:38:42.377" v="307"/>
          <ac:spMkLst>
            <pc:docMk/>
            <pc:sldMk cId="2376958513" sldId="260"/>
            <ac:spMk id="14161" creationId="{6C1462A6-8EA0-F9FA-5F4D-63328DED4064}"/>
          </ac:spMkLst>
        </pc:spChg>
        <pc:spChg chg="mod">
          <ac:chgData name="White, Alex" userId="eff6cc8c-37d8-483b-9c6c-6b27e9afa9bc" providerId="ADAL" clId="{BF04C754-5BF4-4E83-9615-DB14FA25AF8A}" dt="2023-10-12T11:38:42.377" v="307"/>
          <ac:spMkLst>
            <pc:docMk/>
            <pc:sldMk cId="2376958513" sldId="260"/>
            <ac:spMk id="14162" creationId="{B27ACE36-FA2F-7D37-DC75-BD52733E7E45}"/>
          </ac:spMkLst>
        </pc:spChg>
        <pc:spChg chg="mod">
          <ac:chgData name="White, Alex" userId="eff6cc8c-37d8-483b-9c6c-6b27e9afa9bc" providerId="ADAL" clId="{BF04C754-5BF4-4E83-9615-DB14FA25AF8A}" dt="2023-10-12T11:38:42.377" v="307"/>
          <ac:spMkLst>
            <pc:docMk/>
            <pc:sldMk cId="2376958513" sldId="260"/>
            <ac:spMk id="14163" creationId="{271A3694-7952-28D1-7DEA-4F6773328727}"/>
          </ac:spMkLst>
        </pc:spChg>
        <pc:spChg chg="mod">
          <ac:chgData name="White, Alex" userId="eff6cc8c-37d8-483b-9c6c-6b27e9afa9bc" providerId="ADAL" clId="{BF04C754-5BF4-4E83-9615-DB14FA25AF8A}" dt="2023-10-12T11:38:42.377" v="307"/>
          <ac:spMkLst>
            <pc:docMk/>
            <pc:sldMk cId="2376958513" sldId="260"/>
            <ac:spMk id="14164" creationId="{9327132A-CD9C-67AE-5757-2A47D2348160}"/>
          </ac:spMkLst>
        </pc:spChg>
        <pc:spChg chg="mod">
          <ac:chgData name="White, Alex" userId="eff6cc8c-37d8-483b-9c6c-6b27e9afa9bc" providerId="ADAL" clId="{BF04C754-5BF4-4E83-9615-DB14FA25AF8A}" dt="2023-10-12T11:38:42.377" v="307"/>
          <ac:spMkLst>
            <pc:docMk/>
            <pc:sldMk cId="2376958513" sldId="260"/>
            <ac:spMk id="14165" creationId="{3FE0F049-5BB0-29CB-A01E-964096BB47C5}"/>
          </ac:spMkLst>
        </pc:spChg>
        <pc:spChg chg="mod">
          <ac:chgData name="White, Alex" userId="eff6cc8c-37d8-483b-9c6c-6b27e9afa9bc" providerId="ADAL" clId="{BF04C754-5BF4-4E83-9615-DB14FA25AF8A}" dt="2023-10-12T11:38:42.377" v="307"/>
          <ac:spMkLst>
            <pc:docMk/>
            <pc:sldMk cId="2376958513" sldId="260"/>
            <ac:spMk id="14166" creationId="{8A8A8A45-FAB3-4BC3-241B-971156B26E77}"/>
          </ac:spMkLst>
        </pc:spChg>
        <pc:spChg chg="mod">
          <ac:chgData name="White, Alex" userId="eff6cc8c-37d8-483b-9c6c-6b27e9afa9bc" providerId="ADAL" clId="{BF04C754-5BF4-4E83-9615-DB14FA25AF8A}" dt="2023-10-12T11:38:42.377" v="307"/>
          <ac:spMkLst>
            <pc:docMk/>
            <pc:sldMk cId="2376958513" sldId="260"/>
            <ac:spMk id="14167" creationId="{E87943DF-7C04-D8D1-84EC-67217ABBC45A}"/>
          </ac:spMkLst>
        </pc:spChg>
        <pc:spChg chg="mod">
          <ac:chgData name="White, Alex" userId="eff6cc8c-37d8-483b-9c6c-6b27e9afa9bc" providerId="ADAL" clId="{BF04C754-5BF4-4E83-9615-DB14FA25AF8A}" dt="2023-10-12T11:38:42.377" v="307"/>
          <ac:spMkLst>
            <pc:docMk/>
            <pc:sldMk cId="2376958513" sldId="260"/>
            <ac:spMk id="14168" creationId="{DCB02838-7995-83FF-E54E-0E43B853B0D2}"/>
          </ac:spMkLst>
        </pc:spChg>
        <pc:spChg chg="mod">
          <ac:chgData name="White, Alex" userId="eff6cc8c-37d8-483b-9c6c-6b27e9afa9bc" providerId="ADAL" clId="{BF04C754-5BF4-4E83-9615-DB14FA25AF8A}" dt="2023-10-12T11:38:42.377" v="307"/>
          <ac:spMkLst>
            <pc:docMk/>
            <pc:sldMk cId="2376958513" sldId="260"/>
            <ac:spMk id="14169" creationId="{FD785E89-5EFA-D6AC-C0A5-5678E32890AB}"/>
          </ac:spMkLst>
        </pc:spChg>
        <pc:spChg chg="mod">
          <ac:chgData name="White, Alex" userId="eff6cc8c-37d8-483b-9c6c-6b27e9afa9bc" providerId="ADAL" clId="{BF04C754-5BF4-4E83-9615-DB14FA25AF8A}" dt="2023-10-12T11:38:42.377" v="307"/>
          <ac:spMkLst>
            <pc:docMk/>
            <pc:sldMk cId="2376958513" sldId="260"/>
            <ac:spMk id="14170" creationId="{B7DF60E3-A4C2-458C-6AE9-D032A227C10B}"/>
          </ac:spMkLst>
        </pc:spChg>
        <pc:spChg chg="mod">
          <ac:chgData name="White, Alex" userId="eff6cc8c-37d8-483b-9c6c-6b27e9afa9bc" providerId="ADAL" clId="{BF04C754-5BF4-4E83-9615-DB14FA25AF8A}" dt="2023-10-12T11:38:42.377" v="307"/>
          <ac:spMkLst>
            <pc:docMk/>
            <pc:sldMk cId="2376958513" sldId="260"/>
            <ac:spMk id="14171" creationId="{EA467B99-8574-0578-7D51-A6BBB9650B77}"/>
          </ac:spMkLst>
        </pc:spChg>
        <pc:spChg chg="mod">
          <ac:chgData name="White, Alex" userId="eff6cc8c-37d8-483b-9c6c-6b27e9afa9bc" providerId="ADAL" clId="{BF04C754-5BF4-4E83-9615-DB14FA25AF8A}" dt="2023-10-12T11:38:42.377" v="307"/>
          <ac:spMkLst>
            <pc:docMk/>
            <pc:sldMk cId="2376958513" sldId="260"/>
            <ac:spMk id="14172" creationId="{5C53C94B-365C-FA63-63D8-9C33ACE8F198}"/>
          </ac:spMkLst>
        </pc:spChg>
        <pc:spChg chg="mod">
          <ac:chgData name="White, Alex" userId="eff6cc8c-37d8-483b-9c6c-6b27e9afa9bc" providerId="ADAL" clId="{BF04C754-5BF4-4E83-9615-DB14FA25AF8A}" dt="2023-10-12T11:38:42.377" v="307"/>
          <ac:spMkLst>
            <pc:docMk/>
            <pc:sldMk cId="2376958513" sldId="260"/>
            <ac:spMk id="14173" creationId="{A96AB7A5-F4DA-7C11-EF00-BA9DF9323AB9}"/>
          </ac:spMkLst>
        </pc:spChg>
        <pc:spChg chg="mod">
          <ac:chgData name="White, Alex" userId="eff6cc8c-37d8-483b-9c6c-6b27e9afa9bc" providerId="ADAL" clId="{BF04C754-5BF4-4E83-9615-DB14FA25AF8A}" dt="2023-10-12T11:38:42.377" v="307"/>
          <ac:spMkLst>
            <pc:docMk/>
            <pc:sldMk cId="2376958513" sldId="260"/>
            <ac:spMk id="14174" creationId="{1C8712BB-AC71-5DB3-6C6D-192C701C8011}"/>
          </ac:spMkLst>
        </pc:spChg>
        <pc:spChg chg="mod">
          <ac:chgData name="White, Alex" userId="eff6cc8c-37d8-483b-9c6c-6b27e9afa9bc" providerId="ADAL" clId="{BF04C754-5BF4-4E83-9615-DB14FA25AF8A}" dt="2023-10-12T11:38:42.377" v="307"/>
          <ac:spMkLst>
            <pc:docMk/>
            <pc:sldMk cId="2376958513" sldId="260"/>
            <ac:spMk id="14175" creationId="{B595A56D-25B7-0604-68F0-01E910F0E9F7}"/>
          </ac:spMkLst>
        </pc:spChg>
        <pc:spChg chg="mod">
          <ac:chgData name="White, Alex" userId="eff6cc8c-37d8-483b-9c6c-6b27e9afa9bc" providerId="ADAL" clId="{BF04C754-5BF4-4E83-9615-DB14FA25AF8A}" dt="2023-10-12T11:38:42.377" v="307"/>
          <ac:spMkLst>
            <pc:docMk/>
            <pc:sldMk cId="2376958513" sldId="260"/>
            <ac:spMk id="14176" creationId="{4F24D884-874D-7CFC-4FDE-69566B0541F3}"/>
          </ac:spMkLst>
        </pc:spChg>
        <pc:spChg chg="mod">
          <ac:chgData name="White, Alex" userId="eff6cc8c-37d8-483b-9c6c-6b27e9afa9bc" providerId="ADAL" clId="{BF04C754-5BF4-4E83-9615-DB14FA25AF8A}" dt="2023-10-12T11:38:42.377" v="307"/>
          <ac:spMkLst>
            <pc:docMk/>
            <pc:sldMk cId="2376958513" sldId="260"/>
            <ac:spMk id="14177" creationId="{5110A508-102D-9EE4-F5A5-19A350356344}"/>
          </ac:spMkLst>
        </pc:spChg>
        <pc:spChg chg="mod">
          <ac:chgData name="White, Alex" userId="eff6cc8c-37d8-483b-9c6c-6b27e9afa9bc" providerId="ADAL" clId="{BF04C754-5BF4-4E83-9615-DB14FA25AF8A}" dt="2023-10-12T11:38:42.377" v="307"/>
          <ac:spMkLst>
            <pc:docMk/>
            <pc:sldMk cId="2376958513" sldId="260"/>
            <ac:spMk id="14178" creationId="{892A6030-AF4A-3EC0-FAC6-06D60FED4021}"/>
          </ac:spMkLst>
        </pc:spChg>
        <pc:spChg chg="mod">
          <ac:chgData name="White, Alex" userId="eff6cc8c-37d8-483b-9c6c-6b27e9afa9bc" providerId="ADAL" clId="{BF04C754-5BF4-4E83-9615-DB14FA25AF8A}" dt="2023-10-12T11:38:42.377" v="307"/>
          <ac:spMkLst>
            <pc:docMk/>
            <pc:sldMk cId="2376958513" sldId="260"/>
            <ac:spMk id="14179" creationId="{92A19A1E-20DF-599B-A7ED-756117274B03}"/>
          </ac:spMkLst>
        </pc:spChg>
        <pc:spChg chg="mod">
          <ac:chgData name="White, Alex" userId="eff6cc8c-37d8-483b-9c6c-6b27e9afa9bc" providerId="ADAL" clId="{BF04C754-5BF4-4E83-9615-DB14FA25AF8A}" dt="2023-10-12T11:38:42.377" v="307"/>
          <ac:spMkLst>
            <pc:docMk/>
            <pc:sldMk cId="2376958513" sldId="260"/>
            <ac:spMk id="14180" creationId="{EA8F9973-A0AE-C175-F7C5-A204D6EA1FEE}"/>
          </ac:spMkLst>
        </pc:spChg>
        <pc:spChg chg="mod">
          <ac:chgData name="White, Alex" userId="eff6cc8c-37d8-483b-9c6c-6b27e9afa9bc" providerId="ADAL" clId="{BF04C754-5BF4-4E83-9615-DB14FA25AF8A}" dt="2023-10-12T11:38:42.377" v="307"/>
          <ac:spMkLst>
            <pc:docMk/>
            <pc:sldMk cId="2376958513" sldId="260"/>
            <ac:spMk id="14181" creationId="{F99DF314-FE40-CE7E-FCD4-EC64AFF9375D}"/>
          </ac:spMkLst>
        </pc:spChg>
        <pc:spChg chg="mod">
          <ac:chgData name="White, Alex" userId="eff6cc8c-37d8-483b-9c6c-6b27e9afa9bc" providerId="ADAL" clId="{BF04C754-5BF4-4E83-9615-DB14FA25AF8A}" dt="2023-10-12T11:38:42.377" v="307"/>
          <ac:spMkLst>
            <pc:docMk/>
            <pc:sldMk cId="2376958513" sldId="260"/>
            <ac:spMk id="14182" creationId="{C2063F7F-3CF4-546B-5DD2-CFEA81EF6614}"/>
          </ac:spMkLst>
        </pc:spChg>
        <pc:spChg chg="mod">
          <ac:chgData name="White, Alex" userId="eff6cc8c-37d8-483b-9c6c-6b27e9afa9bc" providerId="ADAL" clId="{BF04C754-5BF4-4E83-9615-DB14FA25AF8A}" dt="2023-10-12T11:38:42.377" v="307"/>
          <ac:spMkLst>
            <pc:docMk/>
            <pc:sldMk cId="2376958513" sldId="260"/>
            <ac:spMk id="14183" creationId="{6B74D313-8603-DA74-F771-3744EEA88A71}"/>
          </ac:spMkLst>
        </pc:spChg>
        <pc:spChg chg="mod">
          <ac:chgData name="White, Alex" userId="eff6cc8c-37d8-483b-9c6c-6b27e9afa9bc" providerId="ADAL" clId="{BF04C754-5BF4-4E83-9615-DB14FA25AF8A}" dt="2023-10-12T11:38:42.377" v="307"/>
          <ac:spMkLst>
            <pc:docMk/>
            <pc:sldMk cId="2376958513" sldId="260"/>
            <ac:spMk id="14184" creationId="{EE5E8876-5B88-17A4-D519-DE55437A1EED}"/>
          </ac:spMkLst>
        </pc:spChg>
        <pc:spChg chg="mod">
          <ac:chgData name="White, Alex" userId="eff6cc8c-37d8-483b-9c6c-6b27e9afa9bc" providerId="ADAL" clId="{BF04C754-5BF4-4E83-9615-DB14FA25AF8A}" dt="2023-10-12T11:38:42.377" v="307"/>
          <ac:spMkLst>
            <pc:docMk/>
            <pc:sldMk cId="2376958513" sldId="260"/>
            <ac:spMk id="14185" creationId="{CAC6AACA-5B87-6224-D414-5B77A19C7196}"/>
          </ac:spMkLst>
        </pc:spChg>
        <pc:spChg chg="mod">
          <ac:chgData name="White, Alex" userId="eff6cc8c-37d8-483b-9c6c-6b27e9afa9bc" providerId="ADAL" clId="{BF04C754-5BF4-4E83-9615-DB14FA25AF8A}" dt="2023-10-12T11:38:42.377" v="307"/>
          <ac:spMkLst>
            <pc:docMk/>
            <pc:sldMk cId="2376958513" sldId="260"/>
            <ac:spMk id="14186" creationId="{28C89008-D622-FCB0-63B8-AFEC48C2E0D8}"/>
          </ac:spMkLst>
        </pc:spChg>
        <pc:spChg chg="mod">
          <ac:chgData name="White, Alex" userId="eff6cc8c-37d8-483b-9c6c-6b27e9afa9bc" providerId="ADAL" clId="{BF04C754-5BF4-4E83-9615-DB14FA25AF8A}" dt="2023-10-12T11:38:42.377" v="307"/>
          <ac:spMkLst>
            <pc:docMk/>
            <pc:sldMk cId="2376958513" sldId="260"/>
            <ac:spMk id="14187" creationId="{E413B841-D6F1-13E6-3DF6-FC633A56DE4D}"/>
          </ac:spMkLst>
        </pc:spChg>
        <pc:spChg chg="mod">
          <ac:chgData name="White, Alex" userId="eff6cc8c-37d8-483b-9c6c-6b27e9afa9bc" providerId="ADAL" clId="{BF04C754-5BF4-4E83-9615-DB14FA25AF8A}" dt="2023-10-12T11:38:42.377" v="307"/>
          <ac:spMkLst>
            <pc:docMk/>
            <pc:sldMk cId="2376958513" sldId="260"/>
            <ac:spMk id="14188" creationId="{6F46AF97-C1C8-7845-A65F-834705A1D86F}"/>
          </ac:spMkLst>
        </pc:spChg>
        <pc:spChg chg="mod">
          <ac:chgData name="White, Alex" userId="eff6cc8c-37d8-483b-9c6c-6b27e9afa9bc" providerId="ADAL" clId="{BF04C754-5BF4-4E83-9615-DB14FA25AF8A}" dt="2023-10-12T11:38:42.377" v="307"/>
          <ac:spMkLst>
            <pc:docMk/>
            <pc:sldMk cId="2376958513" sldId="260"/>
            <ac:spMk id="14189" creationId="{36026B78-04FF-406A-070A-3D46D76A7A11}"/>
          </ac:spMkLst>
        </pc:spChg>
        <pc:spChg chg="mod">
          <ac:chgData name="White, Alex" userId="eff6cc8c-37d8-483b-9c6c-6b27e9afa9bc" providerId="ADAL" clId="{BF04C754-5BF4-4E83-9615-DB14FA25AF8A}" dt="2023-10-12T11:38:42.377" v="307"/>
          <ac:spMkLst>
            <pc:docMk/>
            <pc:sldMk cId="2376958513" sldId="260"/>
            <ac:spMk id="14190" creationId="{9E2872C5-4F39-29A0-655D-9E37228D20EB}"/>
          </ac:spMkLst>
        </pc:spChg>
        <pc:spChg chg="mod">
          <ac:chgData name="White, Alex" userId="eff6cc8c-37d8-483b-9c6c-6b27e9afa9bc" providerId="ADAL" clId="{BF04C754-5BF4-4E83-9615-DB14FA25AF8A}" dt="2023-10-12T11:38:42.377" v="307"/>
          <ac:spMkLst>
            <pc:docMk/>
            <pc:sldMk cId="2376958513" sldId="260"/>
            <ac:spMk id="14191" creationId="{5FF006F5-8022-DE70-6193-903624082969}"/>
          </ac:spMkLst>
        </pc:spChg>
        <pc:spChg chg="mod">
          <ac:chgData name="White, Alex" userId="eff6cc8c-37d8-483b-9c6c-6b27e9afa9bc" providerId="ADAL" clId="{BF04C754-5BF4-4E83-9615-DB14FA25AF8A}" dt="2023-10-12T11:38:42.377" v="307"/>
          <ac:spMkLst>
            <pc:docMk/>
            <pc:sldMk cId="2376958513" sldId="260"/>
            <ac:spMk id="14192" creationId="{F4F2F77D-1AD3-BC63-F760-03C761C8E2B8}"/>
          </ac:spMkLst>
        </pc:spChg>
        <pc:spChg chg="mod">
          <ac:chgData name="White, Alex" userId="eff6cc8c-37d8-483b-9c6c-6b27e9afa9bc" providerId="ADAL" clId="{BF04C754-5BF4-4E83-9615-DB14FA25AF8A}" dt="2023-10-12T11:38:42.377" v="307"/>
          <ac:spMkLst>
            <pc:docMk/>
            <pc:sldMk cId="2376958513" sldId="260"/>
            <ac:spMk id="14193" creationId="{562656F7-500F-B83B-005B-E0CC95987173}"/>
          </ac:spMkLst>
        </pc:spChg>
        <pc:spChg chg="mod">
          <ac:chgData name="White, Alex" userId="eff6cc8c-37d8-483b-9c6c-6b27e9afa9bc" providerId="ADAL" clId="{BF04C754-5BF4-4E83-9615-DB14FA25AF8A}" dt="2023-10-12T11:38:42.377" v="307"/>
          <ac:spMkLst>
            <pc:docMk/>
            <pc:sldMk cId="2376958513" sldId="260"/>
            <ac:spMk id="14194" creationId="{6D95F05B-90DB-0072-6AB7-EDA69B667C67}"/>
          </ac:spMkLst>
        </pc:spChg>
        <pc:spChg chg="mod">
          <ac:chgData name="White, Alex" userId="eff6cc8c-37d8-483b-9c6c-6b27e9afa9bc" providerId="ADAL" clId="{BF04C754-5BF4-4E83-9615-DB14FA25AF8A}" dt="2023-10-12T11:38:42.377" v="307"/>
          <ac:spMkLst>
            <pc:docMk/>
            <pc:sldMk cId="2376958513" sldId="260"/>
            <ac:spMk id="14195" creationId="{7C429858-E125-E7D9-5A0C-15686B883481}"/>
          </ac:spMkLst>
        </pc:spChg>
        <pc:spChg chg="mod">
          <ac:chgData name="White, Alex" userId="eff6cc8c-37d8-483b-9c6c-6b27e9afa9bc" providerId="ADAL" clId="{BF04C754-5BF4-4E83-9615-DB14FA25AF8A}" dt="2023-10-12T11:38:42.377" v="307"/>
          <ac:spMkLst>
            <pc:docMk/>
            <pc:sldMk cId="2376958513" sldId="260"/>
            <ac:spMk id="14196" creationId="{88D02736-83F5-9B94-F3FB-94FC40EC52B7}"/>
          </ac:spMkLst>
        </pc:spChg>
        <pc:spChg chg="mod">
          <ac:chgData name="White, Alex" userId="eff6cc8c-37d8-483b-9c6c-6b27e9afa9bc" providerId="ADAL" clId="{BF04C754-5BF4-4E83-9615-DB14FA25AF8A}" dt="2023-10-12T11:38:42.377" v="307"/>
          <ac:spMkLst>
            <pc:docMk/>
            <pc:sldMk cId="2376958513" sldId="260"/>
            <ac:spMk id="14197" creationId="{49F53BFA-2B49-96E2-604C-21C24340E85C}"/>
          </ac:spMkLst>
        </pc:spChg>
        <pc:spChg chg="mod">
          <ac:chgData name="White, Alex" userId="eff6cc8c-37d8-483b-9c6c-6b27e9afa9bc" providerId="ADAL" clId="{BF04C754-5BF4-4E83-9615-DB14FA25AF8A}" dt="2023-10-12T11:38:42.377" v="307"/>
          <ac:spMkLst>
            <pc:docMk/>
            <pc:sldMk cId="2376958513" sldId="260"/>
            <ac:spMk id="14198" creationId="{A90C87C1-39EA-F493-6507-096CB0624F0C}"/>
          </ac:spMkLst>
        </pc:spChg>
        <pc:spChg chg="mod">
          <ac:chgData name="White, Alex" userId="eff6cc8c-37d8-483b-9c6c-6b27e9afa9bc" providerId="ADAL" clId="{BF04C754-5BF4-4E83-9615-DB14FA25AF8A}" dt="2023-10-12T11:38:42.377" v="307"/>
          <ac:spMkLst>
            <pc:docMk/>
            <pc:sldMk cId="2376958513" sldId="260"/>
            <ac:spMk id="14199" creationId="{8901D12D-7637-F776-C823-95F466CEEC24}"/>
          </ac:spMkLst>
        </pc:spChg>
        <pc:spChg chg="mod">
          <ac:chgData name="White, Alex" userId="eff6cc8c-37d8-483b-9c6c-6b27e9afa9bc" providerId="ADAL" clId="{BF04C754-5BF4-4E83-9615-DB14FA25AF8A}" dt="2023-10-12T11:38:42.377" v="307"/>
          <ac:spMkLst>
            <pc:docMk/>
            <pc:sldMk cId="2376958513" sldId="260"/>
            <ac:spMk id="14200" creationId="{6963D7E2-83F0-E50A-DEA8-AECDA8400D6A}"/>
          </ac:spMkLst>
        </pc:spChg>
        <pc:spChg chg="mod">
          <ac:chgData name="White, Alex" userId="eff6cc8c-37d8-483b-9c6c-6b27e9afa9bc" providerId="ADAL" clId="{BF04C754-5BF4-4E83-9615-DB14FA25AF8A}" dt="2023-10-12T11:38:42.377" v="307"/>
          <ac:spMkLst>
            <pc:docMk/>
            <pc:sldMk cId="2376958513" sldId="260"/>
            <ac:spMk id="14201" creationId="{8290FD90-B7C3-E885-7A13-6BD7800B3D26}"/>
          </ac:spMkLst>
        </pc:spChg>
        <pc:spChg chg="mod">
          <ac:chgData name="White, Alex" userId="eff6cc8c-37d8-483b-9c6c-6b27e9afa9bc" providerId="ADAL" clId="{BF04C754-5BF4-4E83-9615-DB14FA25AF8A}" dt="2023-10-12T11:38:42.377" v="307"/>
          <ac:spMkLst>
            <pc:docMk/>
            <pc:sldMk cId="2376958513" sldId="260"/>
            <ac:spMk id="14202" creationId="{F677D4BD-A5C2-1917-E9C5-A199391C0C6A}"/>
          </ac:spMkLst>
        </pc:spChg>
        <pc:spChg chg="mod">
          <ac:chgData name="White, Alex" userId="eff6cc8c-37d8-483b-9c6c-6b27e9afa9bc" providerId="ADAL" clId="{BF04C754-5BF4-4E83-9615-DB14FA25AF8A}" dt="2023-10-12T11:38:42.377" v="307"/>
          <ac:spMkLst>
            <pc:docMk/>
            <pc:sldMk cId="2376958513" sldId="260"/>
            <ac:spMk id="14203" creationId="{8E4BB966-09F3-ADD1-8D2A-97D5427247F0}"/>
          </ac:spMkLst>
        </pc:spChg>
        <pc:spChg chg="mod">
          <ac:chgData name="White, Alex" userId="eff6cc8c-37d8-483b-9c6c-6b27e9afa9bc" providerId="ADAL" clId="{BF04C754-5BF4-4E83-9615-DB14FA25AF8A}" dt="2023-10-12T11:38:42.377" v="307"/>
          <ac:spMkLst>
            <pc:docMk/>
            <pc:sldMk cId="2376958513" sldId="260"/>
            <ac:spMk id="14204" creationId="{5910559C-5509-CEF8-BFFD-646C628C9637}"/>
          </ac:spMkLst>
        </pc:spChg>
        <pc:spChg chg="mod">
          <ac:chgData name="White, Alex" userId="eff6cc8c-37d8-483b-9c6c-6b27e9afa9bc" providerId="ADAL" clId="{BF04C754-5BF4-4E83-9615-DB14FA25AF8A}" dt="2023-10-12T11:38:42.377" v="307"/>
          <ac:spMkLst>
            <pc:docMk/>
            <pc:sldMk cId="2376958513" sldId="260"/>
            <ac:spMk id="14205" creationId="{F45DE21B-078C-CDA0-196D-9FB104C5D641}"/>
          </ac:spMkLst>
        </pc:spChg>
        <pc:spChg chg="mod">
          <ac:chgData name="White, Alex" userId="eff6cc8c-37d8-483b-9c6c-6b27e9afa9bc" providerId="ADAL" clId="{BF04C754-5BF4-4E83-9615-DB14FA25AF8A}" dt="2023-10-12T11:38:42.377" v="307"/>
          <ac:spMkLst>
            <pc:docMk/>
            <pc:sldMk cId="2376958513" sldId="260"/>
            <ac:spMk id="14206" creationId="{1A7196C7-849B-41FD-D16B-C7D86C1AA088}"/>
          </ac:spMkLst>
        </pc:spChg>
        <pc:spChg chg="mod">
          <ac:chgData name="White, Alex" userId="eff6cc8c-37d8-483b-9c6c-6b27e9afa9bc" providerId="ADAL" clId="{BF04C754-5BF4-4E83-9615-DB14FA25AF8A}" dt="2023-10-12T11:38:42.377" v="307"/>
          <ac:spMkLst>
            <pc:docMk/>
            <pc:sldMk cId="2376958513" sldId="260"/>
            <ac:spMk id="14207" creationId="{CCDAE138-6B76-A999-6985-14ACC2212C2E}"/>
          </ac:spMkLst>
        </pc:spChg>
        <pc:spChg chg="mod">
          <ac:chgData name="White, Alex" userId="eff6cc8c-37d8-483b-9c6c-6b27e9afa9bc" providerId="ADAL" clId="{BF04C754-5BF4-4E83-9615-DB14FA25AF8A}" dt="2023-10-12T11:38:42.377" v="307"/>
          <ac:spMkLst>
            <pc:docMk/>
            <pc:sldMk cId="2376958513" sldId="260"/>
            <ac:spMk id="14208" creationId="{D824874E-58A0-01B1-4432-BB19F8CD4231}"/>
          </ac:spMkLst>
        </pc:spChg>
        <pc:spChg chg="mod">
          <ac:chgData name="White, Alex" userId="eff6cc8c-37d8-483b-9c6c-6b27e9afa9bc" providerId="ADAL" clId="{BF04C754-5BF4-4E83-9615-DB14FA25AF8A}" dt="2023-10-12T11:38:42.377" v="307"/>
          <ac:spMkLst>
            <pc:docMk/>
            <pc:sldMk cId="2376958513" sldId="260"/>
            <ac:spMk id="14209" creationId="{37900FF5-C8C0-3865-F61F-1E26982D40DF}"/>
          </ac:spMkLst>
        </pc:spChg>
        <pc:spChg chg="mod">
          <ac:chgData name="White, Alex" userId="eff6cc8c-37d8-483b-9c6c-6b27e9afa9bc" providerId="ADAL" clId="{BF04C754-5BF4-4E83-9615-DB14FA25AF8A}" dt="2023-10-12T11:38:42.377" v="307"/>
          <ac:spMkLst>
            <pc:docMk/>
            <pc:sldMk cId="2376958513" sldId="260"/>
            <ac:spMk id="14210" creationId="{39FE9EDA-4B11-88D0-1769-65323056BC13}"/>
          </ac:spMkLst>
        </pc:spChg>
        <pc:spChg chg="mod">
          <ac:chgData name="White, Alex" userId="eff6cc8c-37d8-483b-9c6c-6b27e9afa9bc" providerId="ADAL" clId="{BF04C754-5BF4-4E83-9615-DB14FA25AF8A}" dt="2023-10-12T11:38:42.377" v="307"/>
          <ac:spMkLst>
            <pc:docMk/>
            <pc:sldMk cId="2376958513" sldId="260"/>
            <ac:spMk id="14211" creationId="{A0E6419B-0647-F3F4-34B5-77BF0A0041D4}"/>
          </ac:spMkLst>
        </pc:spChg>
        <pc:spChg chg="mod">
          <ac:chgData name="White, Alex" userId="eff6cc8c-37d8-483b-9c6c-6b27e9afa9bc" providerId="ADAL" clId="{BF04C754-5BF4-4E83-9615-DB14FA25AF8A}" dt="2023-10-12T11:38:42.377" v="307"/>
          <ac:spMkLst>
            <pc:docMk/>
            <pc:sldMk cId="2376958513" sldId="260"/>
            <ac:spMk id="14212" creationId="{3692F74B-8F54-EFA6-6F94-7BC7E4901BF1}"/>
          </ac:spMkLst>
        </pc:spChg>
        <pc:spChg chg="mod">
          <ac:chgData name="White, Alex" userId="eff6cc8c-37d8-483b-9c6c-6b27e9afa9bc" providerId="ADAL" clId="{BF04C754-5BF4-4E83-9615-DB14FA25AF8A}" dt="2023-10-12T11:38:42.377" v="307"/>
          <ac:spMkLst>
            <pc:docMk/>
            <pc:sldMk cId="2376958513" sldId="260"/>
            <ac:spMk id="14213" creationId="{D600616B-CF31-93C0-8FD6-3AD051BAC1E6}"/>
          </ac:spMkLst>
        </pc:spChg>
        <pc:spChg chg="mod">
          <ac:chgData name="White, Alex" userId="eff6cc8c-37d8-483b-9c6c-6b27e9afa9bc" providerId="ADAL" clId="{BF04C754-5BF4-4E83-9615-DB14FA25AF8A}" dt="2023-10-12T11:38:42.377" v="307"/>
          <ac:spMkLst>
            <pc:docMk/>
            <pc:sldMk cId="2376958513" sldId="260"/>
            <ac:spMk id="14214" creationId="{6F8487C1-AA59-E722-7188-3E784791E9D8}"/>
          </ac:spMkLst>
        </pc:spChg>
        <pc:spChg chg="mod">
          <ac:chgData name="White, Alex" userId="eff6cc8c-37d8-483b-9c6c-6b27e9afa9bc" providerId="ADAL" clId="{BF04C754-5BF4-4E83-9615-DB14FA25AF8A}" dt="2023-10-12T11:38:42.377" v="307"/>
          <ac:spMkLst>
            <pc:docMk/>
            <pc:sldMk cId="2376958513" sldId="260"/>
            <ac:spMk id="14215" creationId="{7CF81130-0ADD-7BC6-DD5D-3E54DD11A12E}"/>
          </ac:spMkLst>
        </pc:spChg>
        <pc:spChg chg="mod">
          <ac:chgData name="White, Alex" userId="eff6cc8c-37d8-483b-9c6c-6b27e9afa9bc" providerId="ADAL" clId="{BF04C754-5BF4-4E83-9615-DB14FA25AF8A}" dt="2023-10-12T11:38:42.377" v="307"/>
          <ac:spMkLst>
            <pc:docMk/>
            <pc:sldMk cId="2376958513" sldId="260"/>
            <ac:spMk id="14216" creationId="{F04C0C07-2DD9-653A-45CD-D07CE9D691E5}"/>
          </ac:spMkLst>
        </pc:spChg>
        <pc:spChg chg="mod">
          <ac:chgData name="White, Alex" userId="eff6cc8c-37d8-483b-9c6c-6b27e9afa9bc" providerId="ADAL" clId="{BF04C754-5BF4-4E83-9615-DB14FA25AF8A}" dt="2023-10-12T11:38:42.377" v="307"/>
          <ac:spMkLst>
            <pc:docMk/>
            <pc:sldMk cId="2376958513" sldId="260"/>
            <ac:spMk id="14217" creationId="{E63AC350-E805-7C93-AF93-08BA8F44CC79}"/>
          </ac:spMkLst>
        </pc:spChg>
        <pc:spChg chg="mod">
          <ac:chgData name="White, Alex" userId="eff6cc8c-37d8-483b-9c6c-6b27e9afa9bc" providerId="ADAL" clId="{BF04C754-5BF4-4E83-9615-DB14FA25AF8A}" dt="2023-10-12T11:38:42.377" v="307"/>
          <ac:spMkLst>
            <pc:docMk/>
            <pc:sldMk cId="2376958513" sldId="260"/>
            <ac:spMk id="14218" creationId="{B6AC2C7A-B23F-C0BF-04DC-24C8CB35D8C4}"/>
          </ac:spMkLst>
        </pc:spChg>
        <pc:spChg chg="mod">
          <ac:chgData name="White, Alex" userId="eff6cc8c-37d8-483b-9c6c-6b27e9afa9bc" providerId="ADAL" clId="{BF04C754-5BF4-4E83-9615-DB14FA25AF8A}" dt="2023-10-12T11:38:42.377" v="307"/>
          <ac:spMkLst>
            <pc:docMk/>
            <pc:sldMk cId="2376958513" sldId="260"/>
            <ac:spMk id="14219" creationId="{F03BBFEE-172F-AED0-6E72-7FA57D40EF6F}"/>
          </ac:spMkLst>
        </pc:spChg>
        <pc:spChg chg="mod">
          <ac:chgData name="White, Alex" userId="eff6cc8c-37d8-483b-9c6c-6b27e9afa9bc" providerId="ADAL" clId="{BF04C754-5BF4-4E83-9615-DB14FA25AF8A}" dt="2023-10-12T11:38:42.377" v="307"/>
          <ac:spMkLst>
            <pc:docMk/>
            <pc:sldMk cId="2376958513" sldId="260"/>
            <ac:spMk id="14220" creationId="{35C2482E-098E-FCD9-9B3F-A9DD44C74E22}"/>
          </ac:spMkLst>
        </pc:spChg>
        <pc:spChg chg="mod">
          <ac:chgData name="White, Alex" userId="eff6cc8c-37d8-483b-9c6c-6b27e9afa9bc" providerId="ADAL" clId="{BF04C754-5BF4-4E83-9615-DB14FA25AF8A}" dt="2023-10-12T11:38:42.377" v="307"/>
          <ac:spMkLst>
            <pc:docMk/>
            <pc:sldMk cId="2376958513" sldId="260"/>
            <ac:spMk id="14221" creationId="{4E0503E0-B73F-F96B-1C9B-EFFE137892A3}"/>
          </ac:spMkLst>
        </pc:spChg>
        <pc:spChg chg="mod">
          <ac:chgData name="White, Alex" userId="eff6cc8c-37d8-483b-9c6c-6b27e9afa9bc" providerId="ADAL" clId="{BF04C754-5BF4-4E83-9615-DB14FA25AF8A}" dt="2023-10-12T11:38:42.377" v="307"/>
          <ac:spMkLst>
            <pc:docMk/>
            <pc:sldMk cId="2376958513" sldId="260"/>
            <ac:spMk id="14222" creationId="{914DF599-2C44-16FF-C8EF-EACC151183C2}"/>
          </ac:spMkLst>
        </pc:spChg>
        <pc:spChg chg="mod">
          <ac:chgData name="White, Alex" userId="eff6cc8c-37d8-483b-9c6c-6b27e9afa9bc" providerId="ADAL" clId="{BF04C754-5BF4-4E83-9615-DB14FA25AF8A}" dt="2023-10-12T11:38:42.377" v="307"/>
          <ac:spMkLst>
            <pc:docMk/>
            <pc:sldMk cId="2376958513" sldId="260"/>
            <ac:spMk id="14223" creationId="{E294EA7C-5414-C1CB-F618-28627C8EE460}"/>
          </ac:spMkLst>
        </pc:spChg>
        <pc:spChg chg="mod">
          <ac:chgData name="White, Alex" userId="eff6cc8c-37d8-483b-9c6c-6b27e9afa9bc" providerId="ADAL" clId="{BF04C754-5BF4-4E83-9615-DB14FA25AF8A}" dt="2023-10-12T11:38:42.377" v="307"/>
          <ac:spMkLst>
            <pc:docMk/>
            <pc:sldMk cId="2376958513" sldId="260"/>
            <ac:spMk id="14224" creationId="{439112CA-1C1D-1672-DCA7-E048AA23261C}"/>
          </ac:spMkLst>
        </pc:spChg>
        <pc:spChg chg="mod">
          <ac:chgData name="White, Alex" userId="eff6cc8c-37d8-483b-9c6c-6b27e9afa9bc" providerId="ADAL" clId="{BF04C754-5BF4-4E83-9615-DB14FA25AF8A}" dt="2023-10-12T11:38:42.377" v="307"/>
          <ac:spMkLst>
            <pc:docMk/>
            <pc:sldMk cId="2376958513" sldId="260"/>
            <ac:spMk id="14225" creationId="{653BB3EE-85A9-CBE0-71A7-4D2C70C50140}"/>
          </ac:spMkLst>
        </pc:spChg>
        <pc:spChg chg="mod">
          <ac:chgData name="White, Alex" userId="eff6cc8c-37d8-483b-9c6c-6b27e9afa9bc" providerId="ADAL" clId="{BF04C754-5BF4-4E83-9615-DB14FA25AF8A}" dt="2023-10-12T11:38:42.377" v="307"/>
          <ac:spMkLst>
            <pc:docMk/>
            <pc:sldMk cId="2376958513" sldId="260"/>
            <ac:spMk id="14226" creationId="{5A729A7C-B650-29CE-5151-100FE9B060C3}"/>
          </ac:spMkLst>
        </pc:spChg>
        <pc:spChg chg="mod">
          <ac:chgData name="White, Alex" userId="eff6cc8c-37d8-483b-9c6c-6b27e9afa9bc" providerId="ADAL" clId="{BF04C754-5BF4-4E83-9615-DB14FA25AF8A}" dt="2023-10-12T11:38:42.377" v="307"/>
          <ac:spMkLst>
            <pc:docMk/>
            <pc:sldMk cId="2376958513" sldId="260"/>
            <ac:spMk id="14227" creationId="{FB8DE2E9-B801-2168-79C0-74B3A2E259A4}"/>
          </ac:spMkLst>
        </pc:spChg>
        <pc:spChg chg="mod">
          <ac:chgData name="White, Alex" userId="eff6cc8c-37d8-483b-9c6c-6b27e9afa9bc" providerId="ADAL" clId="{BF04C754-5BF4-4E83-9615-DB14FA25AF8A}" dt="2023-10-12T11:38:42.377" v="307"/>
          <ac:spMkLst>
            <pc:docMk/>
            <pc:sldMk cId="2376958513" sldId="260"/>
            <ac:spMk id="14228" creationId="{2602E594-48E0-0569-FCFC-982FD43DAD47}"/>
          </ac:spMkLst>
        </pc:spChg>
        <pc:spChg chg="mod">
          <ac:chgData name="White, Alex" userId="eff6cc8c-37d8-483b-9c6c-6b27e9afa9bc" providerId="ADAL" clId="{BF04C754-5BF4-4E83-9615-DB14FA25AF8A}" dt="2023-10-12T11:38:42.377" v="307"/>
          <ac:spMkLst>
            <pc:docMk/>
            <pc:sldMk cId="2376958513" sldId="260"/>
            <ac:spMk id="14229" creationId="{B13CE520-A9B6-F625-061A-2B0809792DCF}"/>
          </ac:spMkLst>
        </pc:spChg>
        <pc:spChg chg="mod">
          <ac:chgData name="White, Alex" userId="eff6cc8c-37d8-483b-9c6c-6b27e9afa9bc" providerId="ADAL" clId="{BF04C754-5BF4-4E83-9615-DB14FA25AF8A}" dt="2023-10-12T11:38:42.377" v="307"/>
          <ac:spMkLst>
            <pc:docMk/>
            <pc:sldMk cId="2376958513" sldId="260"/>
            <ac:spMk id="14230" creationId="{227197BC-F685-FFC2-8124-5C33BB49DF91}"/>
          </ac:spMkLst>
        </pc:spChg>
        <pc:spChg chg="mod">
          <ac:chgData name="White, Alex" userId="eff6cc8c-37d8-483b-9c6c-6b27e9afa9bc" providerId="ADAL" clId="{BF04C754-5BF4-4E83-9615-DB14FA25AF8A}" dt="2023-10-12T11:38:42.377" v="307"/>
          <ac:spMkLst>
            <pc:docMk/>
            <pc:sldMk cId="2376958513" sldId="260"/>
            <ac:spMk id="14231" creationId="{F27355F6-FC51-E700-2EB7-BB8AF4E15FB7}"/>
          </ac:spMkLst>
        </pc:spChg>
        <pc:spChg chg="mod">
          <ac:chgData name="White, Alex" userId="eff6cc8c-37d8-483b-9c6c-6b27e9afa9bc" providerId="ADAL" clId="{BF04C754-5BF4-4E83-9615-DB14FA25AF8A}" dt="2023-10-12T11:38:42.377" v="307"/>
          <ac:spMkLst>
            <pc:docMk/>
            <pc:sldMk cId="2376958513" sldId="260"/>
            <ac:spMk id="14232" creationId="{D88005FA-65BC-7E30-7EDE-32FFF65DBE92}"/>
          </ac:spMkLst>
        </pc:spChg>
        <pc:spChg chg="mod">
          <ac:chgData name="White, Alex" userId="eff6cc8c-37d8-483b-9c6c-6b27e9afa9bc" providerId="ADAL" clId="{BF04C754-5BF4-4E83-9615-DB14FA25AF8A}" dt="2023-10-12T11:38:42.377" v="307"/>
          <ac:spMkLst>
            <pc:docMk/>
            <pc:sldMk cId="2376958513" sldId="260"/>
            <ac:spMk id="14233" creationId="{6A2F15B7-3958-03D3-B3F0-D88FFC4EE296}"/>
          </ac:spMkLst>
        </pc:spChg>
        <pc:spChg chg="mod">
          <ac:chgData name="White, Alex" userId="eff6cc8c-37d8-483b-9c6c-6b27e9afa9bc" providerId="ADAL" clId="{BF04C754-5BF4-4E83-9615-DB14FA25AF8A}" dt="2023-10-12T11:38:42.377" v="307"/>
          <ac:spMkLst>
            <pc:docMk/>
            <pc:sldMk cId="2376958513" sldId="260"/>
            <ac:spMk id="14234" creationId="{A4EBFDED-AD79-69E9-30CA-BE129BBC29B0}"/>
          </ac:spMkLst>
        </pc:spChg>
        <pc:spChg chg="mod">
          <ac:chgData name="White, Alex" userId="eff6cc8c-37d8-483b-9c6c-6b27e9afa9bc" providerId="ADAL" clId="{BF04C754-5BF4-4E83-9615-DB14FA25AF8A}" dt="2023-10-12T11:38:42.377" v="307"/>
          <ac:spMkLst>
            <pc:docMk/>
            <pc:sldMk cId="2376958513" sldId="260"/>
            <ac:spMk id="14235" creationId="{1AADF413-1312-7925-749D-E8F74D85338F}"/>
          </ac:spMkLst>
        </pc:spChg>
        <pc:spChg chg="mod">
          <ac:chgData name="White, Alex" userId="eff6cc8c-37d8-483b-9c6c-6b27e9afa9bc" providerId="ADAL" clId="{BF04C754-5BF4-4E83-9615-DB14FA25AF8A}" dt="2023-10-12T11:38:42.377" v="307"/>
          <ac:spMkLst>
            <pc:docMk/>
            <pc:sldMk cId="2376958513" sldId="260"/>
            <ac:spMk id="14236" creationId="{462B4F11-EF1D-BFA7-294A-5212B356B325}"/>
          </ac:spMkLst>
        </pc:spChg>
        <pc:spChg chg="mod">
          <ac:chgData name="White, Alex" userId="eff6cc8c-37d8-483b-9c6c-6b27e9afa9bc" providerId="ADAL" clId="{BF04C754-5BF4-4E83-9615-DB14FA25AF8A}" dt="2023-10-12T11:38:42.377" v="307"/>
          <ac:spMkLst>
            <pc:docMk/>
            <pc:sldMk cId="2376958513" sldId="260"/>
            <ac:spMk id="14237" creationId="{88975BB1-233A-E098-04F7-5F739DE92811}"/>
          </ac:spMkLst>
        </pc:spChg>
        <pc:spChg chg="mod">
          <ac:chgData name="White, Alex" userId="eff6cc8c-37d8-483b-9c6c-6b27e9afa9bc" providerId="ADAL" clId="{BF04C754-5BF4-4E83-9615-DB14FA25AF8A}" dt="2023-10-12T11:38:42.377" v="307"/>
          <ac:spMkLst>
            <pc:docMk/>
            <pc:sldMk cId="2376958513" sldId="260"/>
            <ac:spMk id="14238" creationId="{61775FB3-ED4A-497D-0B3D-0F46D72A9BA7}"/>
          </ac:spMkLst>
        </pc:spChg>
        <pc:spChg chg="mod">
          <ac:chgData name="White, Alex" userId="eff6cc8c-37d8-483b-9c6c-6b27e9afa9bc" providerId="ADAL" clId="{BF04C754-5BF4-4E83-9615-DB14FA25AF8A}" dt="2023-10-12T11:38:42.377" v="307"/>
          <ac:spMkLst>
            <pc:docMk/>
            <pc:sldMk cId="2376958513" sldId="260"/>
            <ac:spMk id="14239" creationId="{D0DDF546-E476-588A-C9D0-F10D0DC1979C}"/>
          </ac:spMkLst>
        </pc:spChg>
        <pc:spChg chg="mod">
          <ac:chgData name="White, Alex" userId="eff6cc8c-37d8-483b-9c6c-6b27e9afa9bc" providerId="ADAL" clId="{BF04C754-5BF4-4E83-9615-DB14FA25AF8A}" dt="2023-10-12T11:38:42.377" v="307"/>
          <ac:spMkLst>
            <pc:docMk/>
            <pc:sldMk cId="2376958513" sldId="260"/>
            <ac:spMk id="14240" creationId="{F8ACAB92-BB50-01A8-7CA0-0DFD345F6701}"/>
          </ac:spMkLst>
        </pc:spChg>
        <pc:spChg chg="mod">
          <ac:chgData name="White, Alex" userId="eff6cc8c-37d8-483b-9c6c-6b27e9afa9bc" providerId="ADAL" clId="{BF04C754-5BF4-4E83-9615-DB14FA25AF8A}" dt="2023-10-12T11:38:42.377" v="307"/>
          <ac:spMkLst>
            <pc:docMk/>
            <pc:sldMk cId="2376958513" sldId="260"/>
            <ac:spMk id="14241" creationId="{534D9811-57B4-76F7-296E-04E00A4821A7}"/>
          </ac:spMkLst>
        </pc:spChg>
        <pc:spChg chg="mod">
          <ac:chgData name="White, Alex" userId="eff6cc8c-37d8-483b-9c6c-6b27e9afa9bc" providerId="ADAL" clId="{BF04C754-5BF4-4E83-9615-DB14FA25AF8A}" dt="2023-10-12T11:38:42.377" v="307"/>
          <ac:spMkLst>
            <pc:docMk/>
            <pc:sldMk cId="2376958513" sldId="260"/>
            <ac:spMk id="14242" creationId="{7FA8A389-CC11-3A7A-CCEA-0806938131AC}"/>
          </ac:spMkLst>
        </pc:spChg>
        <pc:spChg chg="mod">
          <ac:chgData name="White, Alex" userId="eff6cc8c-37d8-483b-9c6c-6b27e9afa9bc" providerId="ADAL" clId="{BF04C754-5BF4-4E83-9615-DB14FA25AF8A}" dt="2023-10-12T11:38:42.377" v="307"/>
          <ac:spMkLst>
            <pc:docMk/>
            <pc:sldMk cId="2376958513" sldId="260"/>
            <ac:spMk id="14243" creationId="{4963FAB1-670C-AB0B-74FA-BC1F82DEEDAC}"/>
          </ac:spMkLst>
        </pc:spChg>
        <pc:spChg chg="mod">
          <ac:chgData name="White, Alex" userId="eff6cc8c-37d8-483b-9c6c-6b27e9afa9bc" providerId="ADAL" clId="{BF04C754-5BF4-4E83-9615-DB14FA25AF8A}" dt="2023-10-12T11:38:42.377" v="307"/>
          <ac:spMkLst>
            <pc:docMk/>
            <pc:sldMk cId="2376958513" sldId="260"/>
            <ac:spMk id="14244" creationId="{7D418A88-4512-5D96-2185-2E11A63BD203}"/>
          </ac:spMkLst>
        </pc:spChg>
        <pc:spChg chg="mod">
          <ac:chgData name="White, Alex" userId="eff6cc8c-37d8-483b-9c6c-6b27e9afa9bc" providerId="ADAL" clId="{BF04C754-5BF4-4E83-9615-DB14FA25AF8A}" dt="2023-10-12T11:38:42.377" v="307"/>
          <ac:spMkLst>
            <pc:docMk/>
            <pc:sldMk cId="2376958513" sldId="260"/>
            <ac:spMk id="14245" creationId="{814646FF-A4B8-053E-2FAA-03631E05D258}"/>
          </ac:spMkLst>
        </pc:spChg>
        <pc:spChg chg="mod">
          <ac:chgData name="White, Alex" userId="eff6cc8c-37d8-483b-9c6c-6b27e9afa9bc" providerId="ADAL" clId="{BF04C754-5BF4-4E83-9615-DB14FA25AF8A}" dt="2023-10-12T11:38:42.377" v="307"/>
          <ac:spMkLst>
            <pc:docMk/>
            <pc:sldMk cId="2376958513" sldId="260"/>
            <ac:spMk id="14246" creationId="{6F2D830A-1997-63BA-420F-BBDEA33AC719}"/>
          </ac:spMkLst>
        </pc:spChg>
        <pc:spChg chg="mod">
          <ac:chgData name="White, Alex" userId="eff6cc8c-37d8-483b-9c6c-6b27e9afa9bc" providerId="ADAL" clId="{BF04C754-5BF4-4E83-9615-DB14FA25AF8A}" dt="2023-10-12T11:38:42.377" v="307"/>
          <ac:spMkLst>
            <pc:docMk/>
            <pc:sldMk cId="2376958513" sldId="260"/>
            <ac:spMk id="14247" creationId="{36DBDABC-E6DA-E775-2340-8AC984A7B4C1}"/>
          </ac:spMkLst>
        </pc:spChg>
        <pc:spChg chg="mod">
          <ac:chgData name="White, Alex" userId="eff6cc8c-37d8-483b-9c6c-6b27e9afa9bc" providerId="ADAL" clId="{BF04C754-5BF4-4E83-9615-DB14FA25AF8A}" dt="2023-10-12T11:38:42.377" v="307"/>
          <ac:spMkLst>
            <pc:docMk/>
            <pc:sldMk cId="2376958513" sldId="260"/>
            <ac:spMk id="14248" creationId="{3314BEED-1E9B-C7FA-456B-981D181CA3AD}"/>
          </ac:spMkLst>
        </pc:spChg>
        <pc:spChg chg="mod">
          <ac:chgData name="White, Alex" userId="eff6cc8c-37d8-483b-9c6c-6b27e9afa9bc" providerId="ADAL" clId="{BF04C754-5BF4-4E83-9615-DB14FA25AF8A}" dt="2023-10-12T11:38:42.377" v="307"/>
          <ac:spMkLst>
            <pc:docMk/>
            <pc:sldMk cId="2376958513" sldId="260"/>
            <ac:spMk id="14249" creationId="{C666DC4F-22BB-D3FD-3215-53B6A27E6917}"/>
          </ac:spMkLst>
        </pc:spChg>
        <pc:spChg chg="mod">
          <ac:chgData name="White, Alex" userId="eff6cc8c-37d8-483b-9c6c-6b27e9afa9bc" providerId="ADAL" clId="{BF04C754-5BF4-4E83-9615-DB14FA25AF8A}" dt="2023-10-12T11:38:42.377" v="307"/>
          <ac:spMkLst>
            <pc:docMk/>
            <pc:sldMk cId="2376958513" sldId="260"/>
            <ac:spMk id="14250" creationId="{5D65AD99-23D0-FA29-7D8D-B4E79DA996F3}"/>
          </ac:spMkLst>
        </pc:spChg>
        <pc:spChg chg="mod">
          <ac:chgData name="White, Alex" userId="eff6cc8c-37d8-483b-9c6c-6b27e9afa9bc" providerId="ADAL" clId="{BF04C754-5BF4-4E83-9615-DB14FA25AF8A}" dt="2023-10-12T11:38:42.377" v="307"/>
          <ac:spMkLst>
            <pc:docMk/>
            <pc:sldMk cId="2376958513" sldId="260"/>
            <ac:spMk id="14251" creationId="{DE2DEADA-9B16-54BF-74CF-26A923820527}"/>
          </ac:spMkLst>
        </pc:spChg>
        <pc:spChg chg="mod">
          <ac:chgData name="White, Alex" userId="eff6cc8c-37d8-483b-9c6c-6b27e9afa9bc" providerId="ADAL" clId="{BF04C754-5BF4-4E83-9615-DB14FA25AF8A}" dt="2023-10-12T11:38:42.377" v="307"/>
          <ac:spMkLst>
            <pc:docMk/>
            <pc:sldMk cId="2376958513" sldId="260"/>
            <ac:spMk id="14252" creationId="{A4D5DDD7-8A7D-4AFB-D620-3E2FD64E9721}"/>
          </ac:spMkLst>
        </pc:spChg>
        <pc:spChg chg="mod">
          <ac:chgData name="White, Alex" userId="eff6cc8c-37d8-483b-9c6c-6b27e9afa9bc" providerId="ADAL" clId="{BF04C754-5BF4-4E83-9615-DB14FA25AF8A}" dt="2023-10-12T11:38:42.377" v="307"/>
          <ac:spMkLst>
            <pc:docMk/>
            <pc:sldMk cId="2376958513" sldId="260"/>
            <ac:spMk id="14253" creationId="{53A9330E-CDCE-E128-0D8F-B72BF0254F87}"/>
          </ac:spMkLst>
        </pc:spChg>
        <pc:spChg chg="mod">
          <ac:chgData name="White, Alex" userId="eff6cc8c-37d8-483b-9c6c-6b27e9afa9bc" providerId="ADAL" clId="{BF04C754-5BF4-4E83-9615-DB14FA25AF8A}" dt="2023-10-12T11:38:42.377" v="307"/>
          <ac:spMkLst>
            <pc:docMk/>
            <pc:sldMk cId="2376958513" sldId="260"/>
            <ac:spMk id="14254" creationId="{1447552D-C419-2223-4652-E96755B3FA67}"/>
          </ac:spMkLst>
        </pc:spChg>
        <pc:spChg chg="mod">
          <ac:chgData name="White, Alex" userId="eff6cc8c-37d8-483b-9c6c-6b27e9afa9bc" providerId="ADAL" clId="{BF04C754-5BF4-4E83-9615-DB14FA25AF8A}" dt="2023-10-12T11:38:42.377" v="307"/>
          <ac:spMkLst>
            <pc:docMk/>
            <pc:sldMk cId="2376958513" sldId="260"/>
            <ac:spMk id="14255" creationId="{36155FE1-72BC-B477-CFB1-90936C60CC51}"/>
          </ac:spMkLst>
        </pc:spChg>
        <pc:spChg chg="mod">
          <ac:chgData name="White, Alex" userId="eff6cc8c-37d8-483b-9c6c-6b27e9afa9bc" providerId="ADAL" clId="{BF04C754-5BF4-4E83-9615-DB14FA25AF8A}" dt="2023-10-12T11:38:42.377" v="307"/>
          <ac:spMkLst>
            <pc:docMk/>
            <pc:sldMk cId="2376958513" sldId="260"/>
            <ac:spMk id="14256" creationId="{C5DCC138-DD43-A4EA-26D0-B3F6F7F34C91}"/>
          </ac:spMkLst>
        </pc:spChg>
        <pc:spChg chg="mod">
          <ac:chgData name="White, Alex" userId="eff6cc8c-37d8-483b-9c6c-6b27e9afa9bc" providerId="ADAL" clId="{BF04C754-5BF4-4E83-9615-DB14FA25AF8A}" dt="2023-10-12T11:38:42.377" v="307"/>
          <ac:spMkLst>
            <pc:docMk/>
            <pc:sldMk cId="2376958513" sldId="260"/>
            <ac:spMk id="14257" creationId="{EB880A7D-76D2-6098-FF1A-53A6A91093C9}"/>
          </ac:spMkLst>
        </pc:spChg>
        <pc:spChg chg="mod">
          <ac:chgData name="White, Alex" userId="eff6cc8c-37d8-483b-9c6c-6b27e9afa9bc" providerId="ADAL" clId="{BF04C754-5BF4-4E83-9615-DB14FA25AF8A}" dt="2023-10-12T11:38:42.377" v="307"/>
          <ac:spMkLst>
            <pc:docMk/>
            <pc:sldMk cId="2376958513" sldId="260"/>
            <ac:spMk id="14258" creationId="{A0E789C8-7254-35C3-00B1-93879494E855}"/>
          </ac:spMkLst>
        </pc:spChg>
        <pc:spChg chg="mod">
          <ac:chgData name="White, Alex" userId="eff6cc8c-37d8-483b-9c6c-6b27e9afa9bc" providerId="ADAL" clId="{BF04C754-5BF4-4E83-9615-DB14FA25AF8A}" dt="2023-10-12T11:38:42.377" v="307"/>
          <ac:spMkLst>
            <pc:docMk/>
            <pc:sldMk cId="2376958513" sldId="260"/>
            <ac:spMk id="14259" creationId="{3CE7DF8B-35C4-B214-0BC7-59A68F22BF17}"/>
          </ac:spMkLst>
        </pc:spChg>
        <pc:spChg chg="mod">
          <ac:chgData name="White, Alex" userId="eff6cc8c-37d8-483b-9c6c-6b27e9afa9bc" providerId="ADAL" clId="{BF04C754-5BF4-4E83-9615-DB14FA25AF8A}" dt="2023-10-12T11:38:42.377" v="307"/>
          <ac:spMkLst>
            <pc:docMk/>
            <pc:sldMk cId="2376958513" sldId="260"/>
            <ac:spMk id="14260" creationId="{BE6AE8B5-3A4E-CF29-9D1E-AFA0730E55F5}"/>
          </ac:spMkLst>
        </pc:spChg>
        <pc:spChg chg="mod">
          <ac:chgData name="White, Alex" userId="eff6cc8c-37d8-483b-9c6c-6b27e9afa9bc" providerId="ADAL" clId="{BF04C754-5BF4-4E83-9615-DB14FA25AF8A}" dt="2023-10-12T11:38:42.377" v="307"/>
          <ac:spMkLst>
            <pc:docMk/>
            <pc:sldMk cId="2376958513" sldId="260"/>
            <ac:spMk id="14261" creationId="{195C3A06-EEAF-85A8-90F7-656EC56211E8}"/>
          </ac:spMkLst>
        </pc:spChg>
        <pc:spChg chg="mod">
          <ac:chgData name="White, Alex" userId="eff6cc8c-37d8-483b-9c6c-6b27e9afa9bc" providerId="ADAL" clId="{BF04C754-5BF4-4E83-9615-DB14FA25AF8A}" dt="2023-10-12T11:38:42.377" v="307"/>
          <ac:spMkLst>
            <pc:docMk/>
            <pc:sldMk cId="2376958513" sldId="260"/>
            <ac:spMk id="14262" creationId="{AC9CE817-A1C4-93BA-1DF2-64E2230956A6}"/>
          </ac:spMkLst>
        </pc:spChg>
        <pc:spChg chg="mod">
          <ac:chgData name="White, Alex" userId="eff6cc8c-37d8-483b-9c6c-6b27e9afa9bc" providerId="ADAL" clId="{BF04C754-5BF4-4E83-9615-DB14FA25AF8A}" dt="2023-10-12T11:38:42.377" v="307"/>
          <ac:spMkLst>
            <pc:docMk/>
            <pc:sldMk cId="2376958513" sldId="260"/>
            <ac:spMk id="14263" creationId="{165ECE88-9EB9-4742-4EAF-2C7BBD3B564E}"/>
          </ac:spMkLst>
        </pc:spChg>
        <pc:spChg chg="mod">
          <ac:chgData name="White, Alex" userId="eff6cc8c-37d8-483b-9c6c-6b27e9afa9bc" providerId="ADAL" clId="{BF04C754-5BF4-4E83-9615-DB14FA25AF8A}" dt="2023-10-12T11:38:42.377" v="307"/>
          <ac:spMkLst>
            <pc:docMk/>
            <pc:sldMk cId="2376958513" sldId="260"/>
            <ac:spMk id="14264" creationId="{8FCD68BF-CA71-3451-73D2-4863D6492C2F}"/>
          </ac:spMkLst>
        </pc:spChg>
        <pc:spChg chg="mod">
          <ac:chgData name="White, Alex" userId="eff6cc8c-37d8-483b-9c6c-6b27e9afa9bc" providerId="ADAL" clId="{BF04C754-5BF4-4E83-9615-DB14FA25AF8A}" dt="2023-10-12T11:38:42.377" v="307"/>
          <ac:spMkLst>
            <pc:docMk/>
            <pc:sldMk cId="2376958513" sldId="260"/>
            <ac:spMk id="14265" creationId="{3A894831-8AC8-9CC9-61B5-243CB5341071}"/>
          </ac:spMkLst>
        </pc:spChg>
        <pc:spChg chg="mod">
          <ac:chgData name="White, Alex" userId="eff6cc8c-37d8-483b-9c6c-6b27e9afa9bc" providerId="ADAL" clId="{BF04C754-5BF4-4E83-9615-DB14FA25AF8A}" dt="2023-10-12T11:38:42.377" v="307"/>
          <ac:spMkLst>
            <pc:docMk/>
            <pc:sldMk cId="2376958513" sldId="260"/>
            <ac:spMk id="14266" creationId="{030497C2-A213-F257-BEC5-A8A26A5EB526}"/>
          </ac:spMkLst>
        </pc:spChg>
        <pc:spChg chg="mod">
          <ac:chgData name="White, Alex" userId="eff6cc8c-37d8-483b-9c6c-6b27e9afa9bc" providerId="ADAL" clId="{BF04C754-5BF4-4E83-9615-DB14FA25AF8A}" dt="2023-10-12T11:38:42.377" v="307"/>
          <ac:spMkLst>
            <pc:docMk/>
            <pc:sldMk cId="2376958513" sldId="260"/>
            <ac:spMk id="14267" creationId="{4647C72F-43F8-CE4F-8940-3F420AE9F60B}"/>
          </ac:spMkLst>
        </pc:spChg>
        <pc:spChg chg="mod">
          <ac:chgData name="White, Alex" userId="eff6cc8c-37d8-483b-9c6c-6b27e9afa9bc" providerId="ADAL" clId="{BF04C754-5BF4-4E83-9615-DB14FA25AF8A}" dt="2023-10-12T11:38:42.377" v="307"/>
          <ac:spMkLst>
            <pc:docMk/>
            <pc:sldMk cId="2376958513" sldId="260"/>
            <ac:spMk id="14268" creationId="{5CCB718D-5902-3A8E-EC69-64B2957CB454}"/>
          </ac:spMkLst>
        </pc:spChg>
        <pc:spChg chg="mod">
          <ac:chgData name="White, Alex" userId="eff6cc8c-37d8-483b-9c6c-6b27e9afa9bc" providerId="ADAL" clId="{BF04C754-5BF4-4E83-9615-DB14FA25AF8A}" dt="2023-10-12T11:38:42.377" v="307"/>
          <ac:spMkLst>
            <pc:docMk/>
            <pc:sldMk cId="2376958513" sldId="260"/>
            <ac:spMk id="14269" creationId="{4CD3227B-4A5C-FA92-313F-397C399F81CB}"/>
          </ac:spMkLst>
        </pc:spChg>
        <pc:spChg chg="mod">
          <ac:chgData name="White, Alex" userId="eff6cc8c-37d8-483b-9c6c-6b27e9afa9bc" providerId="ADAL" clId="{BF04C754-5BF4-4E83-9615-DB14FA25AF8A}" dt="2023-10-12T11:38:42.377" v="307"/>
          <ac:spMkLst>
            <pc:docMk/>
            <pc:sldMk cId="2376958513" sldId="260"/>
            <ac:spMk id="14270" creationId="{1E745562-DC8F-9BDC-CE97-F4CB32AF2CCB}"/>
          </ac:spMkLst>
        </pc:spChg>
        <pc:spChg chg="mod">
          <ac:chgData name="White, Alex" userId="eff6cc8c-37d8-483b-9c6c-6b27e9afa9bc" providerId="ADAL" clId="{BF04C754-5BF4-4E83-9615-DB14FA25AF8A}" dt="2023-10-12T11:38:42.377" v="307"/>
          <ac:spMkLst>
            <pc:docMk/>
            <pc:sldMk cId="2376958513" sldId="260"/>
            <ac:spMk id="14271" creationId="{A0973EE7-FE53-BFEB-5508-74573395EE0F}"/>
          </ac:spMkLst>
        </pc:spChg>
        <pc:spChg chg="mod">
          <ac:chgData name="White, Alex" userId="eff6cc8c-37d8-483b-9c6c-6b27e9afa9bc" providerId="ADAL" clId="{BF04C754-5BF4-4E83-9615-DB14FA25AF8A}" dt="2023-10-12T11:38:42.377" v="307"/>
          <ac:spMkLst>
            <pc:docMk/>
            <pc:sldMk cId="2376958513" sldId="260"/>
            <ac:spMk id="14272" creationId="{05170339-4A21-B94D-40F6-309BC3814176}"/>
          </ac:spMkLst>
        </pc:spChg>
        <pc:spChg chg="mod">
          <ac:chgData name="White, Alex" userId="eff6cc8c-37d8-483b-9c6c-6b27e9afa9bc" providerId="ADAL" clId="{BF04C754-5BF4-4E83-9615-DB14FA25AF8A}" dt="2023-10-12T11:38:42.377" v="307"/>
          <ac:spMkLst>
            <pc:docMk/>
            <pc:sldMk cId="2376958513" sldId="260"/>
            <ac:spMk id="14273" creationId="{5759EFF8-ED6F-00BC-62FB-6D5E7D8A89DA}"/>
          </ac:spMkLst>
        </pc:spChg>
        <pc:spChg chg="mod">
          <ac:chgData name="White, Alex" userId="eff6cc8c-37d8-483b-9c6c-6b27e9afa9bc" providerId="ADAL" clId="{BF04C754-5BF4-4E83-9615-DB14FA25AF8A}" dt="2023-10-12T11:38:42.377" v="307"/>
          <ac:spMkLst>
            <pc:docMk/>
            <pc:sldMk cId="2376958513" sldId="260"/>
            <ac:spMk id="14274" creationId="{B63219F9-B3E8-646F-EFFD-6C42F9C6E1F4}"/>
          </ac:spMkLst>
        </pc:spChg>
        <pc:spChg chg="mod">
          <ac:chgData name="White, Alex" userId="eff6cc8c-37d8-483b-9c6c-6b27e9afa9bc" providerId="ADAL" clId="{BF04C754-5BF4-4E83-9615-DB14FA25AF8A}" dt="2023-10-12T11:38:42.377" v="307"/>
          <ac:spMkLst>
            <pc:docMk/>
            <pc:sldMk cId="2376958513" sldId="260"/>
            <ac:spMk id="14275" creationId="{685958A5-4CFD-0498-61F7-ED7E5E4B4FF0}"/>
          </ac:spMkLst>
        </pc:spChg>
        <pc:spChg chg="mod">
          <ac:chgData name="White, Alex" userId="eff6cc8c-37d8-483b-9c6c-6b27e9afa9bc" providerId="ADAL" clId="{BF04C754-5BF4-4E83-9615-DB14FA25AF8A}" dt="2023-10-12T11:38:42.377" v="307"/>
          <ac:spMkLst>
            <pc:docMk/>
            <pc:sldMk cId="2376958513" sldId="260"/>
            <ac:spMk id="14276" creationId="{C9EBF813-156C-9D51-E597-F47411976356}"/>
          </ac:spMkLst>
        </pc:spChg>
        <pc:spChg chg="mod">
          <ac:chgData name="White, Alex" userId="eff6cc8c-37d8-483b-9c6c-6b27e9afa9bc" providerId="ADAL" clId="{BF04C754-5BF4-4E83-9615-DB14FA25AF8A}" dt="2023-10-12T11:38:42.377" v="307"/>
          <ac:spMkLst>
            <pc:docMk/>
            <pc:sldMk cId="2376958513" sldId="260"/>
            <ac:spMk id="14277" creationId="{72D54B16-72D3-0516-0611-7E0ECA72F0AE}"/>
          </ac:spMkLst>
        </pc:spChg>
        <pc:spChg chg="mod">
          <ac:chgData name="White, Alex" userId="eff6cc8c-37d8-483b-9c6c-6b27e9afa9bc" providerId="ADAL" clId="{BF04C754-5BF4-4E83-9615-DB14FA25AF8A}" dt="2023-10-12T11:38:42.377" v="307"/>
          <ac:spMkLst>
            <pc:docMk/>
            <pc:sldMk cId="2376958513" sldId="260"/>
            <ac:spMk id="14278" creationId="{EB45D559-CBC5-3E96-780F-F68594857B98}"/>
          </ac:spMkLst>
        </pc:spChg>
        <pc:spChg chg="mod">
          <ac:chgData name="White, Alex" userId="eff6cc8c-37d8-483b-9c6c-6b27e9afa9bc" providerId="ADAL" clId="{BF04C754-5BF4-4E83-9615-DB14FA25AF8A}" dt="2023-10-12T11:38:42.377" v="307"/>
          <ac:spMkLst>
            <pc:docMk/>
            <pc:sldMk cId="2376958513" sldId="260"/>
            <ac:spMk id="14279" creationId="{DE9F16F8-8101-80B4-9D15-8BDC2357B437}"/>
          </ac:spMkLst>
        </pc:spChg>
        <pc:spChg chg="mod">
          <ac:chgData name="White, Alex" userId="eff6cc8c-37d8-483b-9c6c-6b27e9afa9bc" providerId="ADAL" clId="{BF04C754-5BF4-4E83-9615-DB14FA25AF8A}" dt="2023-10-12T11:38:42.377" v="307"/>
          <ac:spMkLst>
            <pc:docMk/>
            <pc:sldMk cId="2376958513" sldId="260"/>
            <ac:spMk id="14280" creationId="{9C5DF189-F273-E118-4005-43F5D87640BD}"/>
          </ac:spMkLst>
        </pc:spChg>
        <pc:spChg chg="mod">
          <ac:chgData name="White, Alex" userId="eff6cc8c-37d8-483b-9c6c-6b27e9afa9bc" providerId="ADAL" clId="{BF04C754-5BF4-4E83-9615-DB14FA25AF8A}" dt="2023-10-12T11:38:42.377" v="307"/>
          <ac:spMkLst>
            <pc:docMk/>
            <pc:sldMk cId="2376958513" sldId="260"/>
            <ac:spMk id="14281" creationId="{E5F82565-D41E-33B2-1F12-84F08FC6F3C3}"/>
          </ac:spMkLst>
        </pc:spChg>
        <pc:spChg chg="mod">
          <ac:chgData name="White, Alex" userId="eff6cc8c-37d8-483b-9c6c-6b27e9afa9bc" providerId="ADAL" clId="{BF04C754-5BF4-4E83-9615-DB14FA25AF8A}" dt="2023-10-12T11:38:42.377" v="307"/>
          <ac:spMkLst>
            <pc:docMk/>
            <pc:sldMk cId="2376958513" sldId="260"/>
            <ac:spMk id="14282" creationId="{1FB14817-DECC-4E3E-BDBA-FE9C69AE6454}"/>
          </ac:spMkLst>
        </pc:spChg>
        <pc:spChg chg="mod">
          <ac:chgData name="White, Alex" userId="eff6cc8c-37d8-483b-9c6c-6b27e9afa9bc" providerId="ADAL" clId="{BF04C754-5BF4-4E83-9615-DB14FA25AF8A}" dt="2023-10-12T11:38:42.377" v="307"/>
          <ac:spMkLst>
            <pc:docMk/>
            <pc:sldMk cId="2376958513" sldId="260"/>
            <ac:spMk id="14283" creationId="{71FE319E-587E-E8A0-DAE9-840DC64E5DF8}"/>
          </ac:spMkLst>
        </pc:spChg>
        <pc:spChg chg="mod">
          <ac:chgData name="White, Alex" userId="eff6cc8c-37d8-483b-9c6c-6b27e9afa9bc" providerId="ADAL" clId="{BF04C754-5BF4-4E83-9615-DB14FA25AF8A}" dt="2023-10-12T11:38:42.377" v="307"/>
          <ac:spMkLst>
            <pc:docMk/>
            <pc:sldMk cId="2376958513" sldId="260"/>
            <ac:spMk id="14284" creationId="{F25E2829-1B4F-AC39-2A75-45172469423B}"/>
          </ac:spMkLst>
        </pc:spChg>
        <pc:spChg chg="mod">
          <ac:chgData name="White, Alex" userId="eff6cc8c-37d8-483b-9c6c-6b27e9afa9bc" providerId="ADAL" clId="{BF04C754-5BF4-4E83-9615-DB14FA25AF8A}" dt="2023-10-12T11:38:42.377" v="307"/>
          <ac:spMkLst>
            <pc:docMk/>
            <pc:sldMk cId="2376958513" sldId="260"/>
            <ac:spMk id="14285" creationId="{34F4AA28-CA36-B6AA-E3E9-E676E826C8A0}"/>
          </ac:spMkLst>
        </pc:spChg>
        <pc:spChg chg="mod">
          <ac:chgData name="White, Alex" userId="eff6cc8c-37d8-483b-9c6c-6b27e9afa9bc" providerId="ADAL" clId="{BF04C754-5BF4-4E83-9615-DB14FA25AF8A}" dt="2023-10-12T11:38:42.377" v="307"/>
          <ac:spMkLst>
            <pc:docMk/>
            <pc:sldMk cId="2376958513" sldId="260"/>
            <ac:spMk id="14286" creationId="{AA74E43C-1DB2-CC0B-0496-C10B2DAEFE95}"/>
          </ac:spMkLst>
        </pc:spChg>
        <pc:spChg chg="mod">
          <ac:chgData name="White, Alex" userId="eff6cc8c-37d8-483b-9c6c-6b27e9afa9bc" providerId="ADAL" clId="{BF04C754-5BF4-4E83-9615-DB14FA25AF8A}" dt="2023-10-12T11:38:42.377" v="307"/>
          <ac:spMkLst>
            <pc:docMk/>
            <pc:sldMk cId="2376958513" sldId="260"/>
            <ac:spMk id="14287" creationId="{F97958C3-24D6-A66B-1277-7E0447123121}"/>
          </ac:spMkLst>
        </pc:spChg>
        <pc:spChg chg="mod">
          <ac:chgData name="White, Alex" userId="eff6cc8c-37d8-483b-9c6c-6b27e9afa9bc" providerId="ADAL" clId="{BF04C754-5BF4-4E83-9615-DB14FA25AF8A}" dt="2023-10-12T11:38:42.377" v="307"/>
          <ac:spMkLst>
            <pc:docMk/>
            <pc:sldMk cId="2376958513" sldId="260"/>
            <ac:spMk id="14288" creationId="{923447C9-5623-8AFA-BDBC-08965DED13F5}"/>
          </ac:spMkLst>
        </pc:spChg>
        <pc:spChg chg="mod">
          <ac:chgData name="White, Alex" userId="eff6cc8c-37d8-483b-9c6c-6b27e9afa9bc" providerId="ADAL" clId="{BF04C754-5BF4-4E83-9615-DB14FA25AF8A}" dt="2023-10-12T11:38:42.377" v="307"/>
          <ac:spMkLst>
            <pc:docMk/>
            <pc:sldMk cId="2376958513" sldId="260"/>
            <ac:spMk id="14289" creationId="{019D2764-A8AF-C043-48B2-925F8B5454B7}"/>
          </ac:spMkLst>
        </pc:spChg>
        <pc:spChg chg="mod">
          <ac:chgData name="White, Alex" userId="eff6cc8c-37d8-483b-9c6c-6b27e9afa9bc" providerId="ADAL" clId="{BF04C754-5BF4-4E83-9615-DB14FA25AF8A}" dt="2023-10-12T11:38:42.377" v="307"/>
          <ac:spMkLst>
            <pc:docMk/>
            <pc:sldMk cId="2376958513" sldId="260"/>
            <ac:spMk id="14290" creationId="{9D118078-986F-57CF-C7F9-20ACF3D2EE8A}"/>
          </ac:spMkLst>
        </pc:spChg>
        <pc:spChg chg="mod">
          <ac:chgData name="White, Alex" userId="eff6cc8c-37d8-483b-9c6c-6b27e9afa9bc" providerId="ADAL" clId="{BF04C754-5BF4-4E83-9615-DB14FA25AF8A}" dt="2023-10-12T11:38:42.377" v="307"/>
          <ac:spMkLst>
            <pc:docMk/>
            <pc:sldMk cId="2376958513" sldId="260"/>
            <ac:spMk id="14291" creationId="{165CD0D1-564C-EB5D-FD67-A1F7A1DE8BF0}"/>
          </ac:spMkLst>
        </pc:spChg>
        <pc:spChg chg="mod">
          <ac:chgData name="White, Alex" userId="eff6cc8c-37d8-483b-9c6c-6b27e9afa9bc" providerId="ADAL" clId="{BF04C754-5BF4-4E83-9615-DB14FA25AF8A}" dt="2023-10-12T11:38:42.377" v="307"/>
          <ac:spMkLst>
            <pc:docMk/>
            <pc:sldMk cId="2376958513" sldId="260"/>
            <ac:spMk id="14292" creationId="{CE7824CD-3C96-AD42-E3AB-B7AF6D583897}"/>
          </ac:spMkLst>
        </pc:spChg>
        <pc:spChg chg="mod">
          <ac:chgData name="White, Alex" userId="eff6cc8c-37d8-483b-9c6c-6b27e9afa9bc" providerId="ADAL" clId="{BF04C754-5BF4-4E83-9615-DB14FA25AF8A}" dt="2023-10-12T11:38:42.377" v="307"/>
          <ac:spMkLst>
            <pc:docMk/>
            <pc:sldMk cId="2376958513" sldId="260"/>
            <ac:spMk id="14293" creationId="{055D72CA-43A5-768E-236F-BE57DD39BCF3}"/>
          </ac:spMkLst>
        </pc:spChg>
        <pc:spChg chg="mod">
          <ac:chgData name="White, Alex" userId="eff6cc8c-37d8-483b-9c6c-6b27e9afa9bc" providerId="ADAL" clId="{BF04C754-5BF4-4E83-9615-DB14FA25AF8A}" dt="2023-10-12T11:38:42.377" v="307"/>
          <ac:spMkLst>
            <pc:docMk/>
            <pc:sldMk cId="2376958513" sldId="260"/>
            <ac:spMk id="14294" creationId="{81A0D3A1-D554-A2A2-F170-AB35785AD667}"/>
          </ac:spMkLst>
        </pc:spChg>
        <pc:spChg chg="mod">
          <ac:chgData name="White, Alex" userId="eff6cc8c-37d8-483b-9c6c-6b27e9afa9bc" providerId="ADAL" clId="{BF04C754-5BF4-4E83-9615-DB14FA25AF8A}" dt="2023-10-12T11:38:42.377" v="307"/>
          <ac:spMkLst>
            <pc:docMk/>
            <pc:sldMk cId="2376958513" sldId="260"/>
            <ac:spMk id="14295" creationId="{A20E8F18-B482-F93A-8E5D-9A7BD3B685A0}"/>
          </ac:spMkLst>
        </pc:spChg>
        <pc:spChg chg="mod">
          <ac:chgData name="White, Alex" userId="eff6cc8c-37d8-483b-9c6c-6b27e9afa9bc" providerId="ADAL" clId="{BF04C754-5BF4-4E83-9615-DB14FA25AF8A}" dt="2023-10-12T11:38:42.377" v="307"/>
          <ac:spMkLst>
            <pc:docMk/>
            <pc:sldMk cId="2376958513" sldId="260"/>
            <ac:spMk id="14296" creationId="{CE1C9274-CADE-CA6E-B0BA-96E24DB21E95}"/>
          </ac:spMkLst>
        </pc:spChg>
        <pc:spChg chg="mod">
          <ac:chgData name="White, Alex" userId="eff6cc8c-37d8-483b-9c6c-6b27e9afa9bc" providerId="ADAL" clId="{BF04C754-5BF4-4E83-9615-DB14FA25AF8A}" dt="2023-10-12T11:38:42.377" v="307"/>
          <ac:spMkLst>
            <pc:docMk/>
            <pc:sldMk cId="2376958513" sldId="260"/>
            <ac:spMk id="14297" creationId="{872FD779-5BBE-8D1E-A533-7F7DD27E0E77}"/>
          </ac:spMkLst>
        </pc:spChg>
        <pc:spChg chg="mod">
          <ac:chgData name="White, Alex" userId="eff6cc8c-37d8-483b-9c6c-6b27e9afa9bc" providerId="ADAL" clId="{BF04C754-5BF4-4E83-9615-DB14FA25AF8A}" dt="2023-10-12T11:38:42.377" v="307"/>
          <ac:spMkLst>
            <pc:docMk/>
            <pc:sldMk cId="2376958513" sldId="260"/>
            <ac:spMk id="14298" creationId="{A29602F3-B98C-EAD6-E031-1ED6E3245656}"/>
          </ac:spMkLst>
        </pc:spChg>
        <pc:spChg chg="mod">
          <ac:chgData name="White, Alex" userId="eff6cc8c-37d8-483b-9c6c-6b27e9afa9bc" providerId="ADAL" clId="{BF04C754-5BF4-4E83-9615-DB14FA25AF8A}" dt="2023-10-12T11:38:42.377" v="307"/>
          <ac:spMkLst>
            <pc:docMk/>
            <pc:sldMk cId="2376958513" sldId="260"/>
            <ac:spMk id="14299" creationId="{A21C59A5-F901-19E8-5A42-C98E6E02C013}"/>
          </ac:spMkLst>
        </pc:spChg>
        <pc:spChg chg="mod">
          <ac:chgData name="White, Alex" userId="eff6cc8c-37d8-483b-9c6c-6b27e9afa9bc" providerId="ADAL" clId="{BF04C754-5BF4-4E83-9615-DB14FA25AF8A}" dt="2023-10-12T11:38:42.377" v="307"/>
          <ac:spMkLst>
            <pc:docMk/>
            <pc:sldMk cId="2376958513" sldId="260"/>
            <ac:spMk id="14300" creationId="{DA63EF3A-12B2-9E50-001F-27E716A8FFFC}"/>
          </ac:spMkLst>
        </pc:spChg>
        <pc:spChg chg="mod">
          <ac:chgData name="White, Alex" userId="eff6cc8c-37d8-483b-9c6c-6b27e9afa9bc" providerId="ADAL" clId="{BF04C754-5BF4-4E83-9615-DB14FA25AF8A}" dt="2023-10-12T11:38:42.377" v="307"/>
          <ac:spMkLst>
            <pc:docMk/>
            <pc:sldMk cId="2376958513" sldId="260"/>
            <ac:spMk id="14301" creationId="{1EEBFFFB-8BFA-C81D-28CF-A6ACDB3C4A5F}"/>
          </ac:spMkLst>
        </pc:spChg>
        <pc:spChg chg="mod">
          <ac:chgData name="White, Alex" userId="eff6cc8c-37d8-483b-9c6c-6b27e9afa9bc" providerId="ADAL" clId="{BF04C754-5BF4-4E83-9615-DB14FA25AF8A}" dt="2023-10-12T11:38:42.377" v="307"/>
          <ac:spMkLst>
            <pc:docMk/>
            <pc:sldMk cId="2376958513" sldId="260"/>
            <ac:spMk id="14302" creationId="{4FA1CFC7-EA4F-7E56-53FB-7D3DEA770673}"/>
          </ac:spMkLst>
        </pc:spChg>
        <pc:spChg chg="mod">
          <ac:chgData name="White, Alex" userId="eff6cc8c-37d8-483b-9c6c-6b27e9afa9bc" providerId="ADAL" clId="{BF04C754-5BF4-4E83-9615-DB14FA25AF8A}" dt="2023-10-12T11:38:42.377" v="307"/>
          <ac:spMkLst>
            <pc:docMk/>
            <pc:sldMk cId="2376958513" sldId="260"/>
            <ac:spMk id="14303" creationId="{2F9B2451-4343-5DCC-9186-76C5DC8AF8F5}"/>
          </ac:spMkLst>
        </pc:spChg>
        <pc:spChg chg="mod">
          <ac:chgData name="White, Alex" userId="eff6cc8c-37d8-483b-9c6c-6b27e9afa9bc" providerId="ADAL" clId="{BF04C754-5BF4-4E83-9615-DB14FA25AF8A}" dt="2023-10-12T11:38:42.377" v="307"/>
          <ac:spMkLst>
            <pc:docMk/>
            <pc:sldMk cId="2376958513" sldId="260"/>
            <ac:spMk id="14304" creationId="{492B3121-C9BC-D95A-8010-C4878D1C6054}"/>
          </ac:spMkLst>
        </pc:spChg>
        <pc:spChg chg="mod">
          <ac:chgData name="White, Alex" userId="eff6cc8c-37d8-483b-9c6c-6b27e9afa9bc" providerId="ADAL" clId="{BF04C754-5BF4-4E83-9615-DB14FA25AF8A}" dt="2023-10-12T11:38:42.377" v="307"/>
          <ac:spMkLst>
            <pc:docMk/>
            <pc:sldMk cId="2376958513" sldId="260"/>
            <ac:spMk id="14305" creationId="{DD0DA50D-7D7B-FADB-59A9-932C29FF8A83}"/>
          </ac:spMkLst>
        </pc:spChg>
        <pc:spChg chg="mod">
          <ac:chgData name="White, Alex" userId="eff6cc8c-37d8-483b-9c6c-6b27e9afa9bc" providerId="ADAL" clId="{BF04C754-5BF4-4E83-9615-DB14FA25AF8A}" dt="2023-10-12T11:38:42.377" v="307"/>
          <ac:spMkLst>
            <pc:docMk/>
            <pc:sldMk cId="2376958513" sldId="260"/>
            <ac:spMk id="14306" creationId="{ECB1C9DF-5BCA-1D91-0743-5653445063C4}"/>
          </ac:spMkLst>
        </pc:spChg>
        <pc:spChg chg="mod">
          <ac:chgData name="White, Alex" userId="eff6cc8c-37d8-483b-9c6c-6b27e9afa9bc" providerId="ADAL" clId="{BF04C754-5BF4-4E83-9615-DB14FA25AF8A}" dt="2023-10-12T11:38:42.377" v="307"/>
          <ac:spMkLst>
            <pc:docMk/>
            <pc:sldMk cId="2376958513" sldId="260"/>
            <ac:spMk id="14307" creationId="{6EEB761B-E7AD-4C3D-FF2D-6470062ECFBF}"/>
          </ac:spMkLst>
        </pc:spChg>
        <pc:spChg chg="mod">
          <ac:chgData name="White, Alex" userId="eff6cc8c-37d8-483b-9c6c-6b27e9afa9bc" providerId="ADAL" clId="{BF04C754-5BF4-4E83-9615-DB14FA25AF8A}" dt="2023-10-12T11:38:42.377" v="307"/>
          <ac:spMkLst>
            <pc:docMk/>
            <pc:sldMk cId="2376958513" sldId="260"/>
            <ac:spMk id="14308" creationId="{AB82F681-0256-2D01-977D-A779F70A917D}"/>
          </ac:spMkLst>
        </pc:spChg>
        <pc:spChg chg="mod">
          <ac:chgData name="White, Alex" userId="eff6cc8c-37d8-483b-9c6c-6b27e9afa9bc" providerId="ADAL" clId="{BF04C754-5BF4-4E83-9615-DB14FA25AF8A}" dt="2023-10-12T11:38:42.377" v="307"/>
          <ac:spMkLst>
            <pc:docMk/>
            <pc:sldMk cId="2376958513" sldId="260"/>
            <ac:spMk id="14309" creationId="{BC36BCC5-CBA8-768B-2F0B-55A8A3A657C8}"/>
          </ac:spMkLst>
        </pc:spChg>
        <pc:spChg chg="mod">
          <ac:chgData name="White, Alex" userId="eff6cc8c-37d8-483b-9c6c-6b27e9afa9bc" providerId="ADAL" clId="{BF04C754-5BF4-4E83-9615-DB14FA25AF8A}" dt="2023-10-12T11:38:42.377" v="307"/>
          <ac:spMkLst>
            <pc:docMk/>
            <pc:sldMk cId="2376958513" sldId="260"/>
            <ac:spMk id="14310" creationId="{E7BA5642-8386-2D60-A493-B9DF982C15C8}"/>
          </ac:spMkLst>
        </pc:spChg>
        <pc:spChg chg="mod">
          <ac:chgData name="White, Alex" userId="eff6cc8c-37d8-483b-9c6c-6b27e9afa9bc" providerId="ADAL" clId="{BF04C754-5BF4-4E83-9615-DB14FA25AF8A}" dt="2023-10-12T11:38:42.377" v="307"/>
          <ac:spMkLst>
            <pc:docMk/>
            <pc:sldMk cId="2376958513" sldId="260"/>
            <ac:spMk id="14311" creationId="{DB87588D-EBF5-30F9-6374-139033C28FEA}"/>
          </ac:spMkLst>
        </pc:spChg>
        <pc:spChg chg="mod">
          <ac:chgData name="White, Alex" userId="eff6cc8c-37d8-483b-9c6c-6b27e9afa9bc" providerId="ADAL" clId="{BF04C754-5BF4-4E83-9615-DB14FA25AF8A}" dt="2023-10-12T11:38:42.377" v="307"/>
          <ac:spMkLst>
            <pc:docMk/>
            <pc:sldMk cId="2376958513" sldId="260"/>
            <ac:spMk id="14312" creationId="{1EE63A42-E950-9BD5-D096-2E8B9A82D4FD}"/>
          </ac:spMkLst>
        </pc:spChg>
        <pc:spChg chg="mod">
          <ac:chgData name="White, Alex" userId="eff6cc8c-37d8-483b-9c6c-6b27e9afa9bc" providerId="ADAL" clId="{BF04C754-5BF4-4E83-9615-DB14FA25AF8A}" dt="2023-10-12T11:38:42.377" v="307"/>
          <ac:spMkLst>
            <pc:docMk/>
            <pc:sldMk cId="2376958513" sldId="260"/>
            <ac:spMk id="14313" creationId="{931276F1-6449-7ED6-BA0D-10264CBAEDE9}"/>
          </ac:spMkLst>
        </pc:spChg>
        <pc:spChg chg="mod">
          <ac:chgData name="White, Alex" userId="eff6cc8c-37d8-483b-9c6c-6b27e9afa9bc" providerId="ADAL" clId="{BF04C754-5BF4-4E83-9615-DB14FA25AF8A}" dt="2023-10-12T11:38:42.377" v="307"/>
          <ac:spMkLst>
            <pc:docMk/>
            <pc:sldMk cId="2376958513" sldId="260"/>
            <ac:spMk id="14314" creationId="{D2240D47-B642-2F3C-D893-17ABEBE4BC1B}"/>
          </ac:spMkLst>
        </pc:spChg>
        <pc:spChg chg="mod">
          <ac:chgData name="White, Alex" userId="eff6cc8c-37d8-483b-9c6c-6b27e9afa9bc" providerId="ADAL" clId="{BF04C754-5BF4-4E83-9615-DB14FA25AF8A}" dt="2023-10-12T11:38:42.377" v="307"/>
          <ac:spMkLst>
            <pc:docMk/>
            <pc:sldMk cId="2376958513" sldId="260"/>
            <ac:spMk id="14315" creationId="{9582E8EE-749C-8033-9947-BFCE1FC00BF9}"/>
          </ac:spMkLst>
        </pc:spChg>
        <pc:spChg chg="mod">
          <ac:chgData name="White, Alex" userId="eff6cc8c-37d8-483b-9c6c-6b27e9afa9bc" providerId="ADAL" clId="{BF04C754-5BF4-4E83-9615-DB14FA25AF8A}" dt="2023-10-12T11:38:42.377" v="307"/>
          <ac:spMkLst>
            <pc:docMk/>
            <pc:sldMk cId="2376958513" sldId="260"/>
            <ac:spMk id="14316" creationId="{8A6A4F5F-08BE-63E7-3D5A-3C4390BC2194}"/>
          </ac:spMkLst>
        </pc:spChg>
        <pc:spChg chg="mod">
          <ac:chgData name="White, Alex" userId="eff6cc8c-37d8-483b-9c6c-6b27e9afa9bc" providerId="ADAL" clId="{BF04C754-5BF4-4E83-9615-DB14FA25AF8A}" dt="2023-10-12T11:38:42.377" v="307"/>
          <ac:spMkLst>
            <pc:docMk/>
            <pc:sldMk cId="2376958513" sldId="260"/>
            <ac:spMk id="14317" creationId="{59C3C0A1-0DFB-6AF6-642B-D3D4D93BE293}"/>
          </ac:spMkLst>
        </pc:spChg>
        <pc:spChg chg="mod">
          <ac:chgData name="White, Alex" userId="eff6cc8c-37d8-483b-9c6c-6b27e9afa9bc" providerId="ADAL" clId="{BF04C754-5BF4-4E83-9615-DB14FA25AF8A}" dt="2023-10-12T11:38:42.377" v="307"/>
          <ac:spMkLst>
            <pc:docMk/>
            <pc:sldMk cId="2376958513" sldId="260"/>
            <ac:spMk id="14318" creationId="{BD7E57EE-EFAA-FD69-37F3-DB386BB1E0FB}"/>
          </ac:spMkLst>
        </pc:spChg>
        <pc:spChg chg="mod">
          <ac:chgData name="White, Alex" userId="eff6cc8c-37d8-483b-9c6c-6b27e9afa9bc" providerId="ADAL" clId="{BF04C754-5BF4-4E83-9615-DB14FA25AF8A}" dt="2023-10-12T11:38:42.377" v="307"/>
          <ac:spMkLst>
            <pc:docMk/>
            <pc:sldMk cId="2376958513" sldId="260"/>
            <ac:spMk id="14319" creationId="{9F744C71-BA58-0302-C1E3-58123097D9CB}"/>
          </ac:spMkLst>
        </pc:spChg>
        <pc:spChg chg="mod">
          <ac:chgData name="White, Alex" userId="eff6cc8c-37d8-483b-9c6c-6b27e9afa9bc" providerId="ADAL" clId="{BF04C754-5BF4-4E83-9615-DB14FA25AF8A}" dt="2023-10-12T11:38:42.377" v="307"/>
          <ac:spMkLst>
            <pc:docMk/>
            <pc:sldMk cId="2376958513" sldId="260"/>
            <ac:spMk id="14320" creationId="{0CC69D9C-49DE-D8AD-8DFD-7B11B48E41C6}"/>
          </ac:spMkLst>
        </pc:spChg>
        <pc:spChg chg="mod">
          <ac:chgData name="White, Alex" userId="eff6cc8c-37d8-483b-9c6c-6b27e9afa9bc" providerId="ADAL" clId="{BF04C754-5BF4-4E83-9615-DB14FA25AF8A}" dt="2023-10-12T11:38:42.377" v="307"/>
          <ac:spMkLst>
            <pc:docMk/>
            <pc:sldMk cId="2376958513" sldId="260"/>
            <ac:spMk id="14321" creationId="{E71E2CA4-D5F3-1483-E1C6-9A90E5FFE694}"/>
          </ac:spMkLst>
        </pc:spChg>
        <pc:spChg chg="mod">
          <ac:chgData name="White, Alex" userId="eff6cc8c-37d8-483b-9c6c-6b27e9afa9bc" providerId="ADAL" clId="{BF04C754-5BF4-4E83-9615-DB14FA25AF8A}" dt="2023-10-12T11:38:42.377" v="307"/>
          <ac:spMkLst>
            <pc:docMk/>
            <pc:sldMk cId="2376958513" sldId="260"/>
            <ac:spMk id="14322" creationId="{FCF2853D-EB16-8E04-CDEA-85B95F9F9F5B}"/>
          </ac:spMkLst>
        </pc:spChg>
        <pc:spChg chg="mod">
          <ac:chgData name="White, Alex" userId="eff6cc8c-37d8-483b-9c6c-6b27e9afa9bc" providerId="ADAL" clId="{BF04C754-5BF4-4E83-9615-DB14FA25AF8A}" dt="2023-10-12T11:38:42.377" v="307"/>
          <ac:spMkLst>
            <pc:docMk/>
            <pc:sldMk cId="2376958513" sldId="260"/>
            <ac:spMk id="14323" creationId="{FA4ACB4B-9F6C-E99A-D7BC-D432CEAD4032}"/>
          </ac:spMkLst>
        </pc:spChg>
        <pc:spChg chg="mod">
          <ac:chgData name="White, Alex" userId="eff6cc8c-37d8-483b-9c6c-6b27e9afa9bc" providerId="ADAL" clId="{BF04C754-5BF4-4E83-9615-DB14FA25AF8A}" dt="2023-10-12T11:38:42.377" v="307"/>
          <ac:spMkLst>
            <pc:docMk/>
            <pc:sldMk cId="2376958513" sldId="260"/>
            <ac:spMk id="14324" creationId="{AB3935E7-48C9-122E-1D17-5900EDD0249C}"/>
          </ac:spMkLst>
        </pc:spChg>
        <pc:spChg chg="mod">
          <ac:chgData name="White, Alex" userId="eff6cc8c-37d8-483b-9c6c-6b27e9afa9bc" providerId="ADAL" clId="{BF04C754-5BF4-4E83-9615-DB14FA25AF8A}" dt="2023-10-12T11:38:42.377" v="307"/>
          <ac:spMkLst>
            <pc:docMk/>
            <pc:sldMk cId="2376958513" sldId="260"/>
            <ac:spMk id="14325" creationId="{C09B35F5-443C-8DDF-5032-E55D22145801}"/>
          </ac:spMkLst>
        </pc:spChg>
        <pc:spChg chg="mod">
          <ac:chgData name="White, Alex" userId="eff6cc8c-37d8-483b-9c6c-6b27e9afa9bc" providerId="ADAL" clId="{BF04C754-5BF4-4E83-9615-DB14FA25AF8A}" dt="2023-10-12T11:38:42.377" v="307"/>
          <ac:spMkLst>
            <pc:docMk/>
            <pc:sldMk cId="2376958513" sldId="260"/>
            <ac:spMk id="14326" creationId="{CA5928B1-C100-F396-F31A-B3BCB827F7D6}"/>
          </ac:spMkLst>
        </pc:spChg>
        <pc:spChg chg="mod">
          <ac:chgData name="White, Alex" userId="eff6cc8c-37d8-483b-9c6c-6b27e9afa9bc" providerId="ADAL" clId="{BF04C754-5BF4-4E83-9615-DB14FA25AF8A}" dt="2023-10-12T11:38:42.377" v="307"/>
          <ac:spMkLst>
            <pc:docMk/>
            <pc:sldMk cId="2376958513" sldId="260"/>
            <ac:spMk id="14327" creationId="{0E686E0E-A904-7466-EA1E-7AB35AD4D6CB}"/>
          </ac:spMkLst>
        </pc:spChg>
        <pc:spChg chg="mod">
          <ac:chgData name="White, Alex" userId="eff6cc8c-37d8-483b-9c6c-6b27e9afa9bc" providerId="ADAL" clId="{BF04C754-5BF4-4E83-9615-DB14FA25AF8A}" dt="2023-10-12T11:38:42.377" v="307"/>
          <ac:spMkLst>
            <pc:docMk/>
            <pc:sldMk cId="2376958513" sldId="260"/>
            <ac:spMk id="14328" creationId="{0ED69ED7-AF38-2B94-4464-7D784B303EF3}"/>
          </ac:spMkLst>
        </pc:spChg>
        <pc:spChg chg="mod">
          <ac:chgData name="White, Alex" userId="eff6cc8c-37d8-483b-9c6c-6b27e9afa9bc" providerId="ADAL" clId="{BF04C754-5BF4-4E83-9615-DB14FA25AF8A}" dt="2023-10-12T11:38:42.377" v="307"/>
          <ac:spMkLst>
            <pc:docMk/>
            <pc:sldMk cId="2376958513" sldId="260"/>
            <ac:spMk id="14329" creationId="{1340E1A1-04B4-086D-0C57-32F6C0ED07B3}"/>
          </ac:spMkLst>
        </pc:spChg>
        <pc:spChg chg="mod">
          <ac:chgData name="White, Alex" userId="eff6cc8c-37d8-483b-9c6c-6b27e9afa9bc" providerId="ADAL" clId="{BF04C754-5BF4-4E83-9615-DB14FA25AF8A}" dt="2023-10-12T11:38:42.377" v="307"/>
          <ac:spMkLst>
            <pc:docMk/>
            <pc:sldMk cId="2376958513" sldId="260"/>
            <ac:spMk id="14330" creationId="{3330435C-DEC0-9B20-1786-B670DD23CECA}"/>
          </ac:spMkLst>
        </pc:spChg>
        <pc:spChg chg="mod">
          <ac:chgData name="White, Alex" userId="eff6cc8c-37d8-483b-9c6c-6b27e9afa9bc" providerId="ADAL" clId="{BF04C754-5BF4-4E83-9615-DB14FA25AF8A}" dt="2023-10-12T11:38:42.377" v="307"/>
          <ac:spMkLst>
            <pc:docMk/>
            <pc:sldMk cId="2376958513" sldId="260"/>
            <ac:spMk id="14331" creationId="{ADDC392D-17AB-9EC0-ED71-441060E216F3}"/>
          </ac:spMkLst>
        </pc:spChg>
        <pc:spChg chg="mod">
          <ac:chgData name="White, Alex" userId="eff6cc8c-37d8-483b-9c6c-6b27e9afa9bc" providerId="ADAL" clId="{BF04C754-5BF4-4E83-9615-DB14FA25AF8A}" dt="2023-10-12T11:38:42.377" v="307"/>
          <ac:spMkLst>
            <pc:docMk/>
            <pc:sldMk cId="2376958513" sldId="260"/>
            <ac:spMk id="14332" creationId="{D26AD598-4AA8-F573-2D6E-0F74D229A1FF}"/>
          </ac:spMkLst>
        </pc:spChg>
        <pc:spChg chg="mod">
          <ac:chgData name="White, Alex" userId="eff6cc8c-37d8-483b-9c6c-6b27e9afa9bc" providerId="ADAL" clId="{BF04C754-5BF4-4E83-9615-DB14FA25AF8A}" dt="2023-10-12T11:38:42.377" v="307"/>
          <ac:spMkLst>
            <pc:docMk/>
            <pc:sldMk cId="2376958513" sldId="260"/>
            <ac:spMk id="14333" creationId="{311FBD92-28F6-2823-6615-7AE645CC796F}"/>
          </ac:spMkLst>
        </pc:spChg>
        <pc:spChg chg="mod">
          <ac:chgData name="White, Alex" userId="eff6cc8c-37d8-483b-9c6c-6b27e9afa9bc" providerId="ADAL" clId="{BF04C754-5BF4-4E83-9615-DB14FA25AF8A}" dt="2023-10-12T11:38:42.377" v="307"/>
          <ac:spMkLst>
            <pc:docMk/>
            <pc:sldMk cId="2376958513" sldId="260"/>
            <ac:spMk id="14334" creationId="{A5E1C9B7-6700-B4FB-B3BB-75DA20833DBF}"/>
          </ac:spMkLst>
        </pc:spChg>
        <pc:spChg chg="mod">
          <ac:chgData name="White, Alex" userId="eff6cc8c-37d8-483b-9c6c-6b27e9afa9bc" providerId="ADAL" clId="{BF04C754-5BF4-4E83-9615-DB14FA25AF8A}" dt="2023-10-12T11:38:42.377" v="307"/>
          <ac:spMkLst>
            <pc:docMk/>
            <pc:sldMk cId="2376958513" sldId="260"/>
            <ac:spMk id="14335" creationId="{CDA93B08-763C-A41E-96B0-46DF11FA6EF3}"/>
          </ac:spMkLst>
        </pc:spChg>
        <pc:spChg chg="mod">
          <ac:chgData name="White, Alex" userId="eff6cc8c-37d8-483b-9c6c-6b27e9afa9bc" providerId="ADAL" clId="{BF04C754-5BF4-4E83-9615-DB14FA25AF8A}" dt="2023-10-12T11:38:42.377" v="307"/>
          <ac:spMkLst>
            <pc:docMk/>
            <pc:sldMk cId="2376958513" sldId="260"/>
            <ac:spMk id="14336" creationId="{07BDF072-0F99-8B41-ED4C-8AE2F4D1126A}"/>
          </ac:spMkLst>
        </pc:spChg>
        <pc:spChg chg="mod">
          <ac:chgData name="White, Alex" userId="eff6cc8c-37d8-483b-9c6c-6b27e9afa9bc" providerId="ADAL" clId="{BF04C754-5BF4-4E83-9615-DB14FA25AF8A}" dt="2023-10-12T11:38:42.377" v="307"/>
          <ac:spMkLst>
            <pc:docMk/>
            <pc:sldMk cId="2376958513" sldId="260"/>
            <ac:spMk id="14337" creationId="{53774036-B585-78CA-E3DA-A589DBE8ADD3}"/>
          </ac:spMkLst>
        </pc:spChg>
        <pc:spChg chg="mod">
          <ac:chgData name="White, Alex" userId="eff6cc8c-37d8-483b-9c6c-6b27e9afa9bc" providerId="ADAL" clId="{BF04C754-5BF4-4E83-9615-DB14FA25AF8A}" dt="2023-10-12T11:38:42.377" v="307"/>
          <ac:spMkLst>
            <pc:docMk/>
            <pc:sldMk cId="2376958513" sldId="260"/>
            <ac:spMk id="14338" creationId="{D8E282DC-1FE7-ADB4-C478-06D9B6B6F1F5}"/>
          </ac:spMkLst>
        </pc:spChg>
        <pc:spChg chg="mod">
          <ac:chgData name="White, Alex" userId="eff6cc8c-37d8-483b-9c6c-6b27e9afa9bc" providerId="ADAL" clId="{BF04C754-5BF4-4E83-9615-DB14FA25AF8A}" dt="2023-10-12T11:38:42.377" v="307"/>
          <ac:spMkLst>
            <pc:docMk/>
            <pc:sldMk cId="2376958513" sldId="260"/>
            <ac:spMk id="14339" creationId="{5217D019-C048-99FE-32AA-437FE274FD81}"/>
          </ac:spMkLst>
        </pc:spChg>
        <pc:spChg chg="mod">
          <ac:chgData name="White, Alex" userId="eff6cc8c-37d8-483b-9c6c-6b27e9afa9bc" providerId="ADAL" clId="{BF04C754-5BF4-4E83-9615-DB14FA25AF8A}" dt="2023-10-12T11:38:42.377" v="307"/>
          <ac:spMkLst>
            <pc:docMk/>
            <pc:sldMk cId="2376958513" sldId="260"/>
            <ac:spMk id="14340" creationId="{22002D73-0656-302E-42BE-88CE26419819}"/>
          </ac:spMkLst>
        </pc:spChg>
        <pc:spChg chg="mod">
          <ac:chgData name="White, Alex" userId="eff6cc8c-37d8-483b-9c6c-6b27e9afa9bc" providerId="ADAL" clId="{BF04C754-5BF4-4E83-9615-DB14FA25AF8A}" dt="2023-10-12T11:38:42.377" v="307"/>
          <ac:spMkLst>
            <pc:docMk/>
            <pc:sldMk cId="2376958513" sldId="260"/>
            <ac:spMk id="14341" creationId="{2EF80E51-3554-017B-64EB-257A77116EE2}"/>
          </ac:spMkLst>
        </pc:spChg>
        <pc:spChg chg="mod">
          <ac:chgData name="White, Alex" userId="eff6cc8c-37d8-483b-9c6c-6b27e9afa9bc" providerId="ADAL" clId="{BF04C754-5BF4-4E83-9615-DB14FA25AF8A}" dt="2023-10-12T11:38:42.377" v="307"/>
          <ac:spMkLst>
            <pc:docMk/>
            <pc:sldMk cId="2376958513" sldId="260"/>
            <ac:spMk id="14342" creationId="{F13A8CFD-8040-253A-1B9E-CA0D24C6AB9A}"/>
          </ac:spMkLst>
        </pc:spChg>
        <pc:spChg chg="mod">
          <ac:chgData name="White, Alex" userId="eff6cc8c-37d8-483b-9c6c-6b27e9afa9bc" providerId="ADAL" clId="{BF04C754-5BF4-4E83-9615-DB14FA25AF8A}" dt="2023-10-12T11:38:42.377" v="307"/>
          <ac:spMkLst>
            <pc:docMk/>
            <pc:sldMk cId="2376958513" sldId="260"/>
            <ac:spMk id="14343" creationId="{D2F2D8BC-9595-C64C-7FB8-2BC9AEBAB788}"/>
          </ac:spMkLst>
        </pc:spChg>
        <pc:spChg chg="mod">
          <ac:chgData name="White, Alex" userId="eff6cc8c-37d8-483b-9c6c-6b27e9afa9bc" providerId="ADAL" clId="{BF04C754-5BF4-4E83-9615-DB14FA25AF8A}" dt="2023-10-12T11:38:42.377" v="307"/>
          <ac:spMkLst>
            <pc:docMk/>
            <pc:sldMk cId="2376958513" sldId="260"/>
            <ac:spMk id="14344" creationId="{51825BD5-4229-77B7-6B2C-A2451F684907}"/>
          </ac:spMkLst>
        </pc:spChg>
        <pc:spChg chg="mod">
          <ac:chgData name="White, Alex" userId="eff6cc8c-37d8-483b-9c6c-6b27e9afa9bc" providerId="ADAL" clId="{BF04C754-5BF4-4E83-9615-DB14FA25AF8A}" dt="2023-10-12T11:38:42.377" v="307"/>
          <ac:spMkLst>
            <pc:docMk/>
            <pc:sldMk cId="2376958513" sldId="260"/>
            <ac:spMk id="14345" creationId="{A8FB3845-08D3-BA4A-DA7B-E312B5FEEE5D}"/>
          </ac:spMkLst>
        </pc:spChg>
        <pc:spChg chg="mod">
          <ac:chgData name="White, Alex" userId="eff6cc8c-37d8-483b-9c6c-6b27e9afa9bc" providerId="ADAL" clId="{BF04C754-5BF4-4E83-9615-DB14FA25AF8A}" dt="2023-10-12T11:38:42.377" v="307"/>
          <ac:spMkLst>
            <pc:docMk/>
            <pc:sldMk cId="2376958513" sldId="260"/>
            <ac:spMk id="14346" creationId="{14B5AAF2-369E-693B-F912-A2299203FDD4}"/>
          </ac:spMkLst>
        </pc:spChg>
        <pc:spChg chg="mod">
          <ac:chgData name="White, Alex" userId="eff6cc8c-37d8-483b-9c6c-6b27e9afa9bc" providerId="ADAL" clId="{BF04C754-5BF4-4E83-9615-DB14FA25AF8A}" dt="2023-10-12T11:38:42.377" v="307"/>
          <ac:spMkLst>
            <pc:docMk/>
            <pc:sldMk cId="2376958513" sldId="260"/>
            <ac:spMk id="14347" creationId="{CE5D9061-E785-B062-F32D-A286F4475682}"/>
          </ac:spMkLst>
        </pc:spChg>
        <pc:spChg chg="mod">
          <ac:chgData name="White, Alex" userId="eff6cc8c-37d8-483b-9c6c-6b27e9afa9bc" providerId="ADAL" clId="{BF04C754-5BF4-4E83-9615-DB14FA25AF8A}" dt="2023-10-12T11:38:42.377" v="307"/>
          <ac:spMkLst>
            <pc:docMk/>
            <pc:sldMk cId="2376958513" sldId="260"/>
            <ac:spMk id="14348" creationId="{55B60ABA-A3AB-A4C7-F5BE-9AD3DEEE5A12}"/>
          </ac:spMkLst>
        </pc:spChg>
        <pc:spChg chg="mod">
          <ac:chgData name="White, Alex" userId="eff6cc8c-37d8-483b-9c6c-6b27e9afa9bc" providerId="ADAL" clId="{BF04C754-5BF4-4E83-9615-DB14FA25AF8A}" dt="2023-10-12T11:38:42.377" v="307"/>
          <ac:spMkLst>
            <pc:docMk/>
            <pc:sldMk cId="2376958513" sldId="260"/>
            <ac:spMk id="14349" creationId="{CD40A15D-968D-3D96-F426-F0736A9FF029}"/>
          </ac:spMkLst>
        </pc:spChg>
        <pc:spChg chg="mod">
          <ac:chgData name="White, Alex" userId="eff6cc8c-37d8-483b-9c6c-6b27e9afa9bc" providerId="ADAL" clId="{BF04C754-5BF4-4E83-9615-DB14FA25AF8A}" dt="2023-10-12T11:38:42.377" v="307"/>
          <ac:spMkLst>
            <pc:docMk/>
            <pc:sldMk cId="2376958513" sldId="260"/>
            <ac:spMk id="14350" creationId="{C96AD623-FB61-E3AF-6A7F-F311D1DABF65}"/>
          </ac:spMkLst>
        </pc:spChg>
        <pc:spChg chg="mod">
          <ac:chgData name="White, Alex" userId="eff6cc8c-37d8-483b-9c6c-6b27e9afa9bc" providerId="ADAL" clId="{BF04C754-5BF4-4E83-9615-DB14FA25AF8A}" dt="2023-10-12T11:38:42.377" v="307"/>
          <ac:spMkLst>
            <pc:docMk/>
            <pc:sldMk cId="2376958513" sldId="260"/>
            <ac:spMk id="14351" creationId="{BFB6B3C7-651F-0C02-E201-E98C9674DA3E}"/>
          </ac:spMkLst>
        </pc:spChg>
        <pc:spChg chg="mod">
          <ac:chgData name="White, Alex" userId="eff6cc8c-37d8-483b-9c6c-6b27e9afa9bc" providerId="ADAL" clId="{BF04C754-5BF4-4E83-9615-DB14FA25AF8A}" dt="2023-10-12T11:38:42.377" v="307"/>
          <ac:spMkLst>
            <pc:docMk/>
            <pc:sldMk cId="2376958513" sldId="260"/>
            <ac:spMk id="14352" creationId="{63EC68DB-2908-E23E-C25F-D35A8A221756}"/>
          </ac:spMkLst>
        </pc:spChg>
        <pc:spChg chg="mod">
          <ac:chgData name="White, Alex" userId="eff6cc8c-37d8-483b-9c6c-6b27e9afa9bc" providerId="ADAL" clId="{BF04C754-5BF4-4E83-9615-DB14FA25AF8A}" dt="2023-10-12T11:38:42.377" v="307"/>
          <ac:spMkLst>
            <pc:docMk/>
            <pc:sldMk cId="2376958513" sldId="260"/>
            <ac:spMk id="14353" creationId="{28763D72-ABDA-6E4A-8A2B-863429FF4E09}"/>
          </ac:spMkLst>
        </pc:spChg>
        <pc:spChg chg="mod">
          <ac:chgData name="White, Alex" userId="eff6cc8c-37d8-483b-9c6c-6b27e9afa9bc" providerId="ADAL" clId="{BF04C754-5BF4-4E83-9615-DB14FA25AF8A}" dt="2023-10-12T11:38:42.377" v="307"/>
          <ac:spMkLst>
            <pc:docMk/>
            <pc:sldMk cId="2376958513" sldId="260"/>
            <ac:spMk id="14354" creationId="{B2BF1FB3-3521-649D-B33A-2B7BD8333E7A}"/>
          </ac:spMkLst>
        </pc:spChg>
        <pc:spChg chg="mod">
          <ac:chgData name="White, Alex" userId="eff6cc8c-37d8-483b-9c6c-6b27e9afa9bc" providerId="ADAL" clId="{BF04C754-5BF4-4E83-9615-DB14FA25AF8A}" dt="2023-10-12T11:38:42.377" v="307"/>
          <ac:spMkLst>
            <pc:docMk/>
            <pc:sldMk cId="2376958513" sldId="260"/>
            <ac:spMk id="14355" creationId="{FB40E6C3-DC3A-BA69-E5AE-6819592BD5D8}"/>
          </ac:spMkLst>
        </pc:spChg>
        <pc:spChg chg="mod">
          <ac:chgData name="White, Alex" userId="eff6cc8c-37d8-483b-9c6c-6b27e9afa9bc" providerId="ADAL" clId="{BF04C754-5BF4-4E83-9615-DB14FA25AF8A}" dt="2023-10-12T11:38:42.377" v="307"/>
          <ac:spMkLst>
            <pc:docMk/>
            <pc:sldMk cId="2376958513" sldId="260"/>
            <ac:spMk id="14356" creationId="{BF336BE8-B0C4-6FEA-327D-AF060169BAAF}"/>
          </ac:spMkLst>
        </pc:spChg>
        <pc:spChg chg="mod">
          <ac:chgData name="White, Alex" userId="eff6cc8c-37d8-483b-9c6c-6b27e9afa9bc" providerId="ADAL" clId="{BF04C754-5BF4-4E83-9615-DB14FA25AF8A}" dt="2023-10-12T11:38:42.377" v="307"/>
          <ac:spMkLst>
            <pc:docMk/>
            <pc:sldMk cId="2376958513" sldId="260"/>
            <ac:spMk id="14357" creationId="{C9F2932D-BDB1-6230-A92C-D0F4995A3DBA}"/>
          </ac:spMkLst>
        </pc:spChg>
        <pc:spChg chg="mod">
          <ac:chgData name="White, Alex" userId="eff6cc8c-37d8-483b-9c6c-6b27e9afa9bc" providerId="ADAL" clId="{BF04C754-5BF4-4E83-9615-DB14FA25AF8A}" dt="2023-10-12T11:38:42.377" v="307"/>
          <ac:spMkLst>
            <pc:docMk/>
            <pc:sldMk cId="2376958513" sldId="260"/>
            <ac:spMk id="14358" creationId="{1FF2A754-2255-9A6F-8A67-21B649CBB81B}"/>
          </ac:spMkLst>
        </pc:spChg>
        <pc:spChg chg="mod">
          <ac:chgData name="White, Alex" userId="eff6cc8c-37d8-483b-9c6c-6b27e9afa9bc" providerId="ADAL" clId="{BF04C754-5BF4-4E83-9615-DB14FA25AF8A}" dt="2023-10-12T11:38:42.377" v="307"/>
          <ac:spMkLst>
            <pc:docMk/>
            <pc:sldMk cId="2376958513" sldId="260"/>
            <ac:spMk id="14359" creationId="{85E4047C-9702-3B36-D75D-B9CE5B02CA4C}"/>
          </ac:spMkLst>
        </pc:spChg>
        <pc:spChg chg="mod">
          <ac:chgData name="White, Alex" userId="eff6cc8c-37d8-483b-9c6c-6b27e9afa9bc" providerId="ADAL" clId="{BF04C754-5BF4-4E83-9615-DB14FA25AF8A}" dt="2023-10-12T11:38:42.377" v="307"/>
          <ac:spMkLst>
            <pc:docMk/>
            <pc:sldMk cId="2376958513" sldId="260"/>
            <ac:spMk id="14360" creationId="{551C734E-3832-ACA3-72AA-786B493CAB68}"/>
          </ac:spMkLst>
        </pc:spChg>
        <pc:spChg chg="mod">
          <ac:chgData name="White, Alex" userId="eff6cc8c-37d8-483b-9c6c-6b27e9afa9bc" providerId="ADAL" clId="{BF04C754-5BF4-4E83-9615-DB14FA25AF8A}" dt="2023-10-12T11:38:42.377" v="307"/>
          <ac:spMkLst>
            <pc:docMk/>
            <pc:sldMk cId="2376958513" sldId="260"/>
            <ac:spMk id="14361" creationId="{23F52516-B001-C80B-B8F8-BB395A2DD808}"/>
          </ac:spMkLst>
        </pc:spChg>
        <pc:spChg chg="mod">
          <ac:chgData name="White, Alex" userId="eff6cc8c-37d8-483b-9c6c-6b27e9afa9bc" providerId="ADAL" clId="{BF04C754-5BF4-4E83-9615-DB14FA25AF8A}" dt="2023-10-12T11:38:42.377" v="307"/>
          <ac:spMkLst>
            <pc:docMk/>
            <pc:sldMk cId="2376958513" sldId="260"/>
            <ac:spMk id="14362" creationId="{7B3353BF-751F-380C-0993-7C61AFB143DF}"/>
          </ac:spMkLst>
        </pc:spChg>
        <pc:spChg chg="mod">
          <ac:chgData name="White, Alex" userId="eff6cc8c-37d8-483b-9c6c-6b27e9afa9bc" providerId="ADAL" clId="{BF04C754-5BF4-4E83-9615-DB14FA25AF8A}" dt="2023-10-12T11:38:42.377" v="307"/>
          <ac:spMkLst>
            <pc:docMk/>
            <pc:sldMk cId="2376958513" sldId="260"/>
            <ac:spMk id="14363" creationId="{755C6E7C-EC07-8441-42E9-83FA386BE2F0}"/>
          </ac:spMkLst>
        </pc:spChg>
        <pc:spChg chg="mod">
          <ac:chgData name="White, Alex" userId="eff6cc8c-37d8-483b-9c6c-6b27e9afa9bc" providerId="ADAL" clId="{BF04C754-5BF4-4E83-9615-DB14FA25AF8A}" dt="2023-10-12T11:38:42.377" v="307"/>
          <ac:spMkLst>
            <pc:docMk/>
            <pc:sldMk cId="2376958513" sldId="260"/>
            <ac:spMk id="14364" creationId="{A8B7DC41-9225-3BBB-558B-980556759B81}"/>
          </ac:spMkLst>
        </pc:spChg>
        <pc:spChg chg="mod">
          <ac:chgData name="White, Alex" userId="eff6cc8c-37d8-483b-9c6c-6b27e9afa9bc" providerId="ADAL" clId="{BF04C754-5BF4-4E83-9615-DB14FA25AF8A}" dt="2023-10-12T11:38:42.377" v="307"/>
          <ac:spMkLst>
            <pc:docMk/>
            <pc:sldMk cId="2376958513" sldId="260"/>
            <ac:spMk id="14365" creationId="{34420B1E-A36D-C36B-E454-84B6787FC40C}"/>
          </ac:spMkLst>
        </pc:spChg>
        <pc:spChg chg="mod">
          <ac:chgData name="White, Alex" userId="eff6cc8c-37d8-483b-9c6c-6b27e9afa9bc" providerId="ADAL" clId="{BF04C754-5BF4-4E83-9615-DB14FA25AF8A}" dt="2023-10-12T11:38:42.377" v="307"/>
          <ac:spMkLst>
            <pc:docMk/>
            <pc:sldMk cId="2376958513" sldId="260"/>
            <ac:spMk id="14366" creationId="{3718E8D3-626A-DE32-C826-D64CB3123ADA}"/>
          </ac:spMkLst>
        </pc:spChg>
        <pc:spChg chg="mod">
          <ac:chgData name="White, Alex" userId="eff6cc8c-37d8-483b-9c6c-6b27e9afa9bc" providerId="ADAL" clId="{BF04C754-5BF4-4E83-9615-DB14FA25AF8A}" dt="2023-10-12T11:38:42.377" v="307"/>
          <ac:spMkLst>
            <pc:docMk/>
            <pc:sldMk cId="2376958513" sldId="260"/>
            <ac:spMk id="14367" creationId="{E258A531-B135-392E-8BE8-6B3EBAB10DC7}"/>
          </ac:spMkLst>
        </pc:spChg>
        <pc:spChg chg="mod">
          <ac:chgData name="White, Alex" userId="eff6cc8c-37d8-483b-9c6c-6b27e9afa9bc" providerId="ADAL" clId="{BF04C754-5BF4-4E83-9615-DB14FA25AF8A}" dt="2023-10-12T11:38:42.377" v="307"/>
          <ac:spMkLst>
            <pc:docMk/>
            <pc:sldMk cId="2376958513" sldId="260"/>
            <ac:spMk id="14368" creationId="{6F0BD9F2-5667-408D-F5B5-252C9F943524}"/>
          </ac:spMkLst>
        </pc:spChg>
        <pc:spChg chg="mod">
          <ac:chgData name="White, Alex" userId="eff6cc8c-37d8-483b-9c6c-6b27e9afa9bc" providerId="ADAL" clId="{BF04C754-5BF4-4E83-9615-DB14FA25AF8A}" dt="2023-10-12T11:38:42.377" v="307"/>
          <ac:spMkLst>
            <pc:docMk/>
            <pc:sldMk cId="2376958513" sldId="260"/>
            <ac:spMk id="14369" creationId="{D2AEA740-BC43-25A5-433C-2117A8D6D0F2}"/>
          </ac:spMkLst>
        </pc:spChg>
        <pc:spChg chg="mod">
          <ac:chgData name="White, Alex" userId="eff6cc8c-37d8-483b-9c6c-6b27e9afa9bc" providerId="ADAL" clId="{BF04C754-5BF4-4E83-9615-DB14FA25AF8A}" dt="2023-10-12T11:38:42.377" v="307"/>
          <ac:spMkLst>
            <pc:docMk/>
            <pc:sldMk cId="2376958513" sldId="260"/>
            <ac:spMk id="14370" creationId="{C33BA4FC-201D-0D51-9F9F-4C2DD7E49D8E}"/>
          </ac:spMkLst>
        </pc:spChg>
        <pc:spChg chg="mod">
          <ac:chgData name="White, Alex" userId="eff6cc8c-37d8-483b-9c6c-6b27e9afa9bc" providerId="ADAL" clId="{BF04C754-5BF4-4E83-9615-DB14FA25AF8A}" dt="2023-10-12T11:38:42.377" v="307"/>
          <ac:spMkLst>
            <pc:docMk/>
            <pc:sldMk cId="2376958513" sldId="260"/>
            <ac:spMk id="14371" creationId="{FF59959E-EF3B-F4B5-4F67-2A8EC9FA8824}"/>
          </ac:spMkLst>
        </pc:spChg>
        <pc:spChg chg="mod">
          <ac:chgData name="White, Alex" userId="eff6cc8c-37d8-483b-9c6c-6b27e9afa9bc" providerId="ADAL" clId="{BF04C754-5BF4-4E83-9615-DB14FA25AF8A}" dt="2023-10-12T11:38:42.377" v="307"/>
          <ac:spMkLst>
            <pc:docMk/>
            <pc:sldMk cId="2376958513" sldId="260"/>
            <ac:spMk id="14372" creationId="{5C53BCC8-3976-B03F-631E-AFBE03D71C12}"/>
          </ac:spMkLst>
        </pc:spChg>
        <pc:spChg chg="mod">
          <ac:chgData name="White, Alex" userId="eff6cc8c-37d8-483b-9c6c-6b27e9afa9bc" providerId="ADAL" clId="{BF04C754-5BF4-4E83-9615-DB14FA25AF8A}" dt="2023-10-12T11:38:42.377" v="307"/>
          <ac:spMkLst>
            <pc:docMk/>
            <pc:sldMk cId="2376958513" sldId="260"/>
            <ac:spMk id="14373" creationId="{77770F83-0880-42D7-0C49-06630F49A17A}"/>
          </ac:spMkLst>
        </pc:spChg>
        <pc:spChg chg="mod">
          <ac:chgData name="White, Alex" userId="eff6cc8c-37d8-483b-9c6c-6b27e9afa9bc" providerId="ADAL" clId="{BF04C754-5BF4-4E83-9615-DB14FA25AF8A}" dt="2023-10-12T11:38:42.377" v="307"/>
          <ac:spMkLst>
            <pc:docMk/>
            <pc:sldMk cId="2376958513" sldId="260"/>
            <ac:spMk id="14374" creationId="{828A20CB-776B-2CAC-94EA-82D926FA9929}"/>
          </ac:spMkLst>
        </pc:spChg>
        <pc:spChg chg="mod">
          <ac:chgData name="White, Alex" userId="eff6cc8c-37d8-483b-9c6c-6b27e9afa9bc" providerId="ADAL" clId="{BF04C754-5BF4-4E83-9615-DB14FA25AF8A}" dt="2023-10-12T11:38:42.377" v="307"/>
          <ac:spMkLst>
            <pc:docMk/>
            <pc:sldMk cId="2376958513" sldId="260"/>
            <ac:spMk id="14375" creationId="{0F57A8F4-82CE-8B90-FFC2-CBDF18281F6B}"/>
          </ac:spMkLst>
        </pc:spChg>
        <pc:spChg chg="mod">
          <ac:chgData name="White, Alex" userId="eff6cc8c-37d8-483b-9c6c-6b27e9afa9bc" providerId="ADAL" clId="{BF04C754-5BF4-4E83-9615-DB14FA25AF8A}" dt="2023-10-12T11:38:42.377" v="307"/>
          <ac:spMkLst>
            <pc:docMk/>
            <pc:sldMk cId="2376958513" sldId="260"/>
            <ac:spMk id="14376" creationId="{7D6DE670-2CD2-9DD5-B5B0-330420235081}"/>
          </ac:spMkLst>
        </pc:spChg>
        <pc:spChg chg="mod">
          <ac:chgData name="White, Alex" userId="eff6cc8c-37d8-483b-9c6c-6b27e9afa9bc" providerId="ADAL" clId="{BF04C754-5BF4-4E83-9615-DB14FA25AF8A}" dt="2023-10-12T11:38:42.377" v="307"/>
          <ac:spMkLst>
            <pc:docMk/>
            <pc:sldMk cId="2376958513" sldId="260"/>
            <ac:spMk id="14377" creationId="{A47FE68B-4852-DA12-0EDF-BE1F90A0E796}"/>
          </ac:spMkLst>
        </pc:spChg>
        <pc:spChg chg="mod">
          <ac:chgData name="White, Alex" userId="eff6cc8c-37d8-483b-9c6c-6b27e9afa9bc" providerId="ADAL" clId="{BF04C754-5BF4-4E83-9615-DB14FA25AF8A}" dt="2023-10-12T11:38:42.377" v="307"/>
          <ac:spMkLst>
            <pc:docMk/>
            <pc:sldMk cId="2376958513" sldId="260"/>
            <ac:spMk id="14378" creationId="{CCF1B93B-447B-D01A-B2C2-93DCE906515B}"/>
          </ac:spMkLst>
        </pc:spChg>
        <pc:spChg chg="mod">
          <ac:chgData name="White, Alex" userId="eff6cc8c-37d8-483b-9c6c-6b27e9afa9bc" providerId="ADAL" clId="{BF04C754-5BF4-4E83-9615-DB14FA25AF8A}" dt="2023-10-12T11:38:42.377" v="307"/>
          <ac:spMkLst>
            <pc:docMk/>
            <pc:sldMk cId="2376958513" sldId="260"/>
            <ac:spMk id="14379" creationId="{D72DB606-5B4C-DA0C-2191-DE2CC98E8F94}"/>
          </ac:spMkLst>
        </pc:spChg>
        <pc:spChg chg="mod">
          <ac:chgData name="White, Alex" userId="eff6cc8c-37d8-483b-9c6c-6b27e9afa9bc" providerId="ADAL" clId="{BF04C754-5BF4-4E83-9615-DB14FA25AF8A}" dt="2023-10-12T11:38:42.377" v="307"/>
          <ac:spMkLst>
            <pc:docMk/>
            <pc:sldMk cId="2376958513" sldId="260"/>
            <ac:spMk id="14380" creationId="{CFD0BE3C-85E7-7652-240C-B3C993DA34D4}"/>
          </ac:spMkLst>
        </pc:spChg>
        <pc:spChg chg="mod">
          <ac:chgData name="White, Alex" userId="eff6cc8c-37d8-483b-9c6c-6b27e9afa9bc" providerId="ADAL" clId="{BF04C754-5BF4-4E83-9615-DB14FA25AF8A}" dt="2023-10-12T11:38:42.377" v="307"/>
          <ac:spMkLst>
            <pc:docMk/>
            <pc:sldMk cId="2376958513" sldId="260"/>
            <ac:spMk id="14381" creationId="{06AB3AE5-0C22-1DA9-B635-2DFE89ED9423}"/>
          </ac:spMkLst>
        </pc:spChg>
        <pc:spChg chg="mod">
          <ac:chgData name="White, Alex" userId="eff6cc8c-37d8-483b-9c6c-6b27e9afa9bc" providerId="ADAL" clId="{BF04C754-5BF4-4E83-9615-DB14FA25AF8A}" dt="2023-10-12T11:38:42.377" v="307"/>
          <ac:spMkLst>
            <pc:docMk/>
            <pc:sldMk cId="2376958513" sldId="260"/>
            <ac:spMk id="14382" creationId="{35AE1475-C11C-BB5F-8151-1F114FB651B6}"/>
          </ac:spMkLst>
        </pc:spChg>
        <pc:spChg chg="mod">
          <ac:chgData name="White, Alex" userId="eff6cc8c-37d8-483b-9c6c-6b27e9afa9bc" providerId="ADAL" clId="{BF04C754-5BF4-4E83-9615-DB14FA25AF8A}" dt="2023-10-12T11:38:42.377" v="307"/>
          <ac:spMkLst>
            <pc:docMk/>
            <pc:sldMk cId="2376958513" sldId="260"/>
            <ac:spMk id="14383" creationId="{70C8B908-BE91-585A-C65A-0FEFD4D7C61C}"/>
          </ac:spMkLst>
        </pc:spChg>
        <pc:spChg chg="mod">
          <ac:chgData name="White, Alex" userId="eff6cc8c-37d8-483b-9c6c-6b27e9afa9bc" providerId="ADAL" clId="{BF04C754-5BF4-4E83-9615-DB14FA25AF8A}" dt="2023-10-12T11:38:42.377" v="307"/>
          <ac:spMkLst>
            <pc:docMk/>
            <pc:sldMk cId="2376958513" sldId="260"/>
            <ac:spMk id="14384" creationId="{A0641A45-0E4F-DD9A-0805-0CD7270897D2}"/>
          </ac:spMkLst>
        </pc:spChg>
        <pc:spChg chg="mod">
          <ac:chgData name="White, Alex" userId="eff6cc8c-37d8-483b-9c6c-6b27e9afa9bc" providerId="ADAL" clId="{BF04C754-5BF4-4E83-9615-DB14FA25AF8A}" dt="2023-10-12T11:38:42.377" v="307"/>
          <ac:spMkLst>
            <pc:docMk/>
            <pc:sldMk cId="2376958513" sldId="260"/>
            <ac:spMk id="14385" creationId="{C6329216-B7AE-35CE-BBA0-C646BAE25C18}"/>
          </ac:spMkLst>
        </pc:spChg>
        <pc:spChg chg="mod">
          <ac:chgData name="White, Alex" userId="eff6cc8c-37d8-483b-9c6c-6b27e9afa9bc" providerId="ADAL" clId="{BF04C754-5BF4-4E83-9615-DB14FA25AF8A}" dt="2023-10-12T11:38:42.377" v="307"/>
          <ac:spMkLst>
            <pc:docMk/>
            <pc:sldMk cId="2376958513" sldId="260"/>
            <ac:spMk id="14386" creationId="{7FDE07F5-A2AB-1FB6-F604-FFD3A4C3FD8C}"/>
          </ac:spMkLst>
        </pc:spChg>
        <pc:spChg chg="mod">
          <ac:chgData name="White, Alex" userId="eff6cc8c-37d8-483b-9c6c-6b27e9afa9bc" providerId="ADAL" clId="{BF04C754-5BF4-4E83-9615-DB14FA25AF8A}" dt="2023-10-12T11:38:42.377" v="307"/>
          <ac:spMkLst>
            <pc:docMk/>
            <pc:sldMk cId="2376958513" sldId="260"/>
            <ac:spMk id="14387" creationId="{1322D111-385B-9425-FCF9-D33C8199CE40}"/>
          </ac:spMkLst>
        </pc:spChg>
        <pc:spChg chg="mod">
          <ac:chgData name="White, Alex" userId="eff6cc8c-37d8-483b-9c6c-6b27e9afa9bc" providerId="ADAL" clId="{BF04C754-5BF4-4E83-9615-DB14FA25AF8A}" dt="2023-10-12T11:38:42.377" v="307"/>
          <ac:spMkLst>
            <pc:docMk/>
            <pc:sldMk cId="2376958513" sldId="260"/>
            <ac:spMk id="14388" creationId="{94204454-FD5A-4506-43E3-47B03760D44C}"/>
          </ac:spMkLst>
        </pc:spChg>
        <pc:spChg chg="mod">
          <ac:chgData name="White, Alex" userId="eff6cc8c-37d8-483b-9c6c-6b27e9afa9bc" providerId="ADAL" clId="{BF04C754-5BF4-4E83-9615-DB14FA25AF8A}" dt="2023-10-12T11:38:42.377" v="307"/>
          <ac:spMkLst>
            <pc:docMk/>
            <pc:sldMk cId="2376958513" sldId="260"/>
            <ac:spMk id="14389" creationId="{D10E6137-C03C-EC44-4BE6-3416CC6EEED0}"/>
          </ac:spMkLst>
        </pc:spChg>
        <pc:spChg chg="mod">
          <ac:chgData name="White, Alex" userId="eff6cc8c-37d8-483b-9c6c-6b27e9afa9bc" providerId="ADAL" clId="{BF04C754-5BF4-4E83-9615-DB14FA25AF8A}" dt="2023-10-12T11:38:42.377" v="307"/>
          <ac:spMkLst>
            <pc:docMk/>
            <pc:sldMk cId="2376958513" sldId="260"/>
            <ac:spMk id="14390" creationId="{B67FB0EB-8701-8ADC-ED1F-66780F37529C}"/>
          </ac:spMkLst>
        </pc:spChg>
        <pc:spChg chg="mod">
          <ac:chgData name="White, Alex" userId="eff6cc8c-37d8-483b-9c6c-6b27e9afa9bc" providerId="ADAL" clId="{BF04C754-5BF4-4E83-9615-DB14FA25AF8A}" dt="2023-10-12T11:38:42.377" v="307"/>
          <ac:spMkLst>
            <pc:docMk/>
            <pc:sldMk cId="2376958513" sldId="260"/>
            <ac:spMk id="14391" creationId="{64F5172A-6FDE-65C4-03F6-57F660BC53BE}"/>
          </ac:spMkLst>
        </pc:spChg>
        <pc:spChg chg="mod">
          <ac:chgData name="White, Alex" userId="eff6cc8c-37d8-483b-9c6c-6b27e9afa9bc" providerId="ADAL" clId="{BF04C754-5BF4-4E83-9615-DB14FA25AF8A}" dt="2023-10-12T11:38:42.377" v="307"/>
          <ac:spMkLst>
            <pc:docMk/>
            <pc:sldMk cId="2376958513" sldId="260"/>
            <ac:spMk id="14392" creationId="{F5D8EB2B-93BE-1A12-E53C-CD334659B0BC}"/>
          </ac:spMkLst>
        </pc:spChg>
        <pc:spChg chg="mod">
          <ac:chgData name="White, Alex" userId="eff6cc8c-37d8-483b-9c6c-6b27e9afa9bc" providerId="ADAL" clId="{BF04C754-5BF4-4E83-9615-DB14FA25AF8A}" dt="2023-10-12T11:38:42.377" v="307"/>
          <ac:spMkLst>
            <pc:docMk/>
            <pc:sldMk cId="2376958513" sldId="260"/>
            <ac:spMk id="14393" creationId="{F7471675-4091-4866-24B7-3CE29BF02C23}"/>
          </ac:spMkLst>
        </pc:spChg>
        <pc:spChg chg="mod">
          <ac:chgData name="White, Alex" userId="eff6cc8c-37d8-483b-9c6c-6b27e9afa9bc" providerId="ADAL" clId="{BF04C754-5BF4-4E83-9615-DB14FA25AF8A}" dt="2023-10-12T11:38:42.377" v="307"/>
          <ac:spMkLst>
            <pc:docMk/>
            <pc:sldMk cId="2376958513" sldId="260"/>
            <ac:spMk id="14394" creationId="{1C07C6A7-4622-3A5B-2BB2-3716FCDAC99E}"/>
          </ac:spMkLst>
        </pc:spChg>
        <pc:spChg chg="mod">
          <ac:chgData name="White, Alex" userId="eff6cc8c-37d8-483b-9c6c-6b27e9afa9bc" providerId="ADAL" clId="{BF04C754-5BF4-4E83-9615-DB14FA25AF8A}" dt="2023-10-12T11:38:42.377" v="307"/>
          <ac:spMkLst>
            <pc:docMk/>
            <pc:sldMk cId="2376958513" sldId="260"/>
            <ac:spMk id="14395" creationId="{8CB68E40-9F36-A53D-3E37-D6B9CC684763}"/>
          </ac:spMkLst>
        </pc:spChg>
        <pc:spChg chg="mod">
          <ac:chgData name="White, Alex" userId="eff6cc8c-37d8-483b-9c6c-6b27e9afa9bc" providerId="ADAL" clId="{BF04C754-5BF4-4E83-9615-DB14FA25AF8A}" dt="2023-10-12T11:38:42.377" v="307"/>
          <ac:spMkLst>
            <pc:docMk/>
            <pc:sldMk cId="2376958513" sldId="260"/>
            <ac:spMk id="14396" creationId="{02F9F101-EAE0-461D-1163-203F4AC98DA7}"/>
          </ac:spMkLst>
        </pc:spChg>
        <pc:spChg chg="mod">
          <ac:chgData name="White, Alex" userId="eff6cc8c-37d8-483b-9c6c-6b27e9afa9bc" providerId="ADAL" clId="{BF04C754-5BF4-4E83-9615-DB14FA25AF8A}" dt="2023-10-12T11:38:42.377" v="307"/>
          <ac:spMkLst>
            <pc:docMk/>
            <pc:sldMk cId="2376958513" sldId="260"/>
            <ac:spMk id="14397" creationId="{B0C0150F-1F51-BB14-9C75-86DD6D73CBE4}"/>
          </ac:spMkLst>
        </pc:spChg>
        <pc:spChg chg="mod">
          <ac:chgData name="White, Alex" userId="eff6cc8c-37d8-483b-9c6c-6b27e9afa9bc" providerId="ADAL" clId="{BF04C754-5BF4-4E83-9615-DB14FA25AF8A}" dt="2023-10-12T11:38:42.377" v="307"/>
          <ac:spMkLst>
            <pc:docMk/>
            <pc:sldMk cId="2376958513" sldId="260"/>
            <ac:spMk id="14398" creationId="{AD82EF25-D20B-6EB0-B365-6FB9BB4F937F}"/>
          </ac:spMkLst>
        </pc:spChg>
        <pc:spChg chg="mod">
          <ac:chgData name="White, Alex" userId="eff6cc8c-37d8-483b-9c6c-6b27e9afa9bc" providerId="ADAL" clId="{BF04C754-5BF4-4E83-9615-DB14FA25AF8A}" dt="2023-10-12T11:38:42.377" v="307"/>
          <ac:spMkLst>
            <pc:docMk/>
            <pc:sldMk cId="2376958513" sldId="260"/>
            <ac:spMk id="14399" creationId="{2079D2D4-D9B6-1085-D2B2-B0CDC08ABA6B}"/>
          </ac:spMkLst>
        </pc:spChg>
        <pc:spChg chg="mod">
          <ac:chgData name="White, Alex" userId="eff6cc8c-37d8-483b-9c6c-6b27e9afa9bc" providerId="ADAL" clId="{BF04C754-5BF4-4E83-9615-DB14FA25AF8A}" dt="2023-10-12T11:38:42.377" v="307"/>
          <ac:spMkLst>
            <pc:docMk/>
            <pc:sldMk cId="2376958513" sldId="260"/>
            <ac:spMk id="14400" creationId="{1F3DFC67-223A-7620-CEF4-09D65A8B212B}"/>
          </ac:spMkLst>
        </pc:spChg>
        <pc:spChg chg="mod">
          <ac:chgData name="White, Alex" userId="eff6cc8c-37d8-483b-9c6c-6b27e9afa9bc" providerId="ADAL" clId="{BF04C754-5BF4-4E83-9615-DB14FA25AF8A}" dt="2023-10-12T11:38:42.377" v="307"/>
          <ac:spMkLst>
            <pc:docMk/>
            <pc:sldMk cId="2376958513" sldId="260"/>
            <ac:spMk id="14401" creationId="{3EDB128D-55BB-ECDF-28C5-D1BB1A156DEC}"/>
          </ac:spMkLst>
        </pc:spChg>
        <pc:spChg chg="mod">
          <ac:chgData name="White, Alex" userId="eff6cc8c-37d8-483b-9c6c-6b27e9afa9bc" providerId="ADAL" clId="{BF04C754-5BF4-4E83-9615-DB14FA25AF8A}" dt="2023-10-12T11:38:42.377" v="307"/>
          <ac:spMkLst>
            <pc:docMk/>
            <pc:sldMk cId="2376958513" sldId="260"/>
            <ac:spMk id="14402" creationId="{2B0C6F71-CF7D-BD73-02FA-495CAF3BC40E}"/>
          </ac:spMkLst>
        </pc:spChg>
        <pc:spChg chg="mod">
          <ac:chgData name="White, Alex" userId="eff6cc8c-37d8-483b-9c6c-6b27e9afa9bc" providerId="ADAL" clId="{BF04C754-5BF4-4E83-9615-DB14FA25AF8A}" dt="2023-10-12T11:38:42.377" v="307"/>
          <ac:spMkLst>
            <pc:docMk/>
            <pc:sldMk cId="2376958513" sldId="260"/>
            <ac:spMk id="14403" creationId="{C4F59261-7089-F045-B10C-1A31D0F4B526}"/>
          </ac:spMkLst>
        </pc:spChg>
        <pc:spChg chg="mod">
          <ac:chgData name="White, Alex" userId="eff6cc8c-37d8-483b-9c6c-6b27e9afa9bc" providerId="ADAL" clId="{BF04C754-5BF4-4E83-9615-DB14FA25AF8A}" dt="2023-10-12T11:38:42.377" v="307"/>
          <ac:spMkLst>
            <pc:docMk/>
            <pc:sldMk cId="2376958513" sldId="260"/>
            <ac:spMk id="14404" creationId="{AF13984F-50B9-CCC3-0153-2D5B647563BC}"/>
          </ac:spMkLst>
        </pc:spChg>
        <pc:spChg chg="mod">
          <ac:chgData name="White, Alex" userId="eff6cc8c-37d8-483b-9c6c-6b27e9afa9bc" providerId="ADAL" clId="{BF04C754-5BF4-4E83-9615-DB14FA25AF8A}" dt="2023-10-12T11:38:42.377" v="307"/>
          <ac:spMkLst>
            <pc:docMk/>
            <pc:sldMk cId="2376958513" sldId="260"/>
            <ac:spMk id="14405" creationId="{2D6BD5EC-F320-3AF7-64DC-4DEF5E31ED7D}"/>
          </ac:spMkLst>
        </pc:spChg>
        <pc:spChg chg="mod">
          <ac:chgData name="White, Alex" userId="eff6cc8c-37d8-483b-9c6c-6b27e9afa9bc" providerId="ADAL" clId="{BF04C754-5BF4-4E83-9615-DB14FA25AF8A}" dt="2023-10-12T11:38:42.377" v="307"/>
          <ac:spMkLst>
            <pc:docMk/>
            <pc:sldMk cId="2376958513" sldId="260"/>
            <ac:spMk id="14406" creationId="{1C122A63-EEEE-179C-A21F-6B1E7569B97D}"/>
          </ac:spMkLst>
        </pc:spChg>
        <pc:spChg chg="mod">
          <ac:chgData name="White, Alex" userId="eff6cc8c-37d8-483b-9c6c-6b27e9afa9bc" providerId="ADAL" clId="{BF04C754-5BF4-4E83-9615-DB14FA25AF8A}" dt="2023-10-12T11:38:42.377" v="307"/>
          <ac:spMkLst>
            <pc:docMk/>
            <pc:sldMk cId="2376958513" sldId="260"/>
            <ac:spMk id="14407" creationId="{C6CDF36C-80AB-15E8-A7B1-93092BF4E31D}"/>
          </ac:spMkLst>
        </pc:spChg>
        <pc:spChg chg="mod">
          <ac:chgData name="White, Alex" userId="eff6cc8c-37d8-483b-9c6c-6b27e9afa9bc" providerId="ADAL" clId="{BF04C754-5BF4-4E83-9615-DB14FA25AF8A}" dt="2023-10-12T11:38:42.377" v="307"/>
          <ac:spMkLst>
            <pc:docMk/>
            <pc:sldMk cId="2376958513" sldId="260"/>
            <ac:spMk id="14408" creationId="{B5474670-5F0B-E4BF-C7ED-54625756DB91}"/>
          </ac:spMkLst>
        </pc:spChg>
        <pc:spChg chg="mod">
          <ac:chgData name="White, Alex" userId="eff6cc8c-37d8-483b-9c6c-6b27e9afa9bc" providerId="ADAL" clId="{BF04C754-5BF4-4E83-9615-DB14FA25AF8A}" dt="2023-10-12T11:38:42.377" v="307"/>
          <ac:spMkLst>
            <pc:docMk/>
            <pc:sldMk cId="2376958513" sldId="260"/>
            <ac:spMk id="14409" creationId="{7C3BF17D-01F5-41F4-B7A7-F99DFB9CDF06}"/>
          </ac:spMkLst>
        </pc:spChg>
        <pc:spChg chg="mod">
          <ac:chgData name="White, Alex" userId="eff6cc8c-37d8-483b-9c6c-6b27e9afa9bc" providerId="ADAL" clId="{BF04C754-5BF4-4E83-9615-DB14FA25AF8A}" dt="2023-10-12T11:38:42.377" v="307"/>
          <ac:spMkLst>
            <pc:docMk/>
            <pc:sldMk cId="2376958513" sldId="260"/>
            <ac:spMk id="14410" creationId="{87274C1F-5907-85E5-9742-FD3F0B73C97F}"/>
          </ac:spMkLst>
        </pc:spChg>
        <pc:spChg chg="mod">
          <ac:chgData name="White, Alex" userId="eff6cc8c-37d8-483b-9c6c-6b27e9afa9bc" providerId="ADAL" clId="{BF04C754-5BF4-4E83-9615-DB14FA25AF8A}" dt="2023-10-12T11:38:42.377" v="307"/>
          <ac:spMkLst>
            <pc:docMk/>
            <pc:sldMk cId="2376958513" sldId="260"/>
            <ac:spMk id="14411" creationId="{488D9DF0-F20F-8C8A-1954-5A615E05CE1D}"/>
          </ac:spMkLst>
        </pc:spChg>
        <pc:spChg chg="mod">
          <ac:chgData name="White, Alex" userId="eff6cc8c-37d8-483b-9c6c-6b27e9afa9bc" providerId="ADAL" clId="{BF04C754-5BF4-4E83-9615-DB14FA25AF8A}" dt="2023-10-12T11:38:42.377" v="307"/>
          <ac:spMkLst>
            <pc:docMk/>
            <pc:sldMk cId="2376958513" sldId="260"/>
            <ac:spMk id="14412" creationId="{4DD09F83-0804-DF78-9EE2-BAEEC68D9949}"/>
          </ac:spMkLst>
        </pc:spChg>
        <pc:spChg chg="mod">
          <ac:chgData name="White, Alex" userId="eff6cc8c-37d8-483b-9c6c-6b27e9afa9bc" providerId="ADAL" clId="{BF04C754-5BF4-4E83-9615-DB14FA25AF8A}" dt="2023-10-12T11:38:42.377" v="307"/>
          <ac:spMkLst>
            <pc:docMk/>
            <pc:sldMk cId="2376958513" sldId="260"/>
            <ac:spMk id="14413" creationId="{6C91F430-9854-BB05-FED2-C51755E8F7E7}"/>
          </ac:spMkLst>
        </pc:spChg>
        <pc:spChg chg="mod">
          <ac:chgData name="White, Alex" userId="eff6cc8c-37d8-483b-9c6c-6b27e9afa9bc" providerId="ADAL" clId="{BF04C754-5BF4-4E83-9615-DB14FA25AF8A}" dt="2023-10-12T11:38:42.377" v="307"/>
          <ac:spMkLst>
            <pc:docMk/>
            <pc:sldMk cId="2376958513" sldId="260"/>
            <ac:spMk id="14414" creationId="{74412D96-3563-FDEF-6637-101EB63AD1E5}"/>
          </ac:spMkLst>
        </pc:spChg>
        <pc:spChg chg="mod">
          <ac:chgData name="White, Alex" userId="eff6cc8c-37d8-483b-9c6c-6b27e9afa9bc" providerId="ADAL" clId="{BF04C754-5BF4-4E83-9615-DB14FA25AF8A}" dt="2023-10-12T11:38:42.377" v="307"/>
          <ac:spMkLst>
            <pc:docMk/>
            <pc:sldMk cId="2376958513" sldId="260"/>
            <ac:spMk id="14415" creationId="{41FD1A21-54D2-F3D1-8E90-DBAD1067D1D5}"/>
          </ac:spMkLst>
        </pc:spChg>
        <pc:spChg chg="mod">
          <ac:chgData name="White, Alex" userId="eff6cc8c-37d8-483b-9c6c-6b27e9afa9bc" providerId="ADAL" clId="{BF04C754-5BF4-4E83-9615-DB14FA25AF8A}" dt="2023-10-12T11:38:42.377" v="307"/>
          <ac:spMkLst>
            <pc:docMk/>
            <pc:sldMk cId="2376958513" sldId="260"/>
            <ac:spMk id="14416" creationId="{7A343532-95A9-E0E6-7233-4112ABE01659}"/>
          </ac:spMkLst>
        </pc:spChg>
        <pc:spChg chg="mod">
          <ac:chgData name="White, Alex" userId="eff6cc8c-37d8-483b-9c6c-6b27e9afa9bc" providerId="ADAL" clId="{BF04C754-5BF4-4E83-9615-DB14FA25AF8A}" dt="2023-10-12T11:38:42.377" v="307"/>
          <ac:spMkLst>
            <pc:docMk/>
            <pc:sldMk cId="2376958513" sldId="260"/>
            <ac:spMk id="14417" creationId="{E969D4AB-9B3C-A9DB-63C8-C1E2C098E9FD}"/>
          </ac:spMkLst>
        </pc:spChg>
        <pc:spChg chg="mod">
          <ac:chgData name="White, Alex" userId="eff6cc8c-37d8-483b-9c6c-6b27e9afa9bc" providerId="ADAL" clId="{BF04C754-5BF4-4E83-9615-DB14FA25AF8A}" dt="2023-10-12T11:38:42.377" v="307"/>
          <ac:spMkLst>
            <pc:docMk/>
            <pc:sldMk cId="2376958513" sldId="260"/>
            <ac:spMk id="14418" creationId="{9A0954DA-8DB9-F74B-3FCA-EDDA8E937D08}"/>
          </ac:spMkLst>
        </pc:spChg>
        <pc:spChg chg="mod">
          <ac:chgData name="White, Alex" userId="eff6cc8c-37d8-483b-9c6c-6b27e9afa9bc" providerId="ADAL" clId="{BF04C754-5BF4-4E83-9615-DB14FA25AF8A}" dt="2023-10-12T11:38:42.377" v="307"/>
          <ac:spMkLst>
            <pc:docMk/>
            <pc:sldMk cId="2376958513" sldId="260"/>
            <ac:spMk id="14419" creationId="{E8EFFA9F-DA71-8C3C-C955-3CCB3D727B06}"/>
          </ac:spMkLst>
        </pc:spChg>
        <pc:spChg chg="mod">
          <ac:chgData name="White, Alex" userId="eff6cc8c-37d8-483b-9c6c-6b27e9afa9bc" providerId="ADAL" clId="{BF04C754-5BF4-4E83-9615-DB14FA25AF8A}" dt="2023-10-12T11:38:42.377" v="307"/>
          <ac:spMkLst>
            <pc:docMk/>
            <pc:sldMk cId="2376958513" sldId="260"/>
            <ac:spMk id="14420" creationId="{591BC4EF-DCB5-05A0-59BE-1A74DCD1F90C}"/>
          </ac:spMkLst>
        </pc:spChg>
        <pc:spChg chg="mod">
          <ac:chgData name="White, Alex" userId="eff6cc8c-37d8-483b-9c6c-6b27e9afa9bc" providerId="ADAL" clId="{BF04C754-5BF4-4E83-9615-DB14FA25AF8A}" dt="2023-10-12T11:38:42.377" v="307"/>
          <ac:spMkLst>
            <pc:docMk/>
            <pc:sldMk cId="2376958513" sldId="260"/>
            <ac:spMk id="14421" creationId="{544BB2E1-BBFA-34FE-E8F2-DF5EC052D935}"/>
          </ac:spMkLst>
        </pc:spChg>
        <pc:spChg chg="mod">
          <ac:chgData name="White, Alex" userId="eff6cc8c-37d8-483b-9c6c-6b27e9afa9bc" providerId="ADAL" clId="{BF04C754-5BF4-4E83-9615-DB14FA25AF8A}" dt="2023-10-12T11:38:42.377" v="307"/>
          <ac:spMkLst>
            <pc:docMk/>
            <pc:sldMk cId="2376958513" sldId="260"/>
            <ac:spMk id="14422" creationId="{BC123B21-371C-EE17-6C8B-47EAE1894A17}"/>
          </ac:spMkLst>
        </pc:spChg>
        <pc:spChg chg="mod">
          <ac:chgData name="White, Alex" userId="eff6cc8c-37d8-483b-9c6c-6b27e9afa9bc" providerId="ADAL" clId="{BF04C754-5BF4-4E83-9615-DB14FA25AF8A}" dt="2023-10-12T11:38:42.377" v="307"/>
          <ac:spMkLst>
            <pc:docMk/>
            <pc:sldMk cId="2376958513" sldId="260"/>
            <ac:spMk id="14423" creationId="{10273B8E-8BEF-B8FF-9C28-1E6452F101B0}"/>
          </ac:spMkLst>
        </pc:spChg>
        <pc:spChg chg="mod">
          <ac:chgData name="White, Alex" userId="eff6cc8c-37d8-483b-9c6c-6b27e9afa9bc" providerId="ADAL" clId="{BF04C754-5BF4-4E83-9615-DB14FA25AF8A}" dt="2023-10-12T11:38:42.377" v="307"/>
          <ac:spMkLst>
            <pc:docMk/>
            <pc:sldMk cId="2376958513" sldId="260"/>
            <ac:spMk id="14424" creationId="{7A2B0AF9-AD99-C8EA-F738-807C003F9579}"/>
          </ac:spMkLst>
        </pc:spChg>
        <pc:spChg chg="mod">
          <ac:chgData name="White, Alex" userId="eff6cc8c-37d8-483b-9c6c-6b27e9afa9bc" providerId="ADAL" clId="{BF04C754-5BF4-4E83-9615-DB14FA25AF8A}" dt="2023-10-12T11:38:42.377" v="307"/>
          <ac:spMkLst>
            <pc:docMk/>
            <pc:sldMk cId="2376958513" sldId="260"/>
            <ac:spMk id="14425" creationId="{79CD36FE-473D-A80C-EB0B-30A79E3FEF1A}"/>
          </ac:spMkLst>
        </pc:spChg>
        <pc:spChg chg="mod">
          <ac:chgData name="White, Alex" userId="eff6cc8c-37d8-483b-9c6c-6b27e9afa9bc" providerId="ADAL" clId="{BF04C754-5BF4-4E83-9615-DB14FA25AF8A}" dt="2023-10-12T11:38:42.377" v="307"/>
          <ac:spMkLst>
            <pc:docMk/>
            <pc:sldMk cId="2376958513" sldId="260"/>
            <ac:spMk id="14426" creationId="{37A8EF85-309F-3F80-E091-AA7CA0E9DBF2}"/>
          </ac:spMkLst>
        </pc:spChg>
        <pc:spChg chg="mod">
          <ac:chgData name="White, Alex" userId="eff6cc8c-37d8-483b-9c6c-6b27e9afa9bc" providerId="ADAL" clId="{BF04C754-5BF4-4E83-9615-DB14FA25AF8A}" dt="2023-10-12T11:38:42.377" v="307"/>
          <ac:spMkLst>
            <pc:docMk/>
            <pc:sldMk cId="2376958513" sldId="260"/>
            <ac:spMk id="14427" creationId="{9B5C4793-5273-362C-1014-D3BB444A6A9A}"/>
          </ac:spMkLst>
        </pc:spChg>
        <pc:spChg chg="mod">
          <ac:chgData name="White, Alex" userId="eff6cc8c-37d8-483b-9c6c-6b27e9afa9bc" providerId="ADAL" clId="{BF04C754-5BF4-4E83-9615-DB14FA25AF8A}" dt="2023-10-12T11:38:42.377" v="307"/>
          <ac:spMkLst>
            <pc:docMk/>
            <pc:sldMk cId="2376958513" sldId="260"/>
            <ac:spMk id="14428" creationId="{89437B48-3668-54E5-0605-AAA16C722BC7}"/>
          </ac:spMkLst>
        </pc:spChg>
        <pc:spChg chg="mod">
          <ac:chgData name="White, Alex" userId="eff6cc8c-37d8-483b-9c6c-6b27e9afa9bc" providerId="ADAL" clId="{BF04C754-5BF4-4E83-9615-DB14FA25AF8A}" dt="2023-10-12T11:38:42.377" v="307"/>
          <ac:spMkLst>
            <pc:docMk/>
            <pc:sldMk cId="2376958513" sldId="260"/>
            <ac:spMk id="14429" creationId="{DA8F1366-0F10-1092-DAD9-D315A836097A}"/>
          </ac:spMkLst>
        </pc:spChg>
        <pc:spChg chg="mod">
          <ac:chgData name="White, Alex" userId="eff6cc8c-37d8-483b-9c6c-6b27e9afa9bc" providerId="ADAL" clId="{BF04C754-5BF4-4E83-9615-DB14FA25AF8A}" dt="2023-10-12T11:38:42.377" v="307"/>
          <ac:spMkLst>
            <pc:docMk/>
            <pc:sldMk cId="2376958513" sldId="260"/>
            <ac:spMk id="14430" creationId="{C989D52A-5019-B9F1-EE28-44F26DA20A8B}"/>
          </ac:spMkLst>
        </pc:spChg>
        <pc:spChg chg="mod">
          <ac:chgData name="White, Alex" userId="eff6cc8c-37d8-483b-9c6c-6b27e9afa9bc" providerId="ADAL" clId="{BF04C754-5BF4-4E83-9615-DB14FA25AF8A}" dt="2023-10-12T11:38:42.377" v="307"/>
          <ac:spMkLst>
            <pc:docMk/>
            <pc:sldMk cId="2376958513" sldId="260"/>
            <ac:spMk id="14431" creationId="{654BDBF7-79E7-9F9C-E091-1409DC965937}"/>
          </ac:spMkLst>
        </pc:spChg>
        <pc:spChg chg="mod">
          <ac:chgData name="White, Alex" userId="eff6cc8c-37d8-483b-9c6c-6b27e9afa9bc" providerId="ADAL" clId="{BF04C754-5BF4-4E83-9615-DB14FA25AF8A}" dt="2023-10-12T11:38:42.377" v="307"/>
          <ac:spMkLst>
            <pc:docMk/>
            <pc:sldMk cId="2376958513" sldId="260"/>
            <ac:spMk id="14432" creationId="{25A5EB13-6456-4F31-832D-DB3784A0AC7C}"/>
          </ac:spMkLst>
        </pc:spChg>
        <pc:spChg chg="mod">
          <ac:chgData name="White, Alex" userId="eff6cc8c-37d8-483b-9c6c-6b27e9afa9bc" providerId="ADAL" clId="{BF04C754-5BF4-4E83-9615-DB14FA25AF8A}" dt="2023-10-12T11:38:42.377" v="307"/>
          <ac:spMkLst>
            <pc:docMk/>
            <pc:sldMk cId="2376958513" sldId="260"/>
            <ac:spMk id="14433" creationId="{5B6CCE03-DA5E-D177-E8D9-068DB81B3CBC}"/>
          </ac:spMkLst>
        </pc:spChg>
        <pc:spChg chg="mod">
          <ac:chgData name="White, Alex" userId="eff6cc8c-37d8-483b-9c6c-6b27e9afa9bc" providerId="ADAL" clId="{BF04C754-5BF4-4E83-9615-DB14FA25AF8A}" dt="2023-10-12T11:38:42.377" v="307"/>
          <ac:spMkLst>
            <pc:docMk/>
            <pc:sldMk cId="2376958513" sldId="260"/>
            <ac:spMk id="14434" creationId="{9A2A5EE1-374E-2DEC-9CB2-418C064EA42D}"/>
          </ac:spMkLst>
        </pc:spChg>
        <pc:spChg chg="mod">
          <ac:chgData name="White, Alex" userId="eff6cc8c-37d8-483b-9c6c-6b27e9afa9bc" providerId="ADAL" clId="{BF04C754-5BF4-4E83-9615-DB14FA25AF8A}" dt="2023-10-12T11:38:42.377" v="307"/>
          <ac:spMkLst>
            <pc:docMk/>
            <pc:sldMk cId="2376958513" sldId="260"/>
            <ac:spMk id="14435" creationId="{B35B5965-A81D-7D38-5D6A-2853AEB60EA7}"/>
          </ac:spMkLst>
        </pc:spChg>
        <pc:spChg chg="mod">
          <ac:chgData name="White, Alex" userId="eff6cc8c-37d8-483b-9c6c-6b27e9afa9bc" providerId="ADAL" clId="{BF04C754-5BF4-4E83-9615-DB14FA25AF8A}" dt="2023-10-12T11:38:42.377" v="307"/>
          <ac:spMkLst>
            <pc:docMk/>
            <pc:sldMk cId="2376958513" sldId="260"/>
            <ac:spMk id="14436" creationId="{05406F1C-D46A-ACB6-51E4-BDD651F3433C}"/>
          </ac:spMkLst>
        </pc:spChg>
        <pc:spChg chg="mod">
          <ac:chgData name="White, Alex" userId="eff6cc8c-37d8-483b-9c6c-6b27e9afa9bc" providerId="ADAL" clId="{BF04C754-5BF4-4E83-9615-DB14FA25AF8A}" dt="2023-10-12T11:38:42.377" v="307"/>
          <ac:spMkLst>
            <pc:docMk/>
            <pc:sldMk cId="2376958513" sldId="260"/>
            <ac:spMk id="14437" creationId="{BAB79DEE-4D5D-FAA1-80A6-0DC325B65B8D}"/>
          </ac:spMkLst>
        </pc:spChg>
        <pc:spChg chg="mod">
          <ac:chgData name="White, Alex" userId="eff6cc8c-37d8-483b-9c6c-6b27e9afa9bc" providerId="ADAL" clId="{BF04C754-5BF4-4E83-9615-DB14FA25AF8A}" dt="2023-10-12T11:38:42.377" v="307"/>
          <ac:spMkLst>
            <pc:docMk/>
            <pc:sldMk cId="2376958513" sldId="260"/>
            <ac:spMk id="14438" creationId="{FA053170-FEED-EBF1-8214-3F90A67DD5C4}"/>
          </ac:spMkLst>
        </pc:spChg>
        <pc:spChg chg="mod">
          <ac:chgData name="White, Alex" userId="eff6cc8c-37d8-483b-9c6c-6b27e9afa9bc" providerId="ADAL" clId="{BF04C754-5BF4-4E83-9615-DB14FA25AF8A}" dt="2023-10-12T11:38:42.377" v="307"/>
          <ac:spMkLst>
            <pc:docMk/>
            <pc:sldMk cId="2376958513" sldId="260"/>
            <ac:spMk id="14439" creationId="{838C52F6-97D1-1A99-9006-B976B28EEC1C}"/>
          </ac:spMkLst>
        </pc:spChg>
        <pc:spChg chg="mod">
          <ac:chgData name="White, Alex" userId="eff6cc8c-37d8-483b-9c6c-6b27e9afa9bc" providerId="ADAL" clId="{BF04C754-5BF4-4E83-9615-DB14FA25AF8A}" dt="2023-10-12T11:38:42.377" v="307"/>
          <ac:spMkLst>
            <pc:docMk/>
            <pc:sldMk cId="2376958513" sldId="260"/>
            <ac:spMk id="14440" creationId="{86D50273-8ED5-A9D0-785F-66161841C4EE}"/>
          </ac:spMkLst>
        </pc:spChg>
        <pc:spChg chg="mod">
          <ac:chgData name="White, Alex" userId="eff6cc8c-37d8-483b-9c6c-6b27e9afa9bc" providerId="ADAL" clId="{BF04C754-5BF4-4E83-9615-DB14FA25AF8A}" dt="2023-10-12T11:38:42.377" v="307"/>
          <ac:spMkLst>
            <pc:docMk/>
            <pc:sldMk cId="2376958513" sldId="260"/>
            <ac:spMk id="14441" creationId="{C6E39E58-5B7D-146F-5892-EB3B1C26A56D}"/>
          </ac:spMkLst>
        </pc:spChg>
        <pc:spChg chg="mod">
          <ac:chgData name="White, Alex" userId="eff6cc8c-37d8-483b-9c6c-6b27e9afa9bc" providerId="ADAL" clId="{BF04C754-5BF4-4E83-9615-DB14FA25AF8A}" dt="2023-10-12T11:38:42.377" v="307"/>
          <ac:spMkLst>
            <pc:docMk/>
            <pc:sldMk cId="2376958513" sldId="260"/>
            <ac:spMk id="14442" creationId="{6723EC3A-5239-7ADF-9B5C-BF9744045B8D}"/>
          </ac:spMkLst>
        </pc:spChg>
        <pc:spChg chg="mod">
          <ac:chgData name="White, Alex" userId="eff6cc8c-37d8-483b-9c6c-6b27e9afa9bc" providerId="ADAL" clId="{BF04C754-5BF4-4E83-9615-DB14FA25AF8A}" dt="2023-10-12T11:38:42.377" v="307"/>
          <ac:spMkLst>
            <pc:docMk/>
            <pc:sldMk cId="2376958513" sldId="260"/>
            <ac:spMk id="14443" creationId="{9CAA46CD-75D1-F114-2A1B-CE7199711F48}"/>
          </ac:spMkLst>
        </pc:spChg>
        <pc:spChg chg="mod">
          <ac:chgData name="White, Alex" userId="eff6cc8c-37d8-483b-9c6c-6b27e9afa9bc" providerId="ADAL" clId="{BF04C754-5BF4-4E83-9615-DB14FA25AF8A}" dt="2023-10-12T11:38:42.377" v="307"/>
          <ac:spMkLst>
            <pc:docMk/>
            <pc:sldMk cId="2376958513" sldId="260"/>
            <ac:spMk id="14444" creationId="{E21CBAE7-B0AC-C246-D1FE-7D19B34F8251}"/>
          </ac:spMkLst>
        </pc:spChg>
        <pc:spChg chg="mod">
          <ac:chgData name="White, Alex" userId="eff6cc8c-37d8-483b-9c6c-6b27e9afa9bc" providerId="ADAL" clId="{BF04C754-5BF4-4E83-9615-DB14FA25AF8A}" dt="2023-10-12T11:38:42.377" v="307"/>
          <ac:spMkLst>
            <pc:docMk/>
            <pc:sldMk cId="2376958513" sldId="260"/>
            <ac:spMk id="14445" creationId="{FAA5D7A2-FB6A-49BC-F61E-DA17666D3411}"/>
          </ac:spMkLst>
        </pc:spChg>
        <pc:spChg chg="mod">
          <ac:chgData name="White, Alex" userId="eff6cc8c-37d8-483b-9c6c-6b27e9afa9bc" providerId="ADAL" clId="{BF04C754-5BF4-4E83-9615-DB14FA25AF8A}" dt="2023-10-12T11:38:42.377" v="307"/>
          <ac:spMkLst>
            <pc:docMk/>
            <pc:sldMk cId="2376958513" sldId="260"/>
            <ac:spMk id="14446" creationId="{8ACF9775-BC24-C9AC-E771-3EE179DCD347}"/>
          </ac:spMkLst>
        </pc:spChg>
        <pc:spChg chg="mod">
          <ac:chgData name="White, Alex" userId="eff6cc8c-37d8-483b-9c6c-6b27e9afa9bc" providerId="ADAL" clId="{BF04C754-5BF4-4E83-9615-DB14FA25AF8A}" dt="2023-10-12T11:38:42.377" v="307"/>
          <ac:spMkLst>
            <pc:docMk/>
            <pc:sldMk cId="2376958513" sldId="260"/>
            <ac:spMk id="14447" creationId="{88056121-EDE1-F9D4-32BC-45F87C393871}"/>
          </ac:spMkLst>
        </pc:spChg>
        <pc:spChg chg="mod">
          <ac:chgData name="White, Alex" userId="eff6cc8c-37d8-483b-9c6c-6b27e9afa9bc" providerId="ADAL" clId="{BF04C754-5BF4-4E83-9615-DB14FA25AF8A}" dt="2023-10-12T11:38:42.377" v="307"/>
          <ac:spMkLst>
            <pc:docMk/>
            <pc:sldMk cId="2376958513" sldId="260"/>
            <ac:spMk id="14448" creationId="{1D050FAE-931C-5703-13F1-BB10212B0D75}"/>
          </ac:spMkLst>
        </pc:spChg>
        <pc:spChg chg="mod">
          <ac:chgData name="White, Alex" userId="eff6cc8c-37d8-483b-9c6c-6b27e9afa9bc" providerId="ADAL" clId="{BF04C754-5BF4-4E83-9615-DB14FA25AF8A}" dt="2023-10-12T11:38:42.377" v="307"/>
          <ac:spMkLst>
            <pc:docMk/>
            <pc:sldMk cId="2376958513" sldId="260"/>
            <ac:spMk id="14449" creationId="{73770BE8-54C2-BC9E-2BA6-6640FAD97BE1}"/>
          </ac:spMkLst>
        </pc:spChg>
        <pc:spChg chg="mod">
          <ac:chgData name="White, Alex" userId="eff6cc8c-37d8-483b-9c6c-6b27e9afa9bc" providerId="ADAL" clId="{BF04C754-5BF4-4E83-9615-DB14FA25AF8A}" dt="2023-10-12T11:38:42.377" v="307"/>
          <ac:spMkLst>
            <pc:docMk/>
            <pc:sldMk cId="2376958513" sldId="260"/>
            <ac:spMk id="14450" creationId="{3B96755C-71AD-0C70-07A8-BE6E750DDDD2}"/>
          </ac:spMkLst>
        </pc:spChg>
        <pc:spChg chg="mod">
          <ac:chgData name="White, Alex" userId="eff6cc8c-37d8-483b-9c6c-6b27e9afa9bc" providerId="ADAL" clId="{BF04C754-5BF4-4E83-9615-DB14FA25AF8A}" dt="2023-10-12T11:38:42.377" v="307"/>
          <ac:spMkLst>
            <pc:docMk/>
            <pc:sldMk cId="2376958513" sldId="260"/>
            <ac:spMk id="14451" creationId="{4421A14D-F45E-633E-C59E-96F5046B3A29}"/>
          </ac:spMkLst>
        </pc:spChg>
        <pc:spChg chg="mod">
          <ac:chgData name="White, Alex" userId="eff6cc8c-37d8-483b-9c6c-6b27e9afa9bc" providerId="ADAL" clId="{BF04C754-5BF4-4E83-9615-DB14FA25AF8A}" dt="2023-10-12T11:38:42.377" v="307"/>
          <ac:spMkLst>
            <pc:docMk/>
            <pc:sldMk cId="2376958513" sldId="260"/>
            <ac:spMk id="14452" creationId="{764ECF35-8354-92F5-EBD1-71130B54BBEC}"/>
          </ac:spMkLst>
        </pc:spChg>
        <pc:spChg chg="mod">
          <ac:chgData name="White, Alex" userId="eff6cc8c-37d8-483b-9c6c-6b27e9afa9bc" providerId="ADAL" clId="{BF04C754-5BF4-4E83-9615-DB14FA25AF8A}" dt="2023-10-12T11:38:42.377" v="307"/>
          <ac:spMkLst>
            <pc:docMk/>
            <pc:sldMk cId="2376958513" sldId="260"/>
            <ac:spMk id="14453" creationId="{277BD728-997C-A050-8806-92D62921316F}"/>
          </ac:spMkLst>
        </pc:spChg>
        <pc:spChg chg="mod">
          <ac:chgData name="White, Alex" userId="eff6cc8c-37d8-483b-9c6c-6b27e9afa9bc" providerId="ADAL" clId="{BF04C754-5BF4-4E83-9615-DB14FA25AF8A}" dt="2023-10-12T11:38:42.377" v="307"/>
          <ac:spMkLst>
            <pc:docMk/>
            <pc:sldMk cId="2376958513" sldId="260"/>
            <ac:spMk id="14454" creationId="{5D6760D7-CCF2-465C-46E3-3FBD219856C9}"/>
          </ac:spMkLst>
        </pc:spChg>
        <pc:spChg chg="mod">
          <ac:chgData name="White, Alex" userId="eff6cc8c-37d8-483b-9c6c-6b27e9afa9bc" providerId="ADAL" clId="{BF04C754-5BF4-4E83-9615-DB14FA25AF8A}" dt="2023-10-12T11:38:42.377" v="307"/>
          <ac:spMkLst>
            <pc:docMk/>
            <pc:sldMk cId="2376958513" sldId="260"/>
            <ac:spMk id="14455" creationId="{1D3913FB-1B24-FCF7-BB34-130BCA19CE87}"/>
          </ac:spMkLst>
        </pc:spChg>
        <pc:spChg chg="mod">
          <ac:chgData name="White, Alex" userId="eff6cc8c-37d8-483b-9c6c-6b27e9afa9bc" providerId="ADAL" clId="{BF04C754-5BF4-4E83-9615-DB14FA25AF8A}" dt="2023-10-12T11:38:42.377" v="307"/>
          <ac:spMkLst>
            <pc:docMk/>
            <pc:sldMk cId="2376958513" sldId="260"/>
            <ac:spMk id="14456" creationId="{C956F3BD-AA41-C828-08E3-E54FCE5EC01E}"/>
          </ac:spMkLst>
        </pc:spChg>
        <pc:spChg chg="mod">
          <ac:chgData name="White, Alex" userId="eff6cc8c-37d8-483b-9c6c-6b27e9afa9bc" providerId="ADAL" clId="{BF04C754-5BF4-4E83-9615-DB14FA25AF8A}" dt="2023-10-12T11:38:42.377" v="307"/>
          <ac:spMkLst>
            <pc:docMk/>
            <pc:sldMk cId="2376958513" sldId="260"/>
            <ac:spMk id="14457" creationId="{C768C489-47E0-1EEB-352B-4B515225EDC4}"/>
          </ac:spMkLst>
        </pc:spChg>
        <pc:spChg chg="mod">
          <ac:chgData name="White, Alex" userId="eff6cc8c-37d8-483b-9c6c-6b27e9afa9bc" providerId="ADAL" clId="{BF04C754-5BF4-4E83-9615-DB14FA25AF8A}" dt="2023-10-12T11:38:42.377" v="307"/>
          <ac:spMkLst>
            <pc:docMk/>
            <pc:sldMk cId="2376958513" sldId="260"/>
            <ac:spMk id="14458" creationId="{C7D9D077-DE5D-640B-F6F1-CA985A66CDF5}"/>
          </ac:spMkLst>
        </pc:spChg>
        <pc:spChg chg="mod">
          <ac:chgData name="White, Alex" userId="eff6cc8c-37d8-483b-9c6c-6b27e9afa9bc" providerId="ADAL" clId="{BF04C754-5BF4-4E83-9615-DB14FA25AF8A}" dt="2023-10-12T11:38:42.377" v="307"/>
          <ac:spMkLst>
            <pc:docMk/>
            <pc:sldMk cId="2376958513" sldId="260"/>
            <ac:spMk id="14459" creationId="{05DE0F8C-D6F8-E17C-F682-C51FF76CC4A0}"/>
          </ac:spMkLst>
        </pc:spChg>
        <pc:spChg chg="mod">
          <ac:chgData name="White, Alex" userId="eff6cc8c-37d8-483b-9c6c-6b27e9afa9bc" providerId="ADAL" clId="{BF04C754-5BF4-4E83-9615-DB14FA25AF8A}" dt="2023-10-12T11:38:42.377" v="307"/>
          <ac:spMkLst>
            <pc:docMk/>
            <pc:sldMk cId="2376958513" sldId="260"/>
            <ac:spMk id="14460" creationId="{84FD4984-F9AC-4328-8539-D08DF10D22D6}"/>
          </ac:spMkLst>
        </pc:spChg>
        <pc:spChg chg="mod">
          <ac:chgData name="White, Alex" userId="eff6cc8c-37d8-483b-9c6c-6b27e9afa9bc" providerId="ADAL" clId="{BF04C754-5BF4-4E83-9615-DB14FA25AF8A}" dt="2023-10-12T11:38:42.377" v="307"/>
          <ac:spMkLst>
            <pc:docMk/>
            <pc:sldMk cId="2376958513" sldId="260"/>
            <ac:spMk id="14461" creationId="{D35FB9F0-55FB-CDD2-2811-1382D3C2BEB0}"/>
          </ac:spMkLst>
        </pc:spChg>
        <pc:spChg chg="mod">
          <ac:chgData name="White, Alex" userId="eff6cc8c-37d8-483b-9c6c-6b27e9afa9bc" providerId="ADAL" clId="{BF04C754-5BF4-4E83-9615-DB14FA25AF8A}" dt="2023-10-12T11:38:42.377" v="307"/>
          <ac:spMkLst>
            <pc:docMk/>
            <pc:sldMk cId="2376958513" sldId="260"/>
            <ac:spMk id="14462" creationId="{70FC56E4-E097-1C99-ED62-307A4936BB26}"/>
          </ac:spMkLst>
        </pc:spChg>
        <pc:spChg chg="mod">
          <ac:chgData name="White, Alex" userId="eff6cc8c-37d8-483b-9c6c-6b27e9afa9bc" providerId="ADAL" clId="{BF04C754-5BF4-4E83-9615-DB14FA25AF8A}" dt="2023-10-12T11:38:42.377" v="307"/>
          <ac:spMkLst>
            <pc:docMk/>
            <pc:sldMk cId="2376958513" sldId="260"/>
            <ac:spMk id="14463" creationId="{6D5DBDE8-7798-CA77-77F7-5D88DEFCE3CA}"/>
          </ac:spMkLst>
        </pc:spChg>
        <pc:spChg chg="mod">
          <ac:chgData name="White, Alex" userId="eff6cc8c-37d8-483b-9c6c-6b27e9afa9bc" providerId="ADAL" clId="{BF04C754-5BF4-4E83-9615-DB14FA25AF8A}" dt="2023-10-12T11:38:42.377" v="307"/>
          <ac:spMkLst>
            <pc:docMk/>
            <pc:sldMk cId="2376958513" sldId="260"/>
            <ac:spMk id="14464" creationId="{D5DF4571-F6EF-A341-492B-4CEB60FD951E}"/>
          </ac:spMkLst>
        </pc:spChg>
        <pc:spChg chg="mod">
          <ac:chgData name="White, Alex" userId="eff6cc8c-37d8-483b-9c6c-6b27e9afa9bc" providerId="ADAL" clId="{BF04C754-5BF4-4E83-9615-DB14FA25AF8A}" dt="2023-10-12T11:38:42.377" v="307"/>
          <ac:spMkLst>
            <pc:docMk/>
            <pc:sldMk cId="2376958513" sldId="260"/>
            <ac:spMk id="14465" creationId="{B5CC7D47-DCDF-FED2-416F-2A1F008C6814}"/>
          </ac:spMkLst>
        </pc:spChg>
        <pc:spChg chg="mod">
          <ac:chgData name="White, Alex" userId="eff6cc8c-37d8-483b-9c6c-6b27e9afa9bc" providerId="ADAL" clId="{BF04C754-5BF4-4E83-9615-DB14FA25AF8A}" dt="2023-10-12T11:38:42.377" v="307"/>
          <ac:spMkLst>
            <pc:docMk/>
            <pc:sldMk cId="2376958513" sldId="260"/>
            <ac:spMk id="14466" creationId="{65E11A2A-0B4C-FA84-4CDA-F649FEACA8DC}"/>
          </ac:spMkLst>
        </pc:spChg>
        <pc:spChg chg="mod">
          <ac:chgData name="White, Alex" userId="eff6cc8c-37d8-483b-9c6c-6b27e9afa9bc" providerId="ADAL" clId="{BF04C754-5BF4-4E83-9615-DB14FA25AF8A}" dt="2023-10-12T11:38:42.377" v="307"/>
          <ac:spMkLst>
            <pc:docMk/>
            <pc:sldMk cId="2376958513" sldId="260"/>
            <ac:spMk id="14467" creationId="{D79D231E-D329-0F65-440F-72AE51CE33B0}"/>
          </ac:spMkLst>
        </pc:spChg>
        <pc:spChg chg="mod">
          <ac:chgData name="White, Alex" userId="eff6cc8c-37d8-483b-9c6c-6b27e9afa9bc" providerId="ADAL" clId="{BF04C754-5BF4-4E83-9615-DB14FA25AF8A}" dt="2023-10-12T11:38:42.377" v="307"/>
          <ac:spMkLst>
            <pc:docMk/>
            <pc:sldMk cId="2376958513" sldId="260"/>
            <ac:spMk id="14468" creationId="{AA60F59A-25A4-85CB-1FB3-7235570AC26A}"/>
          </ac:spMkLst>
        </pc:spChg>
        <pc:spChg chg="mod">
          <ac:chgData name="White, Alex" userId="eff6cc8c-37d8-483b-9c6c-6b27e9afa9bc" providerId="ADAL" clId="{BF04C754-5BF4-4E83-9615-DB14FA25AF8A}" dt="2023-10-12T11:38:42.377" v="307"/>
          <ac:spMkLst>
            <pc:docMk/>
            <pc:sldMk cId="2376958513" sldId="260"/>
            <ac:spMk id="14469" creationId="{7CB0990D-62E5-9E0E-D2A5-73D97A1EBC00}"/>
          </ac:spMkLst>
        </pc:spChg>
        <pc:spChg chg="mod">
          <ac:chgData name="White, Alex" userId="eff6cc8c-37d8-483b-9c6c-6b27e9afa9bc" providerId="ADAL" clId="{BF04C754-5BF4-4E83-9615-DB14FA25AF8A}" dt="2023-10-12T11:38:42.377" v="307"/>
          <ac:spMkLst>
            <pc:docMk/>
            <pc:sldMk cId="2376958513" sldId="260"/>
            <ac:spMk id="14470" creationId="{A997A677-3548-5119-C577-5A0CDC96390D}"/>
          </ac:spMkLst>
        </pc:spChg>
        <pc:spChg chg="mod">
          <ac:chgData name="White, Alex" userId="eff6cc8c-37d8-483b-9c6c-6b27e9afa9bc" providerId="ADAL" clId="{BF04C754-5BF4-4E83-9615-DB14FA25AF8A}" dt="2023-10-12T11:38:42.377" v="307"/>
          <ac:spMkLst>
            <pc:docMk/>
            <pc:sldMk cId="2376958513" sldId="260"/>
            <ac:spMk id="14471" creationId="{9DFF37A2-C2DF-C3F8-12AB-3F9FB7ACBE2A}"/>
          </ac:spMkLst>
        </pc:spChg>
        <pc:spChg chg="mod">
          <ac:chgData name="White, Alex" userId="eff6cc8c-37d8-483b-9c6c-6b27e9afa9bc" providerId="ADAL" clId="{BF04C754-5BF4-4E83-9615-DB14FA25AF8A}" dt="2023-10-12T11:38:42.377" v="307"/>
          <ac:spMkLst>
            <pc:docMk/>
            <pc:sldMk cId="2376958513" sldId="260"/>
            <ac:spMk id="14472" creationId="{D0F43505-4051-ED66-13A0-DBE350409E8F}"/>
          </ac:spMkLst>
        </pc:spChg>
        <pc:spChg chg="mod">
          <ac:chgData name="White, Alex" userId="eff6cc8c-37d8-483b-9c6c-6b27e9afa9bc" providerId="ADAL" clId="{BF04C754-5BF4-4E83-9615-DB14FA25AF8A}" dt="2023-10-12T11:38:42.377" v="307"/>
          <ac:spMkLst>
            <pc:docMk/>
            <pc:sldMk cId="2376958513" sldId="260"/>
            <ac:spMk id="14473" creationId="{E818F9EF-F96D-D372-7C28-08C86D1FF1A6}"/>
          </ac:spMkLst>
        </pc:spChg>
        <pc:spChg chg="mod">
          <ac:chgData name="White, Alex" userId="eff6cc8c-37d8-483b-9c6c-6b27e9afa9bc" providerId="ADAL" clId="{BF04C754-5BF4-4E83-9615-DB14FA25AF8A}" dt="2023-10-12T11:38:42.377" v="307"/>
          <ac:spMkLst>
            <pc:docMk/>
            <pc:sldMk cId="2376958513" sldId="260"/>
            <ac:spMk id="14474" creationId="{D0783BA0-8F81-1EFA-5D54-4BAA0AE438F9}"/>
          </ac:spMkLst>
        </pc:spChg>
        <pc:spChg chg="mod">
          <ac:chgData name="White, Alex" userId="eff6cc8c-37d8-483b-9c6c-6b27e9afa9bc" providerId="ADAL" clId="{BF04C754-5BF4-4E83-9615-DB14FA25AF8A}" dt="2023-10-12T11:38:42.377" v="307"/>
          <ac:spMkLst>
            <pc:docMk/>
            <pc:sldMk cId="2376958513" sldId="260"/>
            <ac:spMk id="14475" creationId="{2738F81D-527D-1CE3-C7FA-A7E3A348219E}"/>
          </ac:spMkLst>
        </pc:spChg>
        <pc:spChg chg="mod">
          <ac:chgData name="White, Alex" userId="eff6cc8c-37d8-483b-9c6c-6b27e9afa9bc" providerId="ADAL" clId="{BF04C754-5BF4-4E83-9615-DB14FA25AF8A}" dt="2023-10-12T11:38:42.377" v="307"/>
          <ac:spMkLst>
            <pc:docMk/>
            <pc:sldMk cId="2376958513" sldId="260"/>
            <ac:spMk id="14476" creationId="{89147E55-020B-5771-2C28-ECCB2C5356EF}"/>
          </ac:spMkLst>
        </pc:spChg>
        <pc:spChg chg="mod">
          <ac:chgData name="White, Alex" userId="eff6cc8c-37d8-483b-9c6c-6b27e9afa9bc" providerId="ADAL" clId="{BF04C754-5BF4-4E83-9615-DB14FA25AF8A}" dt="2023-10-12T11:38:42.377" v="307"/>
          <ac:spMkLst>
            <pc:docMk/>
            <pc:sldMk cId="2376958513" sldId="260"/>
            <ac:spMk id="14477" creationId="{0F44878B-0AA8-863A-34FF-1DF8F81C7679}"/>
          </ac:spMkLst>
        </pc:spChg>
        <pc:spChg chg="mod">
          <ac:chgData name="White, Alex" userId="eff6cc8c-37d8-483b-9c6c-6b27e9afa9bc" providerId="ADAL" clId="{BF04C754-5BF4-4E83-9615-DB14FA25AF8A}" dt="2023-10-12T11:38:42.377" v="307"/>
          <ac:spMkLst>
            <pc:docMk/>
            <pc:sldMk cId="2376958513" sldId="260"/>
            <ac:spMk id="14478" creationId="{3328A5FB-D723-CF0B-7B96-3BC89628843F}"/>
          </ac:spMkLst>
        </pc:spChg>
        <pc:spChg chg="mod">
          <ac:chgData name="White, Alex" userId="eff6cc8c-37d8-483b-9c6c-6b27e9afa9bc" providerId="ADAL" clId="{BF04C754-5BF4-4E83-9615-DB14FA25AF8A}" dt="2023-10-12T11:38:42.377" v="307"/>
          <ac:spMkLst>
            <pc:docMk/>
            <pc:sldMk cId="2376958513" sldId="260"/>
            <ac:spMk id="14479" creationId="{A69630D8-A0A4-F786-53F9-8E8507BCCE9A}"/>
          </ac:spMkLst>
        </pc:spChg>
        <pc:spChg chg="mod">
          <ac:chgData name="White, Alex" userId="eff6cc8c-37d8-483b-9c6c-6b27e9afa9bc" providerId="ADAL" clId="{BF04C754-5BF4-4E83-9615-DB14FA25AF8A}" dt="2023-10-12T11:38:42.377" v="307"/>
          <ac:spMkLst>
            <pc:docMk/>
            <pc:sldMk cId="2376958513" sldId="260"/>
            <ac:spMk id="14480" creationId="{A370FFCC-29FB-A1DA-24DC-CAAB055D0F18}"/>
          </ac:spMkLst>
        </pc:spChg>
        <pc:spChg chg="mod">
          <ac:chgData name="White, Alex" userId="eff6cc8c-37d8-483b-9c6c-6b27e9afa9bc" providerId="ADAL" clId="{BF04C754-5BF4-4E83-9615-DB14FA25AF8A}" dt="2023-10-12T11:38:42.377" v="307"/>
          <ac:spMkLst>
            <pc:docMk/>
            <pc:sldMk cId="2376958513" sldId="260"/>
            <ac:spMk id="14481" creationId="{8F55402F-E023-B039-4E63-2E7B2BE5B9FE}"/>
          </ac:spMkLst>
        </pc:spChg>
        <pc:spChg chg="mod">
          <ac:chgData name="White, Alex" userId="eff6cc8c-37d8-483b-9c6c-6b27e9afa9bc" providerId="ADAL" clId="{BF04C754-5BF4-4E83-9615-DB14FA25AF8A}" dt="2023-10-12T11:38:42.377" v="307"/>
          <ac:spMkLst>
            <pc:docMk/>
            <pc:sldMk cId="2376958513" sldId="260"/>
            <ac:spMk id="14482" creationId="{9C0B1ED4-3305-6C6B-253F-C8E11FA35011}"/>
          </ac:spMkLst>
        </pc:spChg>
        <pc:spChg chg="mod">
          <ac:chgData name="White, Alex" userId="eff6cc8c-37d8-483b-9c6c-6b27e9afa9bc" providerId="ADAL" clId="{BF04C754-5BF4-4E83-9615-DB14FA25AF8A}" dt="2023-10-12T11:38:42.377" v="307"/>
          <ac:spMkLst>
            <pc:docMk/>
            <pc:sldMk cId="2376958513" sldId="260"/>
            <ac:spMk id="14483" creationId="{C852ABC2-59E0-6BCE-5988-3DEB3A910452}"/>
          </ac:spMkLst>
        </pc:spChg>
        <pc:spChg chg="mod">
          <ac:chgData name="White, Alex" userId="eff6cc8c-37d8-483b-9c6c-6b27e9afa9bc" providerId="ADAL" clId="{BF04C754-5BF4-4E83-9615-DB14FA25AF8A}" dt="2023-10-12T11:38:42.377" v="307"/>
          <ac:spMkLst>
            <pc:docMk/>
            <pc:sldMk cId="2376958513" sldId="260"/>
            <ac:spMk id="14484" creationId="{B2EC5638-E4B1-EC5D-F534-3D9B1B293540}"/>
          </ac:spMkLst>
        </pc:spChg>
        <pc:spChg chg="mod">
          <ac:chgData name="White, Alex" userId="eff6cc8c-37d8-483b-9c6c-6b27e9afa9bc" providerId="ADAL" clId="{BF04C754-5BF4-4E83-9615-DB14FA25AF8A}" dt="2023-10-12T11:38:42.377" v="307"/>
          <ac:spMkLst>
            <pc:docMk/>
            <pc:sldMk cId="2376958513" sldId="260"/>
            <ac:spMk id="14485" creationId="{6CAAF1D7-17A0-DA16-4614-9B2101A4E7DF}"/>
          </ac:spMkLst>
        </pc:spChg>
        <pc:spChg chg="mod">
          <ac:chgData name="White, Alex" userId="eff6cc8c-37d8-483b-9c6c-6b27e9afa9bc" providerId="ADAL" clId="{BF04C754-5BF4-4E83-9615-DB14FA25AF8A}" dt="2023-10-12T11:38:42.377" v="307"/>
          <ac:spMkLst>
            <pc:docMk/>
            <pc:sldMk cId="2376958513" sldId="260"/>
            <ac:spMk id="14486" creationId="{B4B5B19D-1406-0EBE-7B92-E87C5AFC7945}"/>
          </ac:spMkLst>
        </pc:spChg>
        <pc:spChg chg="mod">
          <ac:chgData name="White, Alex" userId="eff6cc8c-37d8-483b-9c6c-6b27e9afa9bc" providerId="ADAL" clId="{BF04C754-5BF4-4E83-9615-DB14FA25AF8A}" dt="2023-10-12T11:38:42.377" v="307"/>
          <ac:spMkLst>
            <pc:docMk/>
            <pc:sldMk cId="2376958513" sldId="260"/>
            <ac:spMk id="14487" creationId="{F4595698-E0EE-834D-BC1D-66838A8C473D}"/>
          </ac:spMkLst>
        </pc:spChg>
        <pc:spChg chg="mod">
          <ac:chgData name="White, Alex" userId="eff6cc8c-37d8-483b-9c6c-6b27e9afa9bc" providerId="ADAL" clId="{BF04C754-5BF4-4E83-9615-DB14FA25AF8A}" dt="2023-10-12T11:38:42.377" v="307"/>
          <ac:spMkLst>
            <pc:docMk/>
            <pc:sldMk cId="2376958513" sldId="260"/>
            <ac:spMk id="14488" creationId="{9ABAD4ED-BD41-1585-15C3-7D5AAA461554}"/>
          </ac:spMkLst>
        </pc:spChg>
        <pc:spChg chg="mod">
          <ac:chgData name="White, Alex" userId="eff6cc8c-37d8-483b-9c6c-6b27e9afa9bc" providerId="ADAL" clId="{BF04C754-5BF4-4E83-9615-DB14FA25AF8A}" dt="2023-10-12T11:38:42.377" v="307"/>
          <ac:spMkLst>
            <pc:docMk/>
            <pc:sldMk cId="2376958513" sldId="260"/>
            <ac:spMk id="14489" creationId="{7A1631B2-8058-8175-69F1-943815629852}"/>
          </ac:spMkLst>
        </pc:spChg>
        <pc:spChg chg="mod">
          <ac:chgData name="White, Alex" userId="eff6cc8c-37d8-483b-9c6c-6b27e9afa9bc" providerId="ADAL" clId="{BF04C754-5BF4-4E83-9615-DB14FA25AF8A}" dt="2023-10-12T11:38:42.377" v="307"/>
          <ac:spMkLst>
            <pc:docMk/>
            <pc:sldMk cId="2376958513" sldId="260"/>
            <ac:spMk id="14490" creationId="{9770320C-754F-A3EA-20C3-9D82B7BFAAC1}"/>
          </ac:spMkLst>
        </pc:spChg>
        <pc:spChg chg="mod">
          <ac:chgData name="White, Alex" userId="eff6cc8c-37d8-483b-9c6c-6b27e9afa9bc" providerId="ADAL" clId="{BF04C754-5BF4-4E83-9615-DB14FA25AF8A}" dt="2023-10-12T11:38:42.377" v="307"/>
          <ac:spMkLst>
            <pc:docMk/>
            <pc:sldMk cId="2376958513" sldId="260"/>
            <ac:spMk id="14491" creationId="{C7FBCE40-7D20-D9F9-F7C6-70315F23F0AF}"/>
          </ac:spMkLst>
        </pc:spChg>
        <pc:spChg chg="mod">
          <ac:chgData name="White, Alex" userId="eff6cc8c-37d8-483b-9c6c-6b27e9afa9bc" providerId="ADAL" clId="{BF04C754-5BF4-4E83-9615-DB14FA25AF8A}" dt="2023-10-12T11:38:42.377" v="307"/>
          <ac:spMkLst>
            <pc:docMk/>
            <pc:sldMk cId="2376958513" sldId="260"/>
            <ac:spMk id="14492" creationId="{BBBA105D-5C13-006E-5831-D5A81C513CA0}"/>
          </ac:spMkLst>
        </pc:spChg>
        <pc:spChg chg="mod">
          <ac:chgData name="White, Alex" userId="eff6cc8c-37d8-483b-9c6c-6b27e9afa9bc" providerId="ADAL" clId="{BF04C754-5BF4-4E83-9615-DB14FA25AF8A}" dt="2023-10-12T11:38:42.377" v="307"/>
          <ac:spMkLst>
            <pc:docMk/>
            <pc:sldMk cId="2376958513" sldId="260"/>
            <ac:spMk id="14493" creationId="{CA555576-592B-1C2C-D1A0-35EC485F0D2D}"/>
          </ac:spMkLst>
        </pc:spChg>
        <pc:spChg chg="mod">
          <ac:chgData name="White, Alex" userId="eff6cc8c-37d8-483b-9c6c-6b27e9afa9bc" providerId="ADAL" clId="{BF04C754-5BF4-4E83-9615-DB14FA25AF8A}" dt="2023-10-12T11:38:42.377" v="307"/>
          <ac:spMkLst>
            <pc:docMk/>
            <pc:sldMk cId="2376958513" sldId="260"/>
            <ac:spMk id="14494" creationId="{D3D9DEE5-4459-1A15-22F5-F4889461E153}"/>
          </ac:spMkLst>
        </pc:spChg>
        <pc:spChg chg="mod">
          <ac:chgData name="White, Alex" userId="eff6cc8c-37d8-483b-9c6c-6b27e9afa9bc" providerId="ADAL" clId="{BF04C754-5BF4-4E83-9615-DB14FA25AF8A}" dt="2023-10-12T11:38:42.377" v="307"/>
          <ac:spMkLst>
            <pc:docMk/>
            <pc:sldMk cId="2376958513" sldId="260"/>
            <ac:spMk id="14495" creationId="{6FBEA2D6-889A-1E5A-9389-F6A7348BCC38}"/>
          </ac:spMkLst>
        </pc:spChg>
        <pc:spChg chg="mod">
          <ac:chgData name="White, Alex" userId="eff6cc8c-37d8-483b-9c6c-6b27e9afa9bc" providerId="ADAL" clId="{BF04C754-5BF4-4E83-9615-DB14FA25AF8A}" dt="2023-10-12T11:38:42.377" v="307"/>
          <ac:spMkLst>
            <pc:docMk/>
            <pc:sldMk cId="2376958513" sldId="260"/>
            <ac:spMk id="14496" creationId="{3E273AB0-5429-95F8-073F-1187F889487C}"/>
          </ac:spMkLst>
        </pc:spChg>
        <pc:spChg chg="mod">
          <ac:chgData name="White, Alex" userId="eff6cc8c-37d8-483b-9c6c-6b27e9afa9bc" providerId="ADAL" clId="{BF04C754-5BF4-4E83-9615-DB14FA25AF8A}" dt="2023-10-12T11:38:42.377" v="307"/>
          <ac:spMkLst>
            <pc:docMk/>
            <pc:sldMk cId="2376958513" sldId="260"/>
            <ac:spMk id="14497" creationId="{107D13B5-3F04-3197-7F66-CF0F97492D5B}"/>
          </ac:spMkLst>
        </pc:spChg>
        <pc:spChg chg="mod">
          <ac:chgData name="White, Alex" userId="eff6cc8c-37d8-483b-9c6c-6b27e9afa9bc" providerId="ADAL" clId="{BF04C754-5BF4-4E83-9615-DB14FA25AF8A}" dt="2023-10-12T11:38:42.377" v="307"/>
          <ac:spMkLst>
            <pc:docMk/>
            <pc:sldMk cId="2376958513" sldId="260"/>
            <ac:spMk id="14498" creationId="{2A831EA0-3C2A-4894-30E7-0CFD4ABD363C}"/>
          </ac:spMkLst>
        </pc:spChg>
        <pc:spChg chg="mod">
          <ac:chgData name="White, Alex" userId="eff6cc8c-37d8-483b-9c6c-6b27e9afa9bc" providerId="ADAL" clId="{BF04C754-5BF4-4E83-9615-DB14FA25AF8A}" dt="2023-10-12T11:38:42.377" v="307"/>
          <ac:spMkLst>
            <pc:docMk/>
            <pc:sldMk cId="2376958513" sldId="260"/>
            <ac:spMk id="14499" creationId="{FAEAB29C-06B9-8EBC-2255-91AC2974968C}"/>
          </ac:spMkLst>
        </pc:spChg>
        <pc:spChg chg="mod">
          <ac:chgData name="White, Alex" userId="eff6cc8c-37d8-483b-9c6c-6b27e9afa9bc" providerId="ADAL" clId="{BF04C754-5BF4-4E83-9615-DB14FA25AF8A}" dt="2023-10-12T11:38:42.377" v="307"/>
          <ac:spMkLst>
            <pc:docMk/>
            <pc:sldMk cId="2376958513" sldId="260"/>
            <ac:spMk id="14500" creationId="{EBF787F2-D1A8-3161-BA7F-6CFE38C64E58}"/>
          </ac:spMkLst>
        </pc:spChg>
        <pc:spChg chg="mod">
          <ac:chgData name="White, Alex" userId="eff6cc8c-37d8-483b-9c6c-6b27e9afa9bc" providerId="ADAL" clId="{BF04C754-5BF4-4E83-9615-DB14FA25AF8A}" dt="2023-10-12T11:38:42.377" v="307"/>
          <ac:spMkLst>
            <pc:docMk/>
            <pc:sldMk cId="2376958513" sldId="260"/>
            <ac:spMk id="14501" creationId="{BC6D46BE-45A1-6AF3-B131-B3A1274A73C2}"/>
          </ac:spMkLst>
        </pc:spChg>
        <pc:spChg chg="mod">
          <ac:chgData name="White, Alex" userId="eff6cc8c-37d8-483b-9c6c-6b27e9afa9bc" providerId="ADAL" clId="{BF04C754-5BF4-4E83-9615-DB14FA25AF8A}" dt="2023-10-12T11:38:42.377" v="307"/>
          <ac:spMkLst>
            <pc:docMk/>
            <pc:sldMk cId="2376958513" sldId="260"/>
            <ac:spMk id="14502" creationId="{5EFECCBF-8A34-A8A9-3CE3-A7DD745CFF2A}"/>
          </ac:spMkLst>
        </pc:spChg>
        <pc:spChg chg="mod">
          <ac:chgData name="White, Alex" userId="eff6cc8c-37d8-483b-9c6c-6b27e9afa9bc" providerId="ADAL" clId="{BF04C754-5BF4-4E83-9615-DB14FA25AF8A}" dt="2023-10-12T11:38:42.377" v="307"/>
          <ac:spMkLst>
            <pc:docMk/>
            <pc:sldMk cId="2376958513" sldId="260"/>
            <ac:spMk id="14503" creationId="{496AFAB3-146B-CA34-8981-696278DE8CB4}"/>
          </ac:spMkLst>
        </pc:spChg>
        <pc:spChg chg="mod">
          <ac:chgData name="White, Alex" userId="eff6cc8c-37d8-483b-9c6c-6b27e9afa9bc" providerId="ADAL" clId="{BF04C754-5BF4-4E83-9615-DB14FA25AF8A}" dt="2023-10-12T11:38:42.377" v="307"/>
          <ac:spMkLst>
            <pc:docMk/>
            <pc:sldMk cId="2376958513" sldId="260"/>
            <ac:spMk id="14504" creationId="{DAA6019B-D65B-F67B-09CB-86EF16D9B202}"/>
          </ac:spMkLst>
        </pc:spChg>
        <pc:spChg chg="mod">
          <ac:chgData name="White, Alex" userId="eff6cc8c-37d8-483b-9c6c-6b27e9afa9bc" providerId="ADAL" clId="{BF04C754-5BF4-4E83-9615-DB14FA25AF8A}" dt="2023-10-12T11:38:42.377" v="307"/>
          <ac:spMkLst>
            <pc:docMk/>
            <pc:sldMk cId="2376958513" sldId="260"/>
            <ac:spMk id="14505" creationId="{32AEDF3B-7B55-CD13-CCC1-203F08603086}"/>
          </ac:spMkLst>
        </pc:spChg>
        <pc:spChg chg="mod">
          <ac:chgData name="White, Alex" userId="eff6cc8c-37d8-483b-9c6c-6b27e9afa9bc" providerId="ADAL" clId="{BF04C754-5BF4-4E83-9615-DB14FA25AF8A}" dt="2023-10-12T11:38:42.377" v="307"/>
          <ac:spMkLst>
            <pc:docMk/>
            <pc:sldMk cId="2376958513" sldId="260"/>
            <ac:spMk id="14506" creationId="{7AA3FE92-5006-AA63-6579-15E6AD01216D}"/>
          </ac:spMkLst>
        </pc:spChg>
        <pc:spChg chg="mod">
          <ac:chgData name="White, Alex" userId="eff6cc8c-37d8-483b-9c6c-6b27e9afa9bc" providerId="ADAL" clId="{BF04C754-5BF4-4E83-9615-DB14FA25AF8A}" dt="2023-10-12T11:38:42.377" v="307"/>
          <ac:spMkLst>
            <pc:docMk/>
            <pc:sldMk cId="2376958513" sldId="260"/>
            <ac:spMk id="14507" creationId="{2188CE17-C014-B0CE-DE18-8BBBCD0521A9}"/>
          </ac:spMkLst>
        </pc:spChg>
        <pc:spChg chg="mod">
          <ac:chgData name="White, Alex" userId="eff6cc8c-37d8-483b-9c6c-6b27e9afa9bc" providerId="ADAL" clId="{BF04C754-5BF4-4E83-9615-DB14FA25AF8A}" dt="2023-10-12T11:38:42.377" v="307"/>
          <ac:spMkLst>
            <pc:docMk/>
            <pc:sldMk cId="2376958513" sldId="260"/>
            <ac:spMk id="14508" creationId="{E1902314-6441-AB7E-7DBF-825C45061692}"/>
          </ac:spMkLst>
        </pc:spChg>
        <pc:spChg chg="mod">
          <ac:chgData name="White, Alex" userId="eff6cc8c-37d8-483b-9c6c-6b27e9afa9bc" providerId="ADAL" clId="{BF04C754-5BF4-4E83-9615-DB14FA25AF8A}" dt="2023-10-12T11:38:42.377" v="307"/>
          <ac:spMkLst>
            <pc:docMk/>
            <pc:sldMk cId="2376958513" sldId="260"/>
            <ac:spMk id="14509" creationId="{A6358701-9B5C-AA5D-CF8B-087AC07F733C}"/>
          </ac:spMkLst>
        </pc:spChg>
        <pc:spChg chg="mod">
          <ac:chgData name="White, Alex" userId="eff6cc8c-37d8-483b-9c6c-6b27e9afa9bc" providerId="ADAL" clId="{BF04C754-5BF4-4E83-9615-DB14FA25AF8A}" dt="2023-10-12T11:38:42.377" v="307"/>
          <ac:spMkLst>
            <pc:docMk/>
            <pc:sldMk cId="2376958513" sldId="260"/>
            <ac:spMk id="14510" creationId="{2040B7E3-EF44-7437-992F-E0423061DB4A}"/>
          </ac:spMkLst>
        </pc:spChg>
        <pc:spChg chg="mod">
          <ac:chgData name="White, Alex" userId="eff6cc8c-37d8-483b-9c6c-6b27e9afa9bc" providerId="ADAL" clId="{BF04C754-5BF4-4E83-9615-DB14FA25AF8A}" dt="2023-10-12T11:38:42.377" v="307"/>
          <ac:spMkLst>
            <pc:docMk/>
            <pc:sldMk cId="2376958513" sldId="260"/>
            <ac:spMk id="14511" creationId="{E5E5CBA3-4087-23F9-AB80-814DA408630E}"/>
          </ac:spMkLst>
        </pc:spChg>
        <pc:spChg chg="mod">
          <ac:chgData name="White, Alex" userId="eff6cc8c-37d8-483b-9c6c-6b27e9afa9bc" providerId="ADAL" clId="{BF04C754-5BF4-4E83-9615-DB14FA25AF8A}" dt="2023-10-12T11:38:42.377" v="307"/>
          <ac:spMkLst>
            <pc:docMk/>
            <pc:sldMk cId="2376958513" sldId="260"/>
            <ac:spMk id="14512" creationId="{0A85F388-F6D7-4BA5-3370-014A3734D7A6}"/>
          </ac:spMkLst>
        </pc:spChg>
        <pc:spChg chg="mod">
          <ac:chgData name="White, Alex" userId="eff6cc8c-37d8-483b-9c6c-6b27e9afa9bc" providerId="ADAL" clId="{BF04C754-5BF4-4E83-9615-DB14FA25AF8A}" dt="2023-10-12T11:38:42.377" v="307"/>
          <ac:spMkLst>
            <pc:docMk/>
            <pc:sldMk cId="2376958513" sldId="260"/>
            <ac:spMk id="14513" creationId="{BED16E5F-07B7-C6DE-2FBA-071CCFB28041}"/>
          </ac:spMkLst>
        </pc:spChg>
        <pc:spChg chg="mod">
          <ac:chgData name="White, Alex" userId="eff6cc8c-37d8-483b-9c6c-6b27e9afa9bc" providerId="ADAL" clId="{BF04C754-5BF4-4E83-9615-DB14FA25AF8A}" dt="2023-10-12T11:38:42.377" v="307"/>
          <ac:spMkLst>
            <pc:docMk/>
            <pc:sldMk cId="2376958513" sldId="260"/>
            <ac:spMk id="14514" creationId="{A5F50BC0-0F76-E2D0-8C74-167943422B62}"/>
          </ac:spMkLst>
        </pc:spChg>
        <pc:spChg chg="mod">
          <ac:chgData name="White, Alex" userId="eff6cc8c-37d8-483b-9c6c-6b27e9afa9bc" providerId="ADAL" clId="{BF04C754-5BF4-4E83-9615-DB14FA25AF8A}" dt="2023-10-12T11:38:42.377" v="307"/>
          <ac:spMkLst>
            <pc:docMk/>
            <pc:sldMk cId="2376958513" sldId="260"/>
            <ac:spMk id="14515" creationId="{EF4FA009-AC8B-F8D5-82F1-48BC52230BE1}"/>
          </ac:spMkLst>
        </pc:spChg>
        <pc:spChg chg="mod">
          <ac:chgData name="White, Alex" userId="eff6cc8c-37d8-483b-9c6c-6b27e9afa9bc" providerId="ADAL" clId="{BF04C754-5BF4-4E83-9615-DB14FA25AF8A}" dt="2023-10-12T11:38:42.377" v="307"/>
          <ac:spMkLst>
            <pc:docMk/>
            <pc:sldMk cId="2376958513" sldId="260"/>
            <ac:spMk id="14516" creationId="{18B9A771-EEA3-3D25-8C34-FB542FA5F42C}"/>
          </ac:spMkLst>
        </pc:spChg>
        <pc:spChg chg="mod">
          <ac:chgData name="White, Alex" userId="eff6cc8c-37d8-483b-9c6c-6b27e9afa9bc" providerId="ADAL" clId="{BF04C754-5BF4-4E83-9615-DB14FA25AF8A}" dt="2023-10-12T11:38:42.377" v="307"/>
          <ac:spMkLst>
            <pc:docMk/>
            <pc:sldMk cId="2376958513" sldId="260"/>
            <ac:spMk id="14517" creationId="{903EC2C5-281B-E4CA-4EF3-128A0DF6DFC7}"/>
          </ac:spMkLst>
        </pc:spChg>
        <pc:spChg chg="mod">
          <ac:chgData name="White, Alex" userId="eff6cc8c-37d8-483b-9c6c-6b27e9afa9bc" providerId="ADAL" clId="{BF04C754-5BF4-4E83-9615-DB14FA25AF8A}" dt="2023-10-12T11:38:42.377" v="307"/>
          <ac:spMkLst>
            <pc:docMk/>
            <pc:sldMk cId="2376958513" sldId="260"/>
            <ac:spMk id="14518" creationId="{12600970-1737-A48D-2115-53C8BECF77F1}"/>
          </ac:spMkLst>
        </pc:spChg>
        <pc:spChg chg="mod">
          <ac:chgData name="White, Alex" userId="eff6cc8c-37d8-483b-9c6c-6b27e9afa9bc" providerId="ADAL" clId="{BF04C754-5BF4-4E83-9615-DB14FA25AF8A}" dt="2023-10-12T11:38:42.377" v="307"/>
          <ac:spMkLst>
            <pc:docMk/>
            <pc:sldMk cId="2376958513" sldId="260"/>
            <ac:spMk id="14519" creationId="{F1974EEA-315D-567E-317B-2FB7BA023822}"/>
          </ac:spMkLst>
        </pc:spChg>
        <pc:spChg chg="mod">
          <ac:chgData name="White, Alex" userId="eff6cc8c-37d8-483b-9c6c-6b27e9afa9bc" providerId="ADAL" clId="{BF04C754-5BF4-4E83-9615-DB14FA25AF8A}" dt="2023-10-12T11:38:42.377" v="307"/>
          <ac:spMkLst>
            <pc:docMk/>
            <pc:sldMk cId="2376958513" sldId="260"/>
            <ac:spMk id="14520" creationId="{E220ED85-370B-6023-3D10-3807A0A20D73}"/>
          </ac:spMkLst>
        </pc:spChg>
        <pc:spChg chg="mod">
          <ac:chgData name="White, Alex" userId="eff6cc8c-37d8-483b-9c6c-6b27e9afa9bc" providerId="ADAL" clId="{BF04C754-5BF4-4E83-9615-DB14FA25AF8A}" dt="2023-10-12T11:38:42.377" v="307"/>
          <ac:spMkLst>
            <pc:docMk/>
            <pc:sldMk cId="2376958513" sldId="260"/>
            <ac:spMk id="14521" creationId="{A0D77CB2-F85E-0D9D-158F-5B7E53F5F9E5}"/>
          </ac:spMkLst>
        </pc:spChg>
        <pc:spChg chg="mod">
          <ac:chgData name="White, Alex" userId="eff6cc8c-37d8-483b-9c6c-6b27e9afa9bc" providerId="ADAL" clId="{BF04C754-5BF4-4E83-9615-DB14FA25AF8A}" dt="2023-10-12T11:38:42.377" v="307"/>
          <ac:spMkLst>
            <pc:docMk/>
            <pc:sldMk cId="2376958513" sldId="260"/>
            <ac:spMk id="14522" creationId="{292B9B3D-15CA-3977-D80D-21793D54D071}"/>
          </ac:spMkLst>
        </pc:spChg>
        <pc:spChg chg="mod">
          <ac:chgData name="White, Alex" userId="eff6cc8c-37d8-483b-9c6c-6b27e9afa9bc" providerId="ADAL" clId="{BF04C754-5BF4-4E83-9615-DB14FA25AF8A}" dt="2023-10-12T11:38:42.377" v="307"/>
          <ac:spMkLst>
            <pc:docMk/>
            <pc:sldMk cId="2376958513" sldId="260"/>
            <ac:spMk id="14523" creationId="{98C11EF8-A0DA-7F6C-6EA5-3A6CDC4C59A7}"/>
          </ac:spMkLst>
        </pc:spChg>
        <pc:spChg chg="mod">
          <ac:chgData name="White, Alex" userId="eff6cc8c-37d8-483b-9c6c-6b27e9afa9bc" providerId="ADAL" clId="{BF04C754-5BF4-4E83-9615-DB14FA25AF8A}" dt="2023-10-12T11:38:42.377" v="307"/>
          <ac:spMkLst>
            <pc:docMk/>
            <pc:sldMk cId="2376958513" sldId="260"/>
            <ac:spMk id="14524" creationId="{A8993532-3E61-3B1D-77B0-7EC4728F1E15}"/>
          </ac:spMkLst>
        </pc:spChg>
        <pc:spChg chg="mod">
          <ac:chgData name="White, Alex" userId="eff6cc8c-37d8-483b-9c6c-6b27e9afa9bc" providerId="ADAL" clId="{BF04C754-5BF4-4E83-9615-DB14FA25AF8A}" dt="2023-10-12T11:38:42.377" v="307"/>
          <ac:spMkLst>
            <pc:docMk/>
            <pc:sldMk cId="2376958513" sldId="260"/>
            <ac:spMk id="14525" creationId="{BCE7D0C8-ED98-8DCE-33F0-30C84CA7A7DA}"/>
          </ac:spMkLst>
        </pc:spChg>
        <pc:spChg chg="mod">
          <ac:chgData name="White, Alex" userId="eff6cc8c-37d8-483b-9c6c-6b27e9afa9bc" providerId="ADAL" clId="{BF04C754-5BF4-4E83-9615-DB14FA25AF8A}" dt="2023-10-12T11:38:42.377" v="307"/>
          <ac:spMkLst>
            <pc:docMk/>
            <pc:sldMk cId="2376958513" sldId="260"/>
            <ac:spMk id="14526" creationId="{186FE2E4-F821-E6AA-E20C-4589BAF6D4A6}"/>
          </ac:spMkLst>
        </pc:spChg>
        <pc:spChg chg="mod">
          <ac:chgData name="White, Alex" userId="eff6cc8c-37d8-483b-9c6c-6b27e9afa9bc" providerId="ADAL" clId="{BF04C754-5BF4-4E83-9615-DB14FA25AF8A}" dt="2023-10-12T11:38:42.377" v="307"/>
          <ac:spMkLst>
            <pc:docMk/>
            <pc:sldMk cId="2376958513" sldId="260"/>
            <ac:spMk id="14527" creationId="{6E12738E-7607-C161-E794-473BEA8F71EE}"/>
          </ac:spMkLst>
        </pc:spChg>
        <pc:spChg chg="mod">
          <ac:chgData name="White, Alex" userId="eff6cc8c-37d8-483b-9c6c-6b27e9afa9bc" providerId="ADAL" clId="{BF04C754-5BF4-4E83-9615-DB14FA25AF8A}" dt="2023-10-12T11:38:42.377" v="307"/>
          <ac:spMkLst>
            <pc:docMk/>
            <pc:sldMk cId="2376958513" sldId="260"/>
            <ac:spMk id="14528" creationId="{F760A685-6247-0622-2DC0-3B1F77D170D0}"/>
          </ac:spMkLst>
        </pc:spChg>
        <pc:spChg chg="mod">
          <ac:chgData name="White, Alex" userId="eff6cc8c-37d8-483b-9c6c-6b27e9afa9bc" providerId="ADAL" clId="{BF04C754-5BF4-4E83-9615-DB14FA25AF8A}" dt="2023-10-12T11:38:42.377" v="307"/>
          <ac:spMkLst>
            <pc:docMk/>
            <pc:sldMk cId="2376958513" sldId="260"/>
            <ac:spMk id="14529" creationId="{D6125866-EB29-793A-C63C-1E4EFE512D41}"/>
          </ac:spMkLst>
        </pc:spChg>
        <pc:spChg chg="mod">
          <ac:chgData name="White, Alex" userId="eff6cc8c-37d8-483b-9c6c-6b27e9afa9bc" providerId="ADAL" clId="{BF04C754-5BF4-4E83-9615-DB14FA25AF8A}" dt="2023-10-12T11:38:42.377" v="307"/>
          <ac:spMkLst>
            <pc:docMk/>
            <pc:sldMk cId="2376958513" sldId="260"/>
            <ac:spMk id="14530" creationId="{AAAAEC60-B280-1F65-C212-2A70901400E8}"/>
          </ac:spMkLst>
        </pc:spChg>
        <pc:spChg chg="mod">
          <ac:chgData name="White, Alex" userId="eff6cc8c-37d8-483b-9c6c-6b27e9afa9bc" providerId="ADAL" clId="{BF04C754-5BF4-4E83-9615-DB14FA25AF8A}" dt="2023-10-12T11:38:42.377" v="307"/>
          <ac:spMkLst>
            <pc:docMk/>
            <pc:sldMk cId="2376958513" sldId="260"/>
            <ac:spMk id="14531" creationId="{1EB26AF9-9509-4A0A-E76B-C8087D53B431}"/>
          </ac:spMkLst>
        </pc:spChg>
        <pc:spChg chg="mod">
          <ac:chgData name="White, Alex" userId="eff6cc8c-37d8-483b-9c6c-6b27e9afa9bc" providerId="ADAL" clId="{BF04C754-5BF4-4E83-9615-DB14FA25AF8A}" dt="2023-10-12T11:38:42.377" v="307"/>
          <ac:spMkLst>
            <pc:docMk/>
            <pc:sldMk cId="2376958513" sldId="260"/>
            <ac:spMk id="14532" creationId="{73FDFF0D-89DB-B761-DC95-9FAAEC3D7739}"/>
          </ac:spMkLst>
        </pc:spChg>
        <pc:spChg chg="mod">
          <ac:chgData name="White, Alex" userId="eff6cc8c-37d8-483b-9c6c-6b27e9afa9bc" providerId="ADAL" clId="{BF04C754-5BF4-4E83-9615-DB14FA25AF8A}" dt="2023-10-12T11:38:42.377" v="307"/>
          <ac:spMkLst>
            <pc:docMk/>
            <pc:sldMk cId="2376958513" sldId="260"/>
            <ac:spMk id="14533" creationId="{2C87D52D-9BDC-771B-C646-AC2F62027F79}"/>
          </ac:spMkLst>
        </pc:spChg>
        <pc:spChg chg="mod">
          <ac:chgData name="White, Alex" userId="eff6cc8c-37d8-483b-9c6c-6b27e9afa9bc" providerId="ADAL" clId="{BF04C754-5BF4-4E83-9615-DB14FA25AF8A}" dt="2023-10-12T11:38:42.377" v="307"/>
          <ac:spMkLst>
            <pc:docMk/>
            <pc:sldMk cId="2376958513" sldId="260"/>
            <ac:spMk id="14534" creationId="{2C16E4DB-A681-1ED1-1895-7EC53146D62B}"/>
          </ac:spMkLst>
        </pc:spChg>
        <pc:spChg chg="mod">
          <ac:chgData name="White, Alex" userId="eff6cc8c-37d8-483b-9c6c-6b27e9afa9bc" providerId="ADAL" clId="{BF04C754-5BF4-4E83-9615-DB14FA25AF8A}" dt="2023-10-12T11:38:42.377" v="307"/>
          <ac:spMkLst>
            <pc:docMk/>
            <pc:sldMk cId="2376958513" sldId="260"/>
            <ac:spMk id="14535" creationId="{EE104A63-EC70-EB19-4F89-01465782A793}"/>
          </ac:spMkLst>
        </pc:spChg>
        <pc:spChg chg="mod">
          <ac:chgData name="White, Alex" userId="eff6cc8c-37d8-483b-9c6c-6b27e9afa9bc" providerId="ADAL" clId="{BF04C754-5BF4-4E83-9615-DB14FA25AF8A}" dt="2023-10-12T11:38:42.377" v="307"/>
          <ac:spMkLst>
            <pc:docMk/>
            <pc:sldMk cId="2376958513" sldId="260"/>
            <ac:spMk id="14536" creationId="{7CEAB0D1-E4D3-4637-E1F9-2249C4250298}"/>
          </ac:spMkLst>
        </pc:spChg>
        <pc:spChg chg="mod">
          <ac:chgData name="White, Alex" userId="eff6cc8c-37d8-483b-9c6c-6b27e9afa9bc" providerId="ADAL" clId="{BF04C754-5BF4-4E83-9615-DB14FA25AF8A}" dt="2023-10-12T11:38:42.377" v="307"/>
          <ac:spMkLst>
            <pc:docMk/>
            <pc:sldMk cId="2376958513" sldId="260"/>
            <ac:spMk id="14537" creationId="{28E79BEA-1AD0-FF74-33B1-F797DC1FAD5E}"/>
          </ac:spMkLst>
        </pc:spChg>
        <pc:spChg chg="mod">
          <ac:chgData name="White, Alex" userId="eff6cc8c-37d8-483b-9c6c-6b27e9afa9bc" providerId="ADAL" clId="{BF04C754-5BF4-4E83-9615-DB14FA25AF8A}" dt="2023-10-12T11:38:42.377" v="307"/>
          <ac:spMkLst>
            <pc:docMk/>
            <pc:sldMk cId="2376958513" sldId="260"/>
            <ac:spMk id="14538" creationId="{E6240747-4248-09D1-F3A7-3B75B652492E}"/>
          </ac:spMkLst>
        </pc:spChg>
        <pc:spChg chg="mod">
          <ac:chgData name="White, Alex" userId="eff6cc8c-37d8-483b-9c6c-6b27e9afa9bc" providerId="ADAL" clId="{BF04C754-5BF4-4E83-9615-DB14FA25AF8A}" dt="2023-10-12T11:38:42.377" v="307"/>
          <ac:spMkLst>
            <pc:docMk/>
            <pc:sldMk cId="2376958513" sldId="260"/>
            <ac:spMk id="14539" creationId="{E9F34995-67C7-AEC9-EE0D-F93CB5B81F0B}"/>
          </ac:spMkLst>
        </pc:spChg>
        <pc:spChg chg="mod">
          <ac:chgData name="White, Alex" userId="eff6cc8c-37d8-483b-9c6c-6b27e9afa9bc" providerId="ADAL" clId="{BF04C754-5BF4-4E83-9615-DB14FA25AF8A}" dt="2023-10-12T11:38:42.377" v="307"/>
          <ac:spMkLst>
            <pc:docMk/>
            <pc:sldMk cId="2376958513" sldId="260"/>
            <ac:spMk id="14540" creationId="{B2A56F37-C880-5F85-0862-BCA5280E2814}"/>
          </ac:spMkLst>
        </pc:spChg>
        <pc:spChg chg="mod">
          <ac:chgData name="White, Alex" userId="eff6cc8c-37d8-483b-9c6c-6b27e9afa9bc" providerId="ADAL" clId="{BF04C754-5BF4-4E83-9615-DB14FA25AF8A}" dt="2023-10-12T11:38:42.377" v="307"/>
          <ac:spMkLst>
            <pc:docMk/>
            <pc:sldMk cId="2376958513" sldId="260"/>
            <ac:spMk id="14541" creationId="{CF2B6E4A-BBCF-6737-C16E-6537A76C0581}"/>
          </ac:spMkLst>
        </pc:spChg>
        <pc:spChg chg="mod">
          <ac:chgData name="White, Alex" userId="eff6cc8c-37d8-483b-9c6c-6b27e9afa9bc" providerId="ADAL" clId="{BF04C754-5BF4-4E83-9615-DB14FA25AF8A}" dt="2023-10-12T11:38:42.377" v="307"/>
          <ac:spMkLst>
            <pc:docMk/>
            <pc:sldMk cId="2376958513" sldId="260"/>
            <ac:spMk id="14542" creationId="{10B6750D-19DE-C3E5-2AFA-0C6020DEEBA4}"/>
          </ac:spMkLst>
        </pc:spChg>
        <pc:spChg chg="mod">
          <ac:chgData name="White, Alex" userId="eff6cc8c-37d8-483b-9c6c-6b27e9afa9bc" providerId="ADAL" clId="{BF04C754-5BF4-4E83-9615-DB14FA25AF8A}" dt="2023-10-12T11:38:42.377" v="307"/>
          <ac:spMkLst>
            <pc:docMk/>
            <pc:sldMk cId="2376958513" sldId="260"/>
            <ac:spMk id="14543" creationId="{230EC63C-952E-71F8-FC54-C1695412216F}"/>
          </ac:spMkLst>
        </pc:spChg>
        <pc:spChg chg="mod">
          <ac:chgData name="White, Alex" userId="eff6cc8c-37d8-483b-9c6c-6b27e9afa9bc" providerId="ADAL" clId="{BF04C754-5BF4-4E83-9615-DB14FA25AF8A}" dt="2023-10-12T11:38:42.377" v="307"/>
          <ac:spMkLst>
            <pc:docMk/>
            <pc:sldMk cId="2376958513" sldId="260"/>
            <ac:spMk id="14544" creationId="{5AD22152-95D0-5BB4-893F-561715A46969}"/>
          </ac:spMkLst>
        </pc:spChg>
        <pc:spChg chg="mod">
          <ac:chgData name="White, Alex" userId="eff6cc8c-37d8-483b-9c6c-6b27e9afa9bc" providerId="ADAL" clId="{BF04C754-5BF4-4E83-9615-DB14FA25AF8A}" dt="2023-10-12T11:38:42.377" v="307"/>
          <ac:spMkLst>
            <pc:docMk/>
            <pc:sldMk cId="2376958513" sldId="260"/>
            <ac:spMk id="14545" creationId="{225092B3-8983-B17F-B157-7C26F905A6C0}"/>
          </ac:spMkLst>
        </pc:spChg>
        <pc:spChg chg="mod">
          <ac:chgData name="White, Alex" userId="eff6cc8c-37d8-483b-9c6c-6b27e9afa9bc" providerId="ADAL" clId="{BF04C754-5BF4-4E83-9615-DB14FA25AF8A}" dt="2023-10-12T11:38:42.377" v="307"/>
          <ac:spMkLst>
            <pc:docMk/>
            <pc:sldMk cId="2376958513" sldId="260"/>
            <ac:spMk id="14546" creationId="{FFC4290C-9E1D-37DB-C71B-9033FB6F1FBD}"/>
          </ac:spMkLst>
        </pc:spChg>
        <pc:spChg chg="mod">
          <ac:chgData name="White, Alex" userId="eff6cc8c-37d8-483b-9c6c-6b27e9afa9bc" providerId="ADAL" clId="{BF04C754-5BF4-4E83-9615-DB14FA25AF8A}" dt="2023-10-12T11:38:42.377" v="307"/>
          <ac:spMkLst>
            <pc:docMk/>
            <pc:sldMk cId="2376958513" sldId="260"/>
            <ac:spMk id="14547" creationId="{AD618DB9-49D9-752E-0CEE-8C06315436BE}"/>
          </ac:spMkLst>
        </pc:spChg>
        <pc:spChg chg="mod">
          <ac:chgData name="White, Alex" userId="eff6cc8c-37d8-483b-9c6c-6b27e9afa9bc" providerId="ADAL" clId="{BF04C754-5BF4-4E83-9615-DB14FA25AF8A}" dt="2023-10-12T11:38:42.377" v="307"/>
          <ac:spMkLst>
            <pc:docMk/>
            <pc:sldMk cId="2376958513" sldId="260"/>
            <ac:spMk id="14548" creationId="{86053098-8274-1D8A-81C2-A402CDF6132E}"/>
          </ac:spMkLst>
        </pc:spChg>
        <pc:spChg chg="mod">
          <ac:chgData name="White, Alex" userId="eff6cc8c-37d8-483b-9c6c-6b27e9afa9bc" providerId="ADAL" clId="{BF04C754-5BF4-4E83-9615-DB14FA25AF8A}" dt="2023-10-12T11:38:42.377" v="307"/>
          <ac:spMkLst>
            <pc:docMk/>
            <pc:sldMk cId="2376958513" sldId="260"/>
            <ac:spMk id="14549" creationId="{6EEEF7B0-F8A4-B945-A732-A9F3DED673C3}"/>
          </ac:spMkLst>
        </pc:spChg>
        <pc:spChg chg="mod">
          <ac:chgData name="White, Alex" userId="eff6cc8c-37d8-483b-9c6c-6b27e9afa9bc" providerId="ADAL" clId="{BF04C754-5BF4-4E83-9615-DB14FA25AF8A}" dt="2023-10-12T11:38:42.377" v="307"/>
          <ac:spMkLst>
            <pc:docMk/>
            <pc:sldMk cId="2376958513" sldId="260"/>
            <ac:spMk id="14550" creationId="{BDA30E0F-1BD6-7459-36F0-F44B3C67C6B0}"/>
          </ac:spMkLst>
        </pc:spChg>
        <pc:spChg chg="mod">
          <ac:chgData name="White, Alex" userId="eff6cc8c-37d8-483b-9c6c-6b27e9afa9bc" providerId="ADAL" clId="{BF04C754-5BF4-4E83-9615-DB14FA25AF8A}" dt="2023-10-12T11:38:42.377" v="307"/>
          <ac:spMkLst>
            <pc:docMk/>
            <pc:sldMk cId="2376958513" sldId="260"/>
            <ac:spMk id="14551" creationId="{B8099D1C-B03B-C171-14B1-C7B711CD83DA}"/>
          </ac:spMkLst>
        </pc:spChg>
        <pc:spChg chg="mod">
          <ac:chgData name="White, Alex" userId="eff6cc8c-37d8-483b-9c6c-6b27e9afa9bc" providerId="ADAL" clId="{BF04C754-5BF4-4E83-9615-DB14FA25AF8A}" dt="2023-10-12T11:38:42.377" v="307"/>
          <ac:spMkLst>
            <pc:docMk/>
            <pc:sldMk cId="2376958513" sldId="260"/>
            <ac:spMk id="14552" creationId="{073DD191-8D12-B2C3-24C2-0CA62793D0D8}"/>
          </ac:spMkLst>
        </pc:spChg>
        <pc:spChg chg="mod">
          <ac:chgData name="White, Alex" userId="eff6cc8c-37d8-483b-9c6c-6b27e9afa9bc" providerId="ADAL" clId="{BF04C754-5BF4-4E83-9615-DB14FA25AF8A}" dt="2023-10-12T11:38:42.377" v="307"/>
          <ac:spMkLst>
            <pc:docMk/>
            <pc:sldMk cId="2376958513" sldId="260"/>
            <ac:spMk id="14553" creationId="{4EF54F9A-F5E0-6C45-79A4-B62AA771FB2F}"/>
          </ac:spMkLst>
        </pc:spChg>
        <pc:spChg chg="mod">
          <ac:chgData name="White, Alex" userId="eff6cc8c-37d8-483b-9c6c-6b27e9afa9bc" providerId="ADAL" clId="{BF04C754-5BF4-4E83-9615-DB14FA25AF8A}" dt="2023-10-12T11:38:42.377" v="307"/>
          <ac:spMkLst>
            <pc:docMk/>
            <pc:sldMk cId="2376958513" sldId="260"/>
            <ac:spMk id="14554" creationId="{EEB8FBA6-14E4-150B-7CE9-D57926933854}"/>
          </ac:spMkLst>
        </pc:spChg>
        <pc:spChg chg="mod">
          <ac:chgData name="White, Alex" userId="eff6cc8c-37d8-483b-9c6c-6b27e9afa9bc" providerId="ADAL" clId="{BF04C754-5BF4-4E83-9615-DB14FA25AF8A}" dt="2023-10-12T11:38:42.377" v="307"/>
          <ac:spMkLst>
            <pc:docMk/>
            <pc:sldMk cId="2376958513" sldId="260"/>
            <ac:spMk id="14555" creationId="{5A5ABAB8-ACD3-2CFB-8F28-F075F46A0662}"/>
          </ac:spMkLst>
        </pc:spChg>
        <pc:spChg chg="mod">
          <ac:chgData name="White, Alex" userId="eff6cc8c-37d8-483b-9c6c-6b27e9afa9bc" providerId="ADAL" clId="{BF04C754-5BF4-4E83-9615-DB14FA25AF8A}" dt="2023-10-12T11:38:42.377" v="307"/>
          <ac:spMkLst>
            <pc:docMk/>
            <pc:sldMk cId="2376958513" sldId="260"/>
            <ac:spMk id="14556" creationId="{252BFD10-927E-EC5E-430B-5C65BEACB8ED}"/>
          </ac:spMkLst>
        </pc:spChg>
        <pc:spChg chg="mod">
          <ac:chgData name="White, Alex" userId="eff6cc8c-37d8-483b-9c6c-6b27e9afa9bc" providerId="ADAL" clId="{BF04C754-5BF4-4E83-9615-DB14FA25AF8A}" dt="2023-10-12T11:38:42.377" v="307"/>
          <ac:spMkLst>
            <pc:docMk/>
            <pc:sldMk cId="2376958513" sldId="260"/>
            <ac:spMk id="14557" creationId="{31260B07-D595-D164-8D72-BC2B45932AD5}"/>
          </ac:spMkLst>
        </pc:spChg>
        <pc:spChg chg="mod">
          <ac:chgData name="White, Alex" userId="eff6cc8c-37d8-483b-9c6c-6b27e9afa9bc" providerId="ADAL" clId="{BF04C754-5BF4-4E83-9615-DB14FA25AF8A}" dt="2023-10-12T11:38:42.377" v="307"/>
          <ac:spMkLst>
            <pc:docMk/>
            <pc:sldMk cId="2376958513" sldId="260"/>
            <ac:spMk id="14558" creationId="{B7E3744C-CCF5-9F6B-3D69-7103805BC68C}"/>
          </ac:spMkLst>
        </pc:spChg>
        <pc:spChg chg="mod">
          <ac:chgData name="White, Alex" userId="eff6cc8c-37d8-483b-9c6c-6b27e9afa9bc" providerId="ADAL" clId="{BF04C754-5BF4-4E83-9615-DB14FA25AF8A}" dt="2023-10-12T11:38:42.377" v="307"/>
          <ac:spMkLst>
            <pc:docMk/>
            <pc:sldMk cId="2376958513" sldId="260"/>
            <ac:spMk id="14559" creationId="{67F8E1F7-B87B-A141-9B70-FEAE052C1E88}"/>
          </ac:spMkLst>
        </pc:spChg>
        <pc:spChg chg="mod">
          <ac:chgData name="White, Alex" userId="eff6cc8c-37d8-483b-9c6c-6b27e9afa9bc" providerId="ADAL" clId="{BF04C754-5BF4-4E83-9615-DB14FA25AF8A}" dt="2023-10-12T11:38:42.377" v="307"/>
          <ac:spMkLst>
            <pc:docMk/>
            <pc:sldMk cId="2376958513" sldId="260"/>
            <ac:spMk id="14560" creationId="{9E6C562C-77FA-B3C8-7FEE-392A8D1A7407}"/>
          </ac:spMkLst>
        </pc:spChg>
        <pc:spChg chg="mod">
          <ac:chgData name="White, Alex" userId="eff6cc8c-37d8-483b-9c6c-6b27e9afa9bc" providerId="ADAL" clId="{BF04C754-5BF4-4E83-9615-DB14FA25AF8A}" dt="2023-10-12T11:38:42.377" v="307"/>
          <ac:spMkLst>
            <pc:docMk/>
            <pc:sldMk cId="2376958513" sldId="260"/>
            <ac:spMk id="14561" creationId="{ECBEAB42-93A0-0DA9-EE9A-0C8C214F5F3A}"/>
          </ac:spMkLst>
        </pc:spChg>
        <pc:spChg chg="mod">
          <ac:chgData name="White, Alex" userId="eff6cc8c-37d8-483b-9c6c-6b27e9afa9bc" providerId="ADAL" clId="{BF04C754-5BF4-4E83-9615-DB14FA25AF8A}" dt="2023-10-12T11:38:42.377" v="307"/>
          <ac:spMkLst>
            <pc:docMk/>
            <pc:sldMk cId="2376958513" sldId="260"/>
            <ac:spMk id="14562" creationId="{EBC4B281-906E-653D-1C66-AE49F3781CBE}"/>
          </ac:spMkLst>
        </pc:spChg>
        <pc:spChg chg="mod">
          <ac:chgData name="White, Alex" userId="eff6cc8c-37d8-483b-9c6c-6b27e9afa9bc" providerId="ADAL" clId="{BF04C754-5BF4-4E83-9615-DB14FA25AF8A}" dt="2023-10-12T11:38:42.377" v="307"/>
          <ac:spMkLst>
            <pc:docMk/>
            <pc:sldMk cId="2376958513" sldId="260"/>
            <ac:spMk id="14563" creationId="{4BD30815-B28A-2A72-795B-5428A4B8EF7D}"/>
          </ac:spMkLst>
        </pc:spChg>
        <pc:spChg chg="mod">
          <ac:chgData name="White, Alex" userId="eff6cc8c-37d8-483b-9c6c-6b27e9afa9bc" providerId="ADAL" clId="{BF04C754-5BF4-4E83-9615-DB14FA25AF8A}" dt="2023-10-12T11:38:42.377" v="307"/>
          <ac:spMkLst>
            <pc:docMk/>
            <pc:sldMk cId="2376958513" sldId="260"/>
            <ac:spMk id="14564" creationId="{65CA7410-81D3-0CF6-0D57-007254D519F9}"/>
          </ac:spMkLst>
        </pc:spChg>
        <pc:spChg chg="mod">
          <ac:chgData name="White, Alex" userId="eff6cc8c-37d8-483b-9c6c-6b27e9afa9bc" providerId="ADAL" clId="{BF04C754-5BF4-4E83-9615-DB14FA25AF8A}" dt="2023-10-12T11:38:42.377" v="307"/>
          <ac:spMkLst>
            <pc:docMk/>
            <pc:sldMk cId="2376958513" sldId="260"/>
            <ac:spMk id="14565" creationId="{21935F2E-46BF-6358-3BC3-15164B170BF7}"/>
          </ac:spMkLst>
        </pc:spChg>
        <pc:spChg chg="mod">
          <ac:chgData name="White, Alex" userId="eff6cc8c-37d8-483b-9c6c-6b27e9afa9bc" providerId="ADAL" clId="{BF04C754-5BF4-4E83-9615-DB14FA25AF8A}" dt="2023-10-12T11:38:42.377" v="307"/>
          <ac:spMkLst>
            <pc:docMk/>
            <pc:sldMk cId="2376958513" sldId="260"/>
            <ac:spMk id="14566" creationId="{DB4E3FA1-95E5-2D43-4334-A9A49586CFC7}"/>
          </ac:spMkLst>
        </pc:spChg>
        <pc:spChg chg="mod">
          <ac:chgData name="White, Alex" userId="eff6cc8c-37d8-483b-9c6c-6b27e9afa9bc" providerId="ADAL" clId="{BF04C754-5BF4-4E83-9615-DB14FA25AF8A}" dt="2023-10-12T11:38:42.377" v="307"/>
          <ac:spMkLst>
            <pc:docMk/>
            <pc:sldMk cId="2376958513" sldId="260"/>
            <ac:spMk id="14567" creationId="{4F9A23E9-77B1-B33C-7AD5-408EA695A1B5}"/>
          </ac:spMkLst>
        </pc:spChg>
        <pc:spChg chg="mod">
          <ac:chgData name="White, Alex" userId="eff6cc8c-37d8-483b-9c6c-6b27e9afa9bc" providerId="ADAL" clId="{BF04C754-5BF4-4E83-9615-DB14FA25AF8A}" dt="2023-10-12T11:38:42.377" v="307"/>
          <ac:spMkLst>
            <pc:docMk/>
            <pc:sldMk cId="2376958513" sldId="260"/>
            <ac:spMk id="14568" creationId="{D824039B-44ED-069E-FAD9-A30217915E78}"/>
          </ac:spMkLst>
        </pc:spChg>
        <pc:spChg chg="mod">
          <ac:chgData name="White, Alex" userId="eff6cc8c-37d8-483b-9c6c-6b27e9afa9bc" providerId="ADAL" clId="{BF04C754-5BF4-4E83-9615-DB14FA25AF8A}" dt="2023-10-12T11:38:42.377" v="307"/>
          <ac:spMkLst>
            <pc:docMk/>
            <pc:sldMk cId="2376958513" sldId="260"/>
            <ac:spMk id="14569" creationId="{8359A1A1-F1B3-D50E-774E-DF449730E660}"/>
          </ac:spMkLst>
        </pc:spChg>
        <pc:spChg chg="mod">
          <ac:chgData name="White, Alex" userId="eff6cc8c-37d8-483b-9c6c-6b27e9afa9bc" providerId="ADAL" clId="{BF04C754-5BF4-4E83-9615-DB14FA25AF8A}" dt="2023-10-12T11:38:42.377" v="307"/>
          <ac:spMkLst>
            <pc:docMk/>
            <pc:sldMk cId="2376958513" sldId="260"/>
            <ac:spMk id="14570" creationId="{BC013CDD-DE3B-F8F7-8256-2AE443CE34FD}"/>
          </ac:spMkLst>
        </pc:spChg>
        <pc:spChg chg="mod">
          <ac:chgData name="White, Alex" userId="eff6cc8c-37d8-483b-9c6c-6b27e9afa9bc" providerId="ADAL" clId="{BF04C754-5BF4-4E83-9615-DB14FA25AF8A}" dt="2023-10-12T11:38:42.377" v="307"/>
          <ac:spMkLst>
            <pc:docMk/>
            <pc:sldMk cId="2376958513" sldId="260"/>
            <ac:spMk id="14571" creationId="{29BA50B7-71DE-459F-775A-BEC0AC50B926}"/>
          </ac:spMkLst>
        </pc:spChg>
        <pc:spChg chg="mod">
          <ac:chgData name="White, Alex" userId="eff6cc8c-37d8-483b-9c6c-6b27e9afa9bc" providerId="ADAL" clId="{BF04C754-5BF4-4E83-9615-DB14FA25AF8A}" dt="2023-10-12T11:38:42.377" v="307"/>
          <ac:spMkLst>
            <pc:docMk/>
            <pc:sldMk cId="2376958513" sldId="260"/>
            <ac:spMk id="14572" creationId="{44599820-5460-F730-072D-D5E5AA07E5E3}"/>
          </ac:spMkLst>
        </pc:spChg>
        <pc:spChg chg="mod">
          <ac:chgData name="White, Alex" userId="eff6cc8c-37d8-483b-9c6c-6b27e9afa9bc" providerId="ADAL" clId="{BF04C754-5BF4-4E83-9615-DB14FA25AF8A}" dt="2023-10-12T11:38:42.377" v="307"/>
          <ac:spMkLst>
            <pc:docMk/>
            <pc:sldMk cId="2376958513" sldId="260"/>
            <ac:spMk id="14573" creationId="{2F6AC373-27B6-6D8D-85B5-7C7A66E75FF0}"/>
          </ac:spMkLst>
        </pc:spChg>
        <pc:spChg chg="mod">
          <ac:chgData name="White, Alex" userId="eff6cc8c-37d8-483b-9c6c-6b27e9afa9bc" providerId="ADAL" clId="{BF04C754-5BF4-4E83-9615-DB14FA25AF8A}" dt="2023-10-12T11:38:42.377" v="307"/>
          <ac:spMkLst>
            <pc:docMk/>
            <pc:sldMk cId="2376958513" sldId="260"/>
            <ac:spMk id="14574" creationId="{866F9A7E-3134-8E06-4CF8-88A912377C00}"/>
          </ac:spMkLst>
        </pc:spChg>
        <pc:spChg chg="mod">
          <ac:chgData name="White, Alex" userId="eff6cc8c-37d8-483b-9c6c-6b27e9afa9bc" providerId="ADAL" clId="{BF04C754-5BF4-4E83-9615-DB14FA25AF8A}" dt="2023-10-12T11:38:42.377" v="307"/>
          <ac:spMkLst>
            <pc:docMk/>
            <pc:sldMk cId="2376958513" sldId="260"/>
            <ac:spMk id="14575" creationId="{AA5CFC02-97DA-F52A-4837-A77618134530}"/>
          </ac:spMkLst>
        </pc:spChg>
        <pc:spChg chg="mod">
          <ac:chgData name="White, Alex" userId="eff6cc8c-37d8-483b-9c6c-6b27e9afa9bc" providerId="ADAL" clId="{BF04C754-5BF4-4E83-9615-DB14FA25AF8A}" dt="2023-10-12T11:38:42.377" v="307"/>
          <ac:spMkLst>
            <pc:docMk/>
            <pc:sldMk cId="2376958513" sldId="260"/>
            <ac:spMk id="14576" creationId="{56902E88-4A3B-0EEE-9AE0-7FD8C5F9317D}"/>
          </ac:spMkLst>
        </pc:spChg>
        <pc:spChg chg="mod">
          <ac:chgData name="White, Alex" userId="eff6cc8c-37d8-483b-9c6c-6b27e9afa9bc" providerId="ADAL" clId="{BF04C754-5BF4-4E83-9615-DB14FA25AF8A}" dt="2023-10-12T11:38:42.377" v="307"/>
          <ac:spMkLst>
            <pc:docMk/>
            <pc:sldMk cId="2376958513" sldId="260"/>
            <ac:spMk id="14577" creationId="{5CAF8690-E85B-6097-9B3F-60C0E0084954}"/>
          </ac:spMkLst>
        </pc:spChg>
        <pc:spChg chg="mod">
          <ac:chgData name="White, Alex" userId="eff6cc8c-37d8-483b-9c6c-6b27e9afa9bc" providerId="ADAL" clId="{BF04C754-5BF4-4E83-9615-DB14FA25AF8A}" dt="2023-10-12T11:38:42.377" v="307"/>
          <ac:spMkLst>
            <pc:docMk/>
            <pc:sldMk cId="2376958513" sldId="260"/>
            <ac:spMk id="14578" creationId="{FD06F4F7-53A8-0B0B-D2E2-E9F87AEEEDD3}"/>
          </ac:spMkLst>
        </pc:spChg>
        <pc:spChg chg="mod">
          <ac:chgData name="White, Alex" userId="eff6cc8c-37d8-483b-9c6c-6b27e9afa9bc" providerId="ADAL" clId="{BF04C754-5BF4-4E83-9615-DB14FA25AF8A}" dt="2023-10-12T11:38:42.377" v="307"/>
          <ac:spMkLst>
            <pc:docMk/>
            <pc:sldMk cId="2376958513" sldId="260"/>
            <ac:spMk id="14579" creationId="{338F430C-2B8C-B604-C216-DC7211F86114}"/>
          </ac:spMkLst>
        </pc:spChg>
        <pc:spChg chg="mod">
          <ac:chgData name="White, Alex" userId="eff6cc8c-37d8-483b-9c6c-6b27e9afa9bc" providerId="ADAL" clId="{BF04C754-5BF4-4E83-9615-DB14FA25AF8A}" dt="2023-10-12T11:38:42.377" v="307"/>
          <ac:spMkLst>
            <pc:docMk/>
            <pc:sldMk cId="2376958513" sldId="260"/>
            <ac:spMk id="14580" creationId="{16C3B073-6FEE-F6A9-3B1A-E7799D8B17BD}"/>
          </ac:spMkLst>
        </pc:spChg>
        <pc:spChg chg="mod">
          <ac:chgData name="White, Alex" userId="eff6cc8c-37d8-483b-9c6c-6b27e9afa9bc" providerId="ADAL" clId="{BF04C754-5BF4-4E83-9615-DB14FA25AF8A}" dt="2023-10-12T11:38:42.377" v="307"/>
          <ac:spMkLst>
            <pc:docMk/>
            <pc:sldMk cId="2376958513" sldId="260"/>
            <ac:spMk id="14581" creationId="{B554E6E7-F4EB-88FB-D996-B9A5E348A1C4}"/>
          </ac:spMkLst>
        </pc:spChg>
        <pc:spChg chg="mod">
          <ac:chgData name="White, Alex" userId="eff6cc8c-37d8-483b-9c6c-6b27e9afa9bc" providerId="ADAL" clId="{BF04C754-5BF4-4E83-9615-DB14FA25AF8A}" dt="2023-10-12T11:38:42.377" v="307"/>
          <ac:spMkLst>
            <pc:docMk/>
            <pc:sldMk cId="2376958513" sldId="260"/>
            <ac:spMk id="14582" creationId="{C93D8A75-A774-F52B-E881-7E416ED450C0}"/>
          </ac:spMkLst>
        </pc:spChg>
        <pc:spChg chg="mod">
          <ac:chgData name="White, Alex" userId="eff6cc8c-37d8-483b-9c6c-6b27e9afa9bc" providerId="ADAL" clId="{BF04C754-5BF4-4E83-9615-DB14FA25AF8A}" dt="2023-10-12T11:38:42.377" v="307"/>
          <ac:spMkLst>
            <pc:docMk/>
            <pc:sldMk cId="2376958513" sldId="260"/>
            <ac:spMk id="14583" creationId="{AF6245C9-9916-70E6-1896-20CD0D410214}"/>
          </ac:spMkLst>
        </pc:spChg>
        <pc:spChg chg="mod">
          <ac:chgData name="White, Alex" userId="eff6cc8c-37d8-483b-9c6c-6b27e9afa9bc" providerId="ADAL" clId="{BF04C754-5BF4-4E83-9615-DB14FA25AF8A}" dt="2023-10-12T11:38:42.377" v="307"/>
          <ac:spMkLst>
            <pc:docMk/>
            <pc:sldMk cId="2376958513" sldId="260"/>
            <ac:spMk id="14584" creationId="{A98FF170-1589-8E78-C3D0-0F48E852A851}"/>
          </ac:spMkLst>
        </pc:spChg>
        <pc:spChg chg="mod">
          <ac:chgData name="White, Alex" userId="eff6cc8c-37d8-483b-9c6c-6b27e9afa9bc" providerId="ADAL" clId="{BF04C754-5BF4-4E83-9615-DB14FA25AF8A}" dt="2023-10-12T11:38:42.377" v="307"/>
          <ac:spMkLst>
            <pc:docMk/>
            <pc:sldMk cId="2376958513" sldId="260"/>
            <ac:spMk id="14585" creationId="{83C9524C-6D76-C6FE-9340-417EF4126A31}"/>
          </ac:spMkLst>
        </pc:spChg>
        <pc:spChg chg="mod">
          <ac:chgData name="White, Alex" userId="eff6cc8c-37d8-483b-9c6c-6b27e9afa9bc" providerId="ADAL" clId="{BF04C754-5BF4-4E83-9615-DB14FA25AF8A}" dt="2023-10-12T11:38:42.377" v="307"/>
          <ac:spMkLst>
            <pc:docMk/>
            <pc:sldMk cId="2376958513" sldId="260"/>
            <ac:spMk id="14586" creationId="{F24A6070-DF8E-4808-FBF0-64D71F90B075}"/>
          </ac:spMkLst>
        </pc:spChg>
        <pc:spChg chg="mod">
          <ac:chgData name="White, Alex" userId="eff6cc8c-37d8-483b-9c6c-6b27e9afa9bc" providerId="ADAL" clId="{BF04C754-5BF4-4E83-9615-DB14FA25AF8A}" dt="2023-10-12T11:38:42.377" v="307"/>
          <ac:spMkLst>
            <pc:docMk/>
            <pc:sldMk cId="2376958513" sldId="260"/>
            <ac:spMk id="14587" creationId="{1CC7A38B-EAE3-F08B-2F7C-836DB2C46055}"/>
          </ac:spMkLst>
        </pc:spChg>
        <pc:spChg chg="mod">
          <ac:chgData name="White, Alex" userId="eff6cc8c-37d8-483b-9c6c-6b27e9afa9bc" providerId="ADAL" clId="{BF04C754-5BF4-4E83-9615-DB14FA25AF8A}" dt="2023-10-12T11:38:42.377" v="307"/>
          <ac:spMkLst>
            <pc:docMk/>
            <pc:sldMk cId="2376958513" sldId="260"/>
            <ac:spMk id="14588" creationId="{EB2E617B-3A49-F529-3964-0F5C0A4A22C7}"/>
          </ac:spMkLst>
        </pc:spChg>
        <pc:spChg chg="mod">
          <ac:chgData name="White, Alex" userId="eff6cc8c-37d8-483b-9c6c-6b27e9afa9bc" providerId="ADAL" clId="{BF04C754-5BF4-4E83-9615-DB14FA25AF8A}" dt="2023-10-12T11:38:42.377" v="307"/>
          <ac:spMkLst>
            <pc:docMk/>
            <pc:sldMk cId="2376958513" sldId="260"/>
            <ac:spMk id="14589" creationId="{5658BC23-85DA-4C63-721E-D53A78527BE0}"/>
          </ac:spMkLst>
        </pc:spChg>
        <pc:spChg chg="mod">
          <ac:chgData name="White, Alex" userId="eff6cc8c-37d8-483b-9c6c-6b27e9afa9bc" providerId="ADAL" clId="{BF04C754-5BF4-4E83-9615-DB14FA25AF8A}" dt="2023-10-12T11:38:42.377" v="307"/>
          <ac:spMkLst>
            <pc:docMk/>
            <pc:sldMk cId="2376958513" sldId="260"/>
            <ac:spMk id="14590" creationId="{81713566-C3A8-EDA4-5833-5CE624451B35}"/>
          </ac:spMkLst>
        </pc:spChg>
        <pc:spChg chg="mod">
          <ac:chgData name="White, Alex" userId="eff6cc8c-37d8-483b-9c6c-6b27e9afa9bc" providerId="ADAL" clId="{BF04C754-5BF4-4E83-9615-DB14FA25AF8A}" dt="2023-10-12T11:38:42.377" v="307"/>
          <ac:spMkLst>
            <pc:docMk/>
            <pc:sldMk cId="2376958513" sldId="260"/>
            <ac:spMk id="14591" creationId="{BECCCE65-9FF2-3779-7504-10D085408B75}"/>
          </ac:spMkLst>
        </pc:spChg>
        <pc:spChg chg="mod">
          <ac:chgData name="White, Alex" userId="eff6cc8c-37d8-483b-9c6c-6b27e9afa9bc" providerId="ADAL" clId="{BF04C754-5BF4-4E83-9615-DB14FA25AF8A}" dt="2023-10-12T11:38:42.377" v="307"/>
          <ac:spMkLst>
            <pc:docMk/>
            <pc:sldMk cId="2376958513" sldId="260"/>
            <ac:spMk id="14592" creationId="{E970BE0A-FC1B-6E8C-BAB4-93C9675CB656}"/>
          </ac:spMkLst>
        </pc:spChg>
        <pc:spChg chg="mod">
          <ac:chgData name="White, Alex" userId="eff6cc8c-37d8-483b-9c6c-6b27e9afa9bc" providerId="ADAL" clId="{BF04C754-5BF4-4E83-9615-DB14FA25AF8A}" dt="2023-10-12T11:38:42.377" v="307"/>
          <ac:spMkLst>
            <pc:docMk/>
            <pc:sldMk cId="2376958513" sldId="260"/>
            <ac:spMk id="14593" creationId="{47D0466F-CB08-287F-900D-62BA876593DA}"/>
          </ac:spMkLst>
        </pc:spChg>
        <pc:spChg chg="mod">
          <ac:chgData name="White, Alex" userId="eff6cc8c-37d8-483b-9c6c-6b27e9afa9bc" providerId="ADAL" clId="{BF04C754-5BF4-4E83-9615-DB14FA25AF8A}" dt="2023-10-12T11:38:42.377" v="307"/>
          <ac:spMkLst>
            <pc:docMk/>
            <pc:sldMk cId="2376958513" sldId="260"/>
            <ac:spMk id="14594" creationId="{9482EA15-D8F2-8907-CFC6-6E893F3A7EC7}"/>
          </ac:spMkLst>
        </pc:spChg>
        <pc:spChg chg="mod">
          <ac:chgData name="White, Alex" userId="eff6cc8c-37d8-483b-9c6c-6b27e9afa9bc" providerId="ADAL" clId="{BF04C754-5BF4-4E83-9615-DB14FA25AF8A}" dt="2023-10-12T11:38:42.377" v="307"/>
          <ac:spMkLst>
            <pc:docMk/>
            <pc:sldMk cId="2376958513" sldId="260"/>
            <ac:spMk id="14595" creationId="{9D9DE34F-2EB4-5985-BAB5-58A2CA6C2646}"/>
          </ac:spMkLst>
        </pc:spChg>
        <pc:spChg chg="mod">
          <ac:chgData name="White, Alex" userId="eff6cc8c-37d8-483b-9c6c-6b27e9afa9bc" providerId="ADAL" clId="{BF04C754-5BF4-4E83-9615-DB14FA25AF8A}" dt="2023-10-12T11:38:42.377" v="307"/>
          <ac:spMkLst>
            <pc:docMk/>
            <pc:sldMk cId="2376958513" sldId="260"/>
            <ac:spMk id="14596" creationId="{72629F1A-5B28-0980-8D82-A8510DC9A22E}"/>
          </ac:spMkLst>
        </pc:spChg>
        <pc:spChg chg="mod">
          <ac:chgData name="White, Alex" userId="eff6cc8c-37d8-483b-9c6c-6b27e9afa9bc" providerId="ADAL" clId="{BF04C754-5BF4-4E83-9615-DB14FA25AF8A}" dt="2023-10-12T11:38:42.377" v="307"/>
          <ac:spMkLst>
            <pc:docMk/>
            <pc:sldMk cId="2376958513" sldId="260"/>
            <ac:spMk id="14597" creationId="{BA7B5B10-C905-01A4-E50C-787FB184D188}"/>
          </ac:spMkLst>
        </pc:spChg>
        <pc:spChg chg="mod">
          <ac:chgData name="White, Alex" userId="eff6cc8c-37d8-483b-9c6c-6b27e9afa9bc" providerId="ADAL" clId="{BF04C754-5BF4-4E83-9615-DB14FA25AF8A}" dt="2023-10-12T11:38:42.377" v="307"/>
          <ac:spMkLst>
            <pc:docMk/>
            <pc:sldMk cId="2376958513" sldId="260"/>
            <ac:spMk id="14598" creationId="{298BF9B5-A326-A8E3-AFC7-9CF342597A80}"/>
          </ac:spMkLst>
        </pc:spChg>
        <pc:spChg chg="mod">
          <ac:chgData name="White, Alex" userId="eff6cc8c-37d8-483b-9c6c-6b27e9afa9bc" providerId="ADAL" clId="{BF04C754-5BF4-4E83-9615-DB14FA25AF8A}" dt="2023-10-12T11:38:42.377" v="307"/>
          <ac:spMkLst>
            <pc:docMk/>
            <pc:sldMk cId="2376958513" sldId="260"/>
            <ac:spMk id="14599" creationId="{2C7976E9-82CF-F3C5-511B-1952D05658AF}"/>
          </ac:spMkLst>
        </pc:spChg>
        <pc:spChg chg="mod">
          <ac:chgData name="White, Alex" userId="eff6cc8c-37d8-483b-9c6c-6b27e9afa9bc" providerId="ADAL" clId="{BF04C754-5BF4-4E83-9615-DB14FA25AF8A}" dt="2023-10-12T11:38:42.377" v="307"/>
          <ac:spMkLst>
            <pc:docMk/>
            <pc:sldMk cId="2376958513" sldId="260"/>
            <ac:spMk id="14600" creationId="{8AF853E8-E3B4-0BBB-67A1-89A90DD70537}"/>
          </ac:spMkLst>
        </pc:spChg>
        <pc:spChg chg="mod">
          <ac:chgData name="White, Alex" userId="eff6cc8c-37d8-483b-9c6c-6b27e9afa9bc" providerId="ADAL" clId="{BF04C754-5BF4-4E83-9615-DB14FA25AF8A}" dt="2023-10-12T11:38:42.377" v="307"/>
          <ac:spMkLst>
            <pc:docMk/>
            <pc:sldMk cId="2376958513" sldId="260"/>
            <ac:spMk id="14601" creationId="{2485454D-FED3-2742-EBFD-A836C2C8E93D}"/>
          </ac:spMkLst>
        </pc:spChg>
        <pc:spChg chg="mod">
          <ac:chgData name="White, Alex" userId="eff6cc8c-37d8-483b-9c6c-6b27e9afa9bc" providerId="ADAL" clId="{BF04C754-5BF4-4E83-9615-DB14FA25AF8A}" dt="2023-10-12T11:38:42.377" v="307"/>
          <ac:spMkLst>
            <pc:docMk/>
            <pc:sldMk cId="2376958513" sldId="260"/>
            <ac:spMk id="14602" creationId="{598D985C-5A2B-41A9-1B81-E733FB313A8F}"/>
          </ac:spMkLst>
        </pc:spChg>
        <pc:spChg chg="mod">
          <ac:chgData name="White, Alex" userId="eff6cc8c-37d8-483b-9c6c-6b27e9afa9bc" providerId="ADAL" clId="{BF04C754-5BF4-4E83-9615-DB14FA25AF8A}" dt="2023-10-12T11:38:42.377" v="307"/>
          <ac:spMkLst>
            <pc:docMk/>
            <pc:sldMk cId="2376958513" sldId="260"/>
            <ac:spMk id="14603" creationId="{B08E0DB9-1102-C18C-5701-FCF3931C9DFB}"/>
          </ac:spMkLst>
        </pc:spChg>
        <pc:spChg chg="mod">
          <ac:chgData name="White, Alex" userId="eff6cc8c-37d8-483b-9c6c-6b27e9afa9bc" providerId="ADAL" clId="{BF04C754-5BF4-4E83-9615-DB14FA25AF8A}" dt="2023-10-12T11:38:42.377" v="307"/>
          <ac:spMkLst>
            <pc:docMk/>
            <pc:sldMk cId="2376958513" sldId="260"/>
            <ac:spMk id="14604" creationId="{7467AD0A-72AB-A10D-C7C5-99BB611392CD}"/>
          </ac:spMkLst>
        </pc:spChg>
        <pc:spChg chg="mod">
          <ac:chgData name="White, Alex" userId="eff6cc8c-37d8-483b-9c6c-6b27e9afa9bc" providerId="ADAL" clId="{BF04C754-5BF4-4E83-9615-DB14FA25AF8A}" dt="2023-10-12T11:38:42.377" v="307"/>
          <ac:spMkLst>
            <pc:docMk/>
            <pc:sldMk cId="2376958513" sldId="260"/>
            <ac:spMk id="14605" creationId="{E54AF53E-E2E8-AA56-B257-9F17DD81A6A6}"/>
          </ac:spMkLst>
        </pc:spChg>
        <pc:spChg chg="mod">
          <ac:chgData name="White, Alex" userId="eff6cc8c-37d8-483b-9c6c-6b27e9afa9bc" providerId="ADAL" clId="{BF04C754-5BF4-4E83-9615-DB14FA25AF8A}" dt="2023-10-12T11:38:42.377" v="307"/>
          <ac:spMkLst>
            <pc:docMk/>
            <pc:sldMk cId="2376958513" sldId="260"/>
            <ac:spMk id="14606" creationId="{B8CB84D3-2CEE-809D-F5A0-A400F5DA62FF}"/>
          </ac:spMkLst>
        </pc:spChg>
        <pc:spChg chg="mod">
          <ac:chgData name="White, Alex" userId="eff6cc8c-37d8-483b-9c6c-6b27e9afa9bc" providerId="ADAL" clId="{BF04C754-5BF4-4E83-9615-DB14FA25AF8A}" dt="2023-10-12T11:38:42.377" v="307"/>
          <ac:spMkLst>
            <pc:docMk/>
            <pc:sldMk cId="2376958513" sldId="260"/>
            <ac:spMk id="14607" creationId="{094B0B62-9662-0F31-BD69-78F5544EBCB4}"/>
          </ac:spMkLst>
        </pc:spChg>
        <pc:spChg chg="mod">
          <ac:chgData name="White, Alex" userId="eff6cc8c-37d8-483b-9c6c-6b27e9afa9bc" providerId="ADAL" clId="{BF04C754-5BF4-4E83-9615-DB14FA25AF8A}" dt="2023-10-12T11:38:42.377" v="307"/>
          <ac:spMkLst>
            <pc:docMk/>
            <pc:sldMk cId="2376958513" sldId="260"/>
            <ac:spMk id="14608" creationId="{3CCA4ED9-70C1-420D-BE92-AE1BC3D5524D}"/>
          </ac:spMkLst>
        </pc:spChg>
        <pc:spChg chg="mod">
          <ac:chgData name="White, Alex" userId="eff6cc8c-37d8-483b-9c6c-6b27e9afa9bc" providerId="ADAL" clId="{BF04C754-5BF4-4E83-9615-DB14FA25AF8A}" dt="2023-10-12T11:38:42.377" v="307"/>
          <ac:spMkLst>
            <pc:docMk/>
            <pc:sldMk cId="2376958513" sldId="260"/>
            <ac:spMk id="14609" creationId="{561D45DB-9CC0-DF2C-8CDB-EC350815385A}"/>
          </ac:spMkLst>
        </pc:spChg>
        <pc:spChg chg="mod">
          <ac:chgData name="White, Alex" userId="eff6cc8c-37d8-483b-9c6c-6b27e9afa9bc" providerId="ADAL" clId="{BF04C754-5BF4-4E83-9615-DB14FA25AF8A}" dt="2023-10-12T11:38:42.377" v="307"/>
          <ac:spMkLst>
            <pc:docMk/>
            <pc:sldMk cId="2376958513" sldId="260"/>
            <ac:spMk id="14610" creationId="{3C3583C5-BD0A-B095-2592-079641FBDB39}"/>
          </ac:spMkLst>
        </pc:spChg>
        <pc:spChg chg="mod">
          <ac:chgData name="White, Alex" userId="eff6cc8c-37d8-483b-9c6c-6b27e9afa9bc" providerId="ADAL" clId="{BF04C754-5BF4-4E83-9615-DB14FA25AF8A}" dt="2023-10-12T11:38:42.377" v="307"/>
          <ac:spMkLst>
            <pc:docMk/>
            <pc:sldMk cId="2376958513" sldId="260"/>
            <ac:spMk id="14611" creationId="{416FC2B6-3DCC-BCBF-CBEE-014CEE665F03}"/>
          </ac:spMkLst>
        </pc:spChg>
        <pc:spChg chg="mod">
          <ac:chgData name="White, Alex" userId="eff6cc8c-37d8-483b-9c6c-6b27e9afa9bc" providerId="ADAL" clId="{BF04C754-5BF4-4E83-9615-DB14FA25AF8A}" dt="2023-10-12T11:38:42.377" v="307"/>
          <ac:spMkLst>
            <pc:docMk/>
            <pc:sldMk cId="2376958513" sldId="260"/>
            <ac:spMk id="14612" creationId="{A8DD66AA-61E6-F5B4-7735-3B5144C5930B}"/>
          </ac:spMkLst>
        </pc:spChg>
        <pc:spChg chg="mod">
          <ac:chgData name="White, Alex" userId="eff6cc8c-37d8-483b-9c6c-6b27e9afa9bc" providerId="ADAL" clId="{BF04C754-5BF4-4E83-9615-DB14FA25AF8A}" dt="2023-10-12T11:38:42.377" v="307"/>
          <ac:spMkLst>
            <pc:docMk/>
            <pc:sldMk cId="2376958513" sldId="260"/>
            <ac:spMk id="14613" creationId="{40B74C69-08B0-BE50-C591-D023E700396B}"/>
          </ac:spMkLst>
        </pc:spChg>
        <pc:spChg chg="mod">
          <ac:chgData name="White, Alex" userId="eff6cc8c-37d8-483b-9c6c-6b27e9afa9bc" providerId="ADAL" clId="{BF04C754-5BF4-4E83-9615-DB14FA25AF8A}" dt="2023-10-12T11:38:42.377" v="307"/>
          <ac:spMkLst>
            <pc:docMk/>
            <pc:sldMk cId="2376958513" sldId="260"/>
            <ac:spMk id="14614" creationId="{F77DA37A-4F95-CE08-155F-C023E6CB37CD}"/>
          </ac:spMkLst>
        </pc:spChg>
        <pc:spChg chg="mod">
          <ac:chgData name="White, Alex" userId="eff6cc8c-37d8-483b-9c6c-6b27e9afa9bc" providerId="ADAL" clId="{BF04C754-5BF4-4E83-9615-DB14FA25AF8A}" dt="2023-10-12T11:38:42.377" v="307"/>
          <ac:spMkLst>
            <pc:docMk/>
            <pc:sldMk cId="2376958513" sldId="260"/>
            <ac:spMk id="14615" creationId="{C533074C-2FD7-BD38-B4CA-1F0F12F9B46F}"/>
          </ac:spMkLst>
        </pc:spChg>
        <pc:spChg chg="mod">
          <ac:chgData name="White, Alex" userId="eff6cc8c-37d8-483b-9c6c-6b27e9afa9bc" providerId="ADAL" clId="{BF04C754-5BF4-4E83-9615-DB14FA25AF8A}" dt="2023-10-12T11:38:42.377" v="307"/>
          <ac:spMkLst>
            <pc:docMk/>
            <pc:sldMk cId="2376958513" sldId="260"/>
            <ac:spMk id="14616" creationId="{35E8A0E2-29AC-34A0-E23F-798D7B72BBD2}"/>
          </ac:spMkLst>
        </pc:spChg>
        <pc:spChg chg="mod">
          <ac:chgData name="White, Alex" userId="eff6cc8c-37d8-483b-9c6c-6b27e9afa9bc" providerId="ADAL" clId="{BF04C754-5BF4-4E83-9615-DB14FA25AF8A}" dt="2023-10-12T11:38:42.377" v="307"/>
          <ac:spMkLst>
            <pc:docMk/>
            <pc:sldMk cId="2376958513" sldId="260"/>
            <ac:spMk id="14617" creationId="{8D4082CA-B87E-8355-6CD0-ED2895AB64C7}"/>
          </ac:spMkLst>
        </pc:spChg>
        <pc:spChg chg="mod">
          <ac:chgData name="White, Alex" userId="eff6cc8c-37d8-483b-9c6c-6b27e9afa9bc" providerId="ADAL" clId="{BF04C754-5BF4-4E83-9615-DB14FA25AF8A}" dt="2023-10-12T11:38:42.377" v="307"/>
          <ac:spMkLst>
            <pc:docMk/>
            <pc:sldMk cId="2376958513" sldId="260"/>
            <ac:spMk id="14618" creationId="{0EE7EAF5-250D-2075-7498-FF50DE78508C}"/>
          </ac:spMkLst>
        </pc:spChg>
        <pc:spChg chg="mod">
          <ac:chgData name="White, Alex" userId="eff6cc8c-37d8-483b-9c6c-6b27e9afa9bc" providerId="ADAL" clId="{BF04C754-5BF4-4E83-9615-DB14FA25AF8A}" dt="2023-10-12T11:38:42.377" v="307"/>
          <ac:spMkLst>
            <pc:docMk/>
            <pc:sldMk cId="2376958513" sldId="260"/>
            <ac:spMk id="14619" creationId="{ACE68B29-75C2-8C02-D48D-6D174C1C2FAC}"/>
          </ac:spMkLst>
        </pc:spChg>
        <pc:spChg chg="mod">
          <ac:chgData name="White, Alex" userId="eff6cc8c-37d8-483b-9c6c-6b27e9afa9bc" providerId="ADAL" clId="{BF04C754-5BF4-4E83-9615-DB14FA25AF8A}" dt="2023-10-12T11:38:42.377" v="307"/>
          <ac:spMkLst>
            <pc:docMk/>
            <pc:sldMk cId="2376958513" sldId="260"/>
            <ac:spMk id="14620" creationId="{ECD34B2A-55EF-8654-703D-2719F8F58E85}"/>
          </ac:spMkLst>
        </pc:spChg>
        <pc:spChg chg="mod">
          <ac:chgData name="White, Alex" userId="eff6cc8c-37d8-483b-9c6c-6b27e9afa9bc" providerId="ADAL" clId="{BF04C754-5BF4-4E83-9615-DB14FA25AF8A}" dt="2023-10-12T11:38:42.377" v="307"/>
          <ac:spMkLst>
            <pc:docMk/>
            <pc:sldMk cId="2376958513" sldId="260"/>
            <ac:spMk id="14621" creationId="{E18B72BB-8E16-BEA8-DB41-F1F5E48C0A9C}"/>
          </ac:spMkLst>
        </pc:spChg>
        <pc:spChg chg="mod">
          <ac:chgData name="White, Alex" userId="eff6cc8c-37d8-483b-9c6c-6b27e9afa9bc" providerId="ADAL" clId="{BF04C754-5BF4-4E83-9615-DB14FA25AF8A}" dt="2023-10-12T11:38:42.377" v="307"/>
          <ac:spMkLst>
            <pc:docMk/>
            <pc:sldMk cId="2376958513" sldId="260"/>
            <ac:spMk id="14622" creationId="{C4C3E973-FCDC-AB22-F154-8126AD4F577D}"/>
          </ac:spMkLst>
        </pc:spChg>
        <pc:spChg chg="mod">
          <ac:chgData name="White, Alex" userId="eff6cc8c-37d8-483b-9c6c-6b27e9afa9bc" providerId="ADAL" clId="{BF04C754-5BF4-4E83-9615-DB14FA25AF8A}" dt="2023-10-12T11:38:42.377" v="307"/>
          <ac:spMkLst>
            <pc:docMk/>
            <pc:sldMk cId="2376958513" sldId="260"/>
            <ac:spMk id="14623" creationId="{E76A224D-5199-9749-8C2D-802D37A3E656}"/>
          </ac:spMkLst>
        </pc:spChg>
        <pc:spChg chg="mod">
          <ac:chgData name="White, Alex" userId="eff6cc8c-37d8-483b-9c6c-6b27e9afa9bc" providerId="ADAL" clId="{BF04C754-5BF4-4E83-9615-DB14FA25AF8A}" dt="2023-10-12T11:38:42.377" v="307"/>
          <ac:spMkLst>
            <pc:docMk/>
            <pc:sldMk cId="2376958513" sldId="260"/>
            <ac:spMk id="14624" creationId="{A92DE700-8E98-9AC9-0263-4697438A6452}"/>
          </ac:spMkLst>
        </pc:spChg>
        <pc:spChg chg="mod">
          <ac:chgData name="White, Alex" userId="eff6cc8c-37d8-483b-9c6c-6b27e9afa9bc" providerId="ADAL" clId="{BF04C754-5BF4-4E83-9615-DB14FA25AF8A}" dt="2023-10-12T11:38:42.377" v="307"/>
          <ac:spMkLst>
            <pc:docMk/>
            <pc:sldMk cId="2376958513" sldId="260"/>
            <ac:spMk id="14625" creationId="{E93BEF16-FD33-8186-2BE1-CE72A470E713}"/>
          </ac:spMkLst>
        </pc:spChg>
        <pc:spChg chg="mod">
          <ac:chgData name="White, Alex" userId="eff6cc8c-37d8-483b-9c6c-6b27e9afa9bc" providerId="ADAL" clId="{BF04C754-5BF4-4E83-9615-DB14FA25AF8A}" dt="2023-10-12T11:38:42.377" v="307"/>
          <ac:spMkLst>
            <pc:docMk/>
            <pc:sldMk cId="2376958513" sldId="260"/>
            <ac:spMk id="14626" creationId="{23336F29-8A09-7D87-721A-B095960B9D46}"/>
          </ac:spMkLst>
        </pc:spChg>
        <pc:spChg chg="mod">
          <ac:chgData name="White, Alex" userId="eff6cc8c-37d8-483b-9c6c-6b27e9afa9bc" providerId="ADAL" clId="{BF04C754-5BF4-4E83-9615-DB14FA25AF8A}" dt="2023-10-12T11:38:42.377" v="307"/>
          <ac:spMkLst>
            <pc:docMk/>
            <pc:sldMk cId="2376958513" sldId="260"/>
            <ac:spMk id="14627" creationId="{E7922089-31AB-8EFF-A79A-E38DC54A9B93}"/>
          </ac:spMkLst>
        </pc:spChg>
        <pc:spChg chg="mod">
          <ac:chgData name="White, Alex" userId="eff6cc8c-37d8-483b-9c6c-6b27e9afa9bc" providerId="ADAL" clId="{BF04C754-5BF4-4E83-9615-DB14FA25AF8A}" dt="2023-10-12T11:38:42.377" v="307"/>
          <ac:spMkLst>
            <pc:docMk/>
            <pc:sldMk cId="2376958513" sldId="260"/>
            <ac:spMk id="14628" creationId="{A3D01ADA-59EF-BBFA-4B28-9C6EE9C65740}"/>
          </ac:spMkLst>
        </pc:spChg>
        <pc:spChg chg="mod">
          <ac:chgData name="White, Alex" userId="eff6cc8c-37d8-483b-9c6c-6b27e9afa9bc" providerId="ADAL" clId="{BF04C754-5BF4-4E83-9615-DB14FA25AF8A}" dt="2023-10-12T11:38:42.377" v="307"/>
          <ac:spMkLst>
            <pc:docMk/>
            <pc:sldMk cId="2376958513" sldId="260"/>
            <ac:spMk id="14629" creationId="{5B0D4983-E7AC-1D78-2962-2B0698BACCD2}"/>
          </ac:spMkLst>
        </pc:spChg>
        <pc:spChg chg="mod">
          <ac:chgData name="White, Alex" userId="eff6cc8c-37d8-483b-9c6c-6b27e9afa9bc" providerId="ADAL" clId="{BF04C754-5BF4-4E83-9615-DB14FA25AF8A}" dt="2023-10-12T11:38:42.377" v="307"/>
          <ac:spMkLst>
            <pc:docMk/>
            <pc:sldMk cId="2376958513" sldId="260"/>
            <ac:spMk id="14630" creationId="{53488F73-1298-0AB3-EF79-2C7EDBCAC6F4}"/>
          </ac:spMkLst>
        </pc:spChg>
        <pc:spChg chg="mod">
          <ac:chgData name="White, Alex" userId="eff6cc8c-37d8-483b-9c6c-6b27e9afa9bc" providerId="ADAL" clId="{BF04C754-5BF4-4E83-9615-DB14FA25AF8A}" dt="2023-10-12T11:38:42.377" v="307"/>
          <ac:spMkLst>
            <pc:docMk/>
            <pc:sldMk cId="2376958513" sldId="260"/>
            <ac:spMk id="14631" creationId="{1866B92E-FAC1-C4FB-D6F2-E00E19794C78}"/>
          </ac:spMkLst>
        </pc:spChg>
        <pc:spChg chg="mod">
          <ac:chgData name="White, Alex" userId="eff6cc8c-37d8-483b-9c6c-6b27e9afa9bc" providerId="ADAL" clId="{BF04C754-5BF4-4E83-9615-DB14FA25AF8A}" dt="2023-10-12T11:38:42.377" v="307"/>
          <ac:spMkLst>
            <pc:docMk/>
            <pc:sldMk cId="2376958513" sldId="260"/>
            <ac:spMk id="14632" creationId="{7BF85732-612E-0E80-CA60-2C8BE24F9105}"/>
          </ac:spMkLst>
        </pc:spChg>
        <pc:spChg chg="mod">
          <ac:chgData name="White, Alex" userId="eff6cc8c-37d8-483b-9c6c-6b27e9afa9bc" providerId="ADAL" clId="{BF04C754-5BF4-4E83-9615-DB14FA25AF8A}" dt="2023-10-12T11:38:42.377" v="307"/>
          <ac:spMkLst>
            <pc:docMk/>
            <pc:sldMk cId="2376958513" sldId="260"/>
            <ac:spMk id="14633" creationId="{2922D96F-DD8B-2E0A-AE17-DDFB6724A84B}"/>
          </ac:spMkLst>
        </pc:spChg>
        <pc:spChg chg="mod">
          <ac:chgData name="White, Alex" userId="eff6cc8c-37d8-483b-9c6c-6b27e9afa9bc" providerId="ADAL" clId="{BF04C754-5BF4-4E83-9615-DB14FA25AF8A}" dt="2023-10-12T11:38:42.377" v="307"/>
          <ac:spMkLst>
            <pc:docMk/>
            <pc:sldMk cId="2376958513" sldId="260"/>
            <ac:spMk id="14634" creationId="{B604C316-49C9-7B5B-24CB-688E124F01DD}"/>
          </ac:spMkLst>
        </pc:spChg>
        <pc:spChg chg="mod">
          <ac:chgData name="White, Alex" userId="eff6cc8c-37d8-483b-9c6c-6b27e9afa9bc" providerId="ADAL" clId="{BF04C754-5BF4-4E83-9615-DB14FA25AF8A}" dt="2023-10-12T11:38:42.377" v="307"/>
          <ac:spMkLst>
            <pc:docMk/>
            <pc:sldMk cId="2376958513" sldId="260"/>
            <ac:spMk id="14635" creationId="{4D4E8C9F-AE01-075D-E841-1196116400A5}"/>
          </ac:spMkLst>
        </pc:spChg>
        <pc:spChg chg="mod">
          <ac:chgData name="White, Alex" userId="eff6cc8c-37d8-483b-9c6c-6b27e9afa9bc" providerId="ADAL" clId="{BF04C754-5BF4-4E83-9615-DB14FA25AF8A}" dt="2023-10-12T11:38:42.377" v="307"/>
          <ac:spMkLst>
            <pc:docMk/>
            <pc:sldMk cId="2376958513" sldId="260"/>
            <ac:spMk id="14636" creationId="{3E0D93DE-E0BA-7F22-F16A-88DE1A6A9DE3}"/>
          </ac:spMkLst>
        </pc:spChg>
        <pc:spChg chg="mod">
          <ac:chgData name="White, Alex" userId="eff6cc8c-37d8-483b-9c6c-6b27e9afa9bc" providerId="ADAL" clId="{BF04C754-5BF4-4E83-9615-DB14FA25AF8A}" dt="2023-10-12T11:38:42.377" v="307"/>
          <ac:spMkLst>
            <pc:docMk/>
            <pc:sldMk cId="2376958513" sldId="260"/>
            <ac:spMk id="14637" creationId="{32BE9FA8-C8B8-A0EE-5541-277AA36804F8}"/>
          </ac:spMkLst>
        </pc:spChg>
        <pc:spChg chg="mod">
          <ac:chgData name="White, Alex" userId="eff6cc8c-37d8-483b-9c6c-6b27e9afa9bc" providerId="ADAL" clId="{BF04C754-5BF4-4E83-9615-DB14FA25AF8A}" dt="2023-10-12T11:38:42.377" v="307"/>
          <ac:spMkLst>
            <pc:docMk/>
            <pc:sldMk cId="2376958513" sldId="260"/>
            <ac:spMk id="14638" creationId="{79B48A4A-96C8-B471-133E-A9F7370A9309}"/>
          </ac:spMkLst>
        </pc:spChg>
        <pc:spChg chg="mod">
          <ac:chgData name="White, Alex" userId="eff6cc8c-37d8-483b-9c6c-6b27e9afa9bc" providerId="ADAL" clId="{BF04C754-5BF4-4E83-9615-DB14FA25AF8A}" dt="2023-10-12T11:38:42.377" v="307"/>
          <ac:spMkLst>
            <pc:docMk/>
            <pc:sldMk cId="2376958513" sldId="260"/>
            <ac:spMk id="14639" creationId="{E57B3B75-2537-8A86-E098-C4AEECF8EA72}"/>
          </ac:spMkLst>
        </pc:spChg>
        <pc:spChg chg="mod">
          <ac:chgData name="White, Alex" userId="eff6cc8c-37d8-483b-9c6c-6b27e9afa9bc" providerId="ADAL" clId="{BF04C754-5BF4-4E83-9615-DB14FA25AF8A}" dt="2023-10-12T11:38:42.377" v="307"/>
          <ac:spMkLst>
            <pc:docMk/>
            <pc:sldMk cId="2376958513" sldId="260"/>
            <ac:spMk id="14640" creationId="{A072BD0F-803F-5788-678C-572E3423C463}"/>
          </ac:spMkLst>
        </pc:spChg>
        <pc:spChg chg="mod">
          <ac:chgData name="White, Alex" userId="eff6cc8c-37d8-483b-9c6c-6b27e9afa9bc" providerId="ADAL" clId="{BF04C754-5BF4-4E83-9615-DB14FA25AF8A}" dt="2023-10-12T11:38:42.377" v="307"/>
          <ac:spMkLst>
            <pc:docMk/>
            <pc:sldMk cId="2376958513" sldId="260"/>
            <ac:spMk id="14641" creationId="{782DA4D8-CD08-4926-EB48-7ACFCB3ADACD}"/>
          </ac:spMkLst>
        </pc:spChg>
        <pc:spChg chg="mod">
          <ac:chgData name="White, Alex" userId="eff6cc8c-37d8-483b-9c6c-6b27e9afa9bc" providerId="ADAL" clId="{BF04C754-5BF4-4E83-9615-DB14FA25AF8A}" dt="2023-10-12T11:38:42.377" v="307"/>
          <ac:spMkLst>
            <pc:docMk/>
            <pc:sldMk cId="2376958513" sldId="260"/>
            <ac:spMk id="14642" creationId="{9BC53F8C-2534-1598-538C-F738D3E350BD}"/>
          </ac:spMkLst>
        </pc:spChg>
        <pc:spChg chg="mod">
          <ac:chgData name="White, Alex" userId="eff6cc8c-37d8-483b-9c6c-6b27e9afa9bc" providerId="ADAL" clId="{BF04C754-5BF4-4E83-9615-DB14FA25AF8A}" dt="2023-10-12T11:38:42.377" v="307"/>
          <ac:spMkLst>
            <pc:docMk/>
            <pc:sldMk cId="2376958513" sldId="260"/>
            <ac:spMk id="14643" creationId="{D7494FB2-FDE0-4340-1983-36E8DB1EC584}"/>
          </ac:spMkLst>
        </pc:spChg>
        <pc:spChg chg="mod">
          <ac:chgData name="White, Alex" userId="eff6cc8c-37d8-483b-9c6c-6b27e9afa9bc" providerId="ADAL" clId="{BF04C754-5BF4-4E83-9615-DB14FA25AF8A}" dt="2023-10-12T11:38:42.377" v="307"/>
          <ac:spMkLst>
            <pc:docMk/>
            <pc:sldMk cId="2376958513" sldId="260"/>
            <ac:spMk id="14644" creationId="{E93DB892-2E4A-0032-F7D2-BD149F6C2812}"/>
          </ac:spMkLst>
        </pc:spChg>
        <pc:spChg chg="mod">
          <ac:chgData name="White, Alex" userId="eff6cc8c-37d8-483b-9c6c-6b27e9afa9bc" providerId="ADAL" clId="{BF04C754-5BF4-4E83-9615-DB14FA25AF8A}" dt="2023-10-12T11:38:42.377" v="307"/>
          <ac:spMkLst>
            <pc:docMk/>
            <pc:sldMk cId="2376958513" sldId="260"/>
            <ac:spMk id="14645" creationId="{2156D4CA-F525-6AAE-B8F9-C6D1DCA72F8A}"/>
          </ac:spMkLst>
        </pc:spChg>
        <pc:spChg chg="mod">
          <ac:chgData name="White, Alex" userId="eff6cc8c-37d8-483b-9c6c-6b27e9afa9bc" providerId="ADAL" clId="{BF04C754-5BF4-4E83-9615-DB14FA25AF8A}" dt="2023-10-12T11:38:42.377" v="307"/>
          <ac:spMkLst>
            <pc:docMk/>
            <pc:sldMk cId="2376958513" sldId="260"/>
            <ac:spMk id="14646" creationId="{99C0EEAA-A7A5-D881-69EB-C67C9BDCC67E}"/>
          </ac:spMkLst>
        </pc:spChg>
        <pc:spChg chg="mod">
          <ac:chgData name="White, Alex" userId="eff6cc8c-37d8-483b-9c6c-6b27e9afa9bc" providerId="ADAL" clId="{BF04C754-5BF4-4E83-9615-DB14FA25AF8A}" dt="2023-10-12T11:38:42.377" v="307"/>
          <ac:spMkLst>
            <pc:docMk/>
            <pc:sldMk cId="2376958513" sldId="260"/>
            <ac:spMk id="14647" creationId="{5B78E471-CCA4-413D-3B15-4FF49914F966}"/>
          </ac:spMkLst>
        </pc:spChg>
        <pc:spChg chg="mod">
          <ac:chgData name="White, Alex" userId="eff6cc8c-37d8-483b-9c6c-6b27e9afa9bc" providerId="ADAL" clId="{BF04C754-5BF4-4E83-9615-DB14FA25AF8A}" dt="2023-10-12T11:38:42.377" v="307"/>
          <ac:spMkLst>
            <pc:docMk/>
            <pc:sldMk cId="2376958513" sldId="260"/>
            <ac:spMk id="14648" creationId="{767FAA79-E644-8C6B-062F-BCEDE4AF7874}"/>
          </ac:spMkLst>
        </pc:spChg>
        <pc:spChg chg="mod">
          <ac:chgData name="White, Alex" userId="eff6cc8c-37d8-483b-9c6c-6b27e9afa9bc" providerId="ADAL" clId="{BF04C754-5BF4-4E83-9615-DB14FA25AF8A}" dt="2023-10-12T11:38:42.377" v="307"/>
          <ac:spMkLst>
            <pc:docMk/>
            <pc:sldMk cId="2376958513" sldId="260"/>
            <ac:spMk id="14649" creationId="{1AD86BBF-2E9E-6EA8-57C8-19AC46505A91}"/>
          </ac:spMkLst>
        </pc:spChg>
        <pc:spChg chg="mod">
          <ac:chgData name="White, Alex" userId="eff6cc8c-37d8-483b-9c6c-6b27e9afa9bc" providerId="ADAL" clId="{BF04C754-5BF4-4E83-9615-DB14FA25AF8A}" dt="2023-10-12T11:38:42.377" v="307"/>
          <ac:spMkLst>
            <pc:docMk/>
            <pc:sldMk cId="2376958513" sldId="260"/>
            <ac:spMk id="14650" creationId="{C2586720-76DC-6322-1C48-3F1D6963F3B2}"/>
          </ac:spMkLst>
        </pc:spChg>
        <pc:spChg chg="mod">
          <ac:chgData name="White, Alex" userId="eff6cc8c-37d8-483b-9c6c-6b27e9afa9bc" providerId="ADAL" clId="{BF04C754-5BF4-4E83-9615-DB14FA25AF8A}" dt="2023-10-12T11:38:42.377" v="307"/>
          <ac:spMkLst>
            <pc:docMk/>
            <pc:sldMk cId="2376958513" sldId="260"/>
            <ac:spMk id="14651" creationId="{324E8621-A8CC-2BA8-1BAF-40F6321BE4A9}"/>
          </ac:spMkLst>
        </pc:spChg>
        <pc:spChg chg="mod">
          <ac:chgData name="White, Alex" userId="eff6cc8c-37d8-483b-9c6c-6b27e9afa9bc" providerId="ADAL" clId="{BF04C754-5BF4-4E83-9615-DB14FA25AF8A}" dt="2023-10-12T11:38:42.377" v="307"/>
          <ac:spMkLst>
            <pc:docMk/>
            <pc:sldMk cId="2376958513" sldId="260"/>
            <ac:spMk id="14652" creationId="{1BB80D1A-3872-EDEE-72CD-BCCE7B29EDDB}"/>
          </ac:spMkLst>
        </pc:spChg>
        <pc:spChg chg="mod">
          <ac:chgData name="White, Alex" userId="eff6cc8c-37d8-483b-9c6c-6b27e9afa9bc" providerId="ADAL" clId="{BF04C754-5BF4-4E83-9615-DB14FA25AF8A}" dt="2023-10-12T11:38:42.377" v="307"/>
          <ac:spMkLst>
            <pc:docMk/>
            <pc:sldMk cId="2376958513" sldId="260"/>
            <ac:spMk id="14653" creationId="{FC630AFD-7E2C-6CE8-9F24-DCB8A9623C87}"/>
          </ac:spMkLst>
        </pc:spChg>
        <pc:spChg chg="mod">
          <ac:chgData name="White, Alex" userId="eff6cc8c-37d8-483b-9c6c-6b27e9afa9bc" providerId="ADAL" clId="{BF04C754-5BF4-4E83-9615-DB14FA25AF8A}" dt="2023-10-12T11:38:42.377" v="307"/>
          <ac:spMkLst>
            <pc:docMk/>
            <pc:sldMk cId="2376958513" sldId="260"/>
            <ac:spMk id="14654" creationId="{09C6CCEA-23B6-6543-9413-A3AE6FAF71F4}"/>
          </ac:spMkLst>
        </pc:spChg>
        <pc:spChg chg="mod">
          <ac:chgData name="White, Alex" userId="eff6cc8c-37d8-483b-9c6c-6b27e9afa9bc" providerId="ADAL" clId="{BF04C754-5BF4-4E83-9615-DB14FA25AF8A}" dt="2023-10-12T11:38:42.377" v="307"/>
          <ac:spMkLst>
            <pc:docMk/>
            <pc:sldMk cId="2376958513" sldId="260"/>
            <ac:spMk id="14655" creationId="{B6FF862B-8AE2-8456-D391-89424D586929}"/>
          </ac:spMkLst>
        </pc:spChg>
        <pc:spChg chg="mod">
          <ac:chgData name="White, Alex" userId="eff6cc8c-37d8-483b-9c6c-6b27e9afa9bc" providerId="ADAL" clId="{BF04C754-5BF4-4E83-9615-DB14FA25AF8A}" dt="2023-10-12T11:38:42.377" v="307"/>
          <ac:spMkLst>
            <pc:docMk/>
            <pc:sldMk cId="2376958513" sldId="260"/>
            <ac:spMk id="14656" creationId="{5CB3B796-3D8B-0ABB-7F58-00E614B6E13F}"/>
          </ac:spMkLst>
        </pc:spChg>
        <pc:spChg chg="mod">
          <ac:chgData name="White, Alex" userId="eff6cc8c-37d8-483b-9c6c-6b27e9afa9bc" providerId="ADAL" clId="{BF04C754-5BF4-4E83-9615-DB14FA25AF8A}" dt="2023-10-12T11:38:42.377" v="307"/>
          <ac:spMkLst>
            <pc:docMk/>
            <pc:sldMk cId="2376958513" sldId="260"/>
            <ac:spMk id="14657" creationId="{6B1CA41E-F62B-AE07-9180-A600714F25DD}"/>
          </ac:spMkLst>
        </pc:spChg>
        <pc:spChg chg="mod">
          <ac:chgData name="White, Alex" userId="eff6cc8c-37d8-483b-9c6c-6b27e9afa9bc" providerId="ADAL" clId="{BF04C754-5BF4-4E83-9615-DB14FA25AF8A}" dt="2023-10-12T11:38:42.377" v="307"/>
          <ac:spMkLst>
            <pc:docMk/>
            <pc:sldMk cId="2376958513" sldId="260"/>
            <ac:spMk id="14658" creationId="{DB583388-1EE2-CA92-050C-F7CC086F707E}"/>
          </ac:spMkLst>
        </pc:spChg>
        <pc:spChg chg="mod">
          <ac:chgData name="White, Alex" userId="eff6cc8c-37d8-483b-9c6c-6b27e9afa9bc" providerId="ADAL" clId="{BF04C754-5BF4-4E83-9615-DB14FA25AF8A}" dt="2023-10-12T11:38:42.377" v="307"/>
          <ac:spMkLst>
            <pc:docMk/>
            <pc:sldMk cId="2376958513" sldId="260"/>
            <ac:spMk id="14659" creationId="{F09FDC99-3548-401D-AE0F-117358BF95E6}"/>
          </ac:spMkLst>
        </pc:spChg>
        <pc:spChg chg="mod">
          <ac:chgData name="White, Alex" userId="eff6cc8c-37d8-483b-9c6c-6b27e9afa9bc" providerId="ADAL" clId="{BF04C754-5BF4-4E83-9615-DB14FA25AF8A}" dt="2023-10-12T11:38:42.377" v="307"/>
          <ac:spMkLst>
            <pc:docMk/>
            <pc:sldMk cId="2376958513" sldId="260"/>
            <ac:spMk id="14660" creationId="{12CCF3A3-B8A1-6EAA-B81F-2B1A59F5D4B6}"/>
          </ac:spMkLst>
        </pc:spChg>
        <pc:spChg chg="mod">
          <ac:chgData name="White, Alex" userId="eff6cc8c-37d8-483b-9c6c-6b27e9afa9bc" providerId="ADAL" clId="{BF04C754-5BF4-4E83-9615-DB14FA25AF8A}" dt="2023-10-12T11:38:42.377" v="307"/>
          <ac:spMkLst>
            <pc:docMk/>
            <pc:sldMk cId="2376958513" sldId="260"/>
            <ac:spMk id="14661" creationId="{223C5FFE-0DD7-4FBE-53B6-5DC2EC1C3CCE}"/>
          </ac:spMkLst>
        </pc:spChg>
        <pc:spChg chg="mod">
          <ac:chgData name="White, Alex" userId="eff6cc8c-37d8-483b-9c6c-6b27e9afa9bc" providerId="ADAL" clId="{BF04C754-5BF4-4E83-9615-DB14FA25AF8A}" dt="2023-10-12T11:38:42.377" v="307"/>
          <ac:spMkLst>
            <pc:docMk/>
            <pc:sldMk cId="2376958513" sldId="260"/>
            <ac:spMk id="14662" creationId="{5FA19C53-C24D-8DB3-B473-5A1B74FBF67D}"/>
          </ac:spMkLst>
        </pc:spChg>
        <pc:spChg chg="mod">
          <ac:chgData name="White, Alex" userId="eff6cc8c-37d8-483b-9c6c-6b27e9afa9bc" providerId="ADAL" clId="{BF04C754-5BF4-4E83-9615-DB14FA25AF8A}" dt="2023-10-12T11:38:42.377" v="307"/>
          <ac:spMkLst>
            <pc:docMk/>
            <pc:sldMk cId="2376958513" sldId="260"/>
            <ac:spMk id="14663" creationId="{CB2CB9EF-2B07-726B-AD0B-E113061990EE}"/>
          </ac:spMkLst>
        </pc:spChg>
        <pc:spChg chg="mod">
          <ac:chgData name="White, Alex" userId="eff6cc8c-37d8-483b-9c6c-6b27e9afa9bc" providerId="ADAL" clId="{BF04C754-5BF4-4E83-9615-DB14FA25AF8A}" dt="2023-10-12T11:38:42.377" v="307"/>
          <ac:spMkLst>
            <pc:docMk/>
            <pc:sldMk cId="2376958513" sldId="260"/>
            <ac:spMk id="14664" creationId="{13818E8A-9FDA-3610-945D-BAC6F961C673}"/>
          </ac:spMkLst>
        </pc:spChg>
        <pc:spChg chg="mod">
          <ac:chgData name="White, Alex" userId="eff6cc8c-37d8-483b-9c6c-6b27e9afa9bc" providerId="ADAL" clId="{BF04C754-5BF4-4E83-9615-DB14FA25AF8A}" dt="2023-10-12T11:38:42.377" v="307"/>
          <ac:spMkLst>
            <pc:docMk/>
            <pc:sldMk cId="2376958513" sldId="260"/>
            <ac:spMk id="14665" creationId="{87615AA3-DECF-949B-D6D3-FA0816844CFB}"/>
          </ac:spMkLst>
        </pc:spChg>
        <pc:spChg chg="mod">
          <ac:chgData name="White, Alex" userId="eff6cc8c-37d8-483b-9c6c-6b27e9afa9bc" providerId="ADAL" clId="{BF04C754-5BF4-4E83-9615-DB14FA25AF8A}" dt="2023-10-12T11:38:42.377" v="307"/>
          <ac:spMkLst>
            <pc:docMk/>
            <pc:sldMk cId="2376958513" sldId="260"/>
            <ac:spMk id="14666" creationId="{4A53E226-3B96-D09C-DE02-5E5FE3002535}"/>
          </ac:spMkLst>
        </pc:spChg>
        <pc:spChg chg="mod">
          <ac:chgData name="White, Alex" userId="eff6cc8c-37d8-483b-9c6c-6b27e9afa9bc" providerId="ADAL" clId="{BF04C754-5BF4-4E83-9615-DB14FA25AF8A}" dt="2023-10-12T11:38:42.377" v="307"/>
          <ac:spMkLst>
            <pc:docMk/>
            <pc:sldMk cId="2376958513" sldId="260"/>
            <ac:spMk id="14667" creationId="{46BE7B89-3253-EEE9-29EF-183622E567E2}"/>
          </ac:spMkLst>
        </pc:spChg>
        <pc:spChg chg="mod">
          <ac:chgData name="White, Alex" userId="eff6cc8c-37d8-483b-9c6c-6b27e9afa9bc" providerId="ADAL" clId="{BF04C754-5BF4-4E83-9615-DB14FA25AF8A}" dt="2023-10-12T11:38:42.377" v="307"/>
          <ac:spMkLst>
            <pc:docMk/>
            <pc:sldMk cId="2376958513" sldId="260"/>
            <ac:spMk id="14668" creationId="{6F1CD994-F1AA-B900-A3DC-5529CE691763}"/>
          </ac:spMkLst>
        </pc:spChg>
        <pc:spChg chg="mod">
          <ac:chgData name="White, Alex" userId="eff6cc8c-37d8-483b-9c6c-6b27e9afa9bc" providerId="ADAL" clId="{BF04C754-5BF4-4E83-9615-DB14FA25AF8A}" dt="2023-10-12T11:38:42.377" v="307"/>
          <ac:spMkLst>
            <pc:docMk/>
            <pc:sldMk cId="2376958513" sldId="260"/>
            <ac:spMk id="14669" creationId="{F9DE1572-AC9C-90EC-35AE-829B402C6CDE}"/>
          </ac:spMkLst>
        </pc:spChg>
        <pc:spChg chg="mod">
          <ac:chgData name="White, Alex" userId="eff6cc8c-37d8-483b-9c6c-6b27e9afa9bc" providerId="ADAL" clId="{BF04C754-5BF4-4E83-9615-DB14FA25AF8A}" dt="2023-10-12T11:38:42.377" v="307"/>
          <ac:spMkLst>
            <pc:docMk/>
            <pc:sldMk cId="2376958513" sldId="260"/>
            <ac:spMk id="14670" creationId="{A876CA07-4358-C6F0-101B-1E2987701779}"/>
          </ac:spMkLst>
        </pc:spChg>
        <pc:spChg chg="mod">
          <ac:chgData name="White, Alex" userId="eff6cc8c-37d8-483b-9c6c-6b27e9afa9bc" providerId="ADAL" clId="{BF04C754-5BF4-4E83-9615-DB14FA25AF8A}" dt="2023-10-12T11:38:42.377" v="307"/>
          <ac:spMkLst>
            <pc:docMk/>
            <pc:sldMk cId="2376958513" sldId="260"/>
            <ac:spMk id="14671" creationId="{73E4823F-97AE-42FD-F767-093832289812}"/>
          </ac:spMkLst>
        </pc:spChg>
        <pc:spChg chg="mod">
          <ac:chgData name="White, Alex" userId="eff6cc8c-37d8-483b-9c6c-6b27e9afa9bc" providerId="ADAL" clId="{BF04C754-5BF4-4E83-9615-DB14FA25AF8A}" dt="2023-10-12T11:38:42.377" v="307"/>
          <ac:spMkLst>
            <pc:docMk/>
            <pc:sldMk cId="2376958513" sldId="260"/>
            <ac:spMk id="14672" creationId="{7F35CBA8-EDA7-0463-58B6-C708BAE1C3FE}"/>
          </ac:spMkLst>
        </pc:spChg>
        <pc:spChg chg="mod">
          <ac:chgData name="White, Alex" userId="eff6cc8c-37d8-483b-9c6c-6b27e9afa9bc" providerId="ADAL" clId="{BF04C754-5BF4-4E83-9615-DB14FA25AF8A}" dt="2023-10-12T11:38:42.377" v="307"/>
          <ac:spMkLst>
            <pc:docMk/>
            <pc:sldMk cId="2376958513" sldId="260"/>
            <ac:spMk id="14673" creationId="{BEE47019-733C-9546-DB49-E29421B2DA85}"/>
          </ac:spMkLst>
        </pc:spChg>
        <pc:spChg chg="mod">
          <ac:chgData name="White, Alex" userId="eff6cc8c-37d8-483b-9c6c-6b27e9afa9bc" providerId="ADAL" clId="{BF04C754-5BF4-4E83-9615-DB14FA25AF8A}" dt="2023-10-12T11:38:42.377" v="307"/>
          <ac:spMkLst>
            <pc:docMk/>
            <pc:sldMk cId="2376958513" sldId="260"/>
            <ac:spMk id="14674" creationId="{ACBA5892-FD15-0D9D-2F88-848DCFDA9BBB}"/>
          </ac:spMkLst>
        </pc:spChg>
        <pc:spChg chg="mod">
          <ac:chgData name="White, Alex" userId="eff6cc8c-37d8-483b-9c6c-6b27e9afa9bc" providerId="ADAL" clId="{BF04C754-5BF4-4E83-9615-DB14FA25AF8A}" dt="2023-10-12T11:38:42.377" v="307"/>
          <ac:spMkLst>
            <pc:docMk/>
            <pc:sldMk cId="2376958513" sldId="260"/>
            <ac:spMk id="14675" creationId="{A87D6C4F-8773-9DB0-5D0F-E0E97C10E37B}"/>
          </ac:spMkLst>
        </pc:spChg>
        <pc:spChg chg="mod">
          <ac:chgData name="White, Alex" userId="eff6cc8c-37d8-483b-9c6c-6b27e9afa9bc" providerId="ADAL" clId="{BF04C754-5BF4-4E83-9615-DB14FA25AF8A}" dt="2023-10-12T11:38:42.377" v="307"/>
          <ac:spMkLst>
            <pc:docMk/>
            <pc:sldMk cId="2376958513" sldId="260"/>
            <ac:spMk id="14676" creationId="{D9737A40-D43A-2760-2FC5-3C13B44328D5}"/>
          </ac:spMkLst>
        </pc:spChg>
        <pc:spChg chg="mod">
          <ac:chgData name="White, Alex" userId="eff6cc8c-37d8-483b-9c6c-6b27e9afa9bc" providerId="ADAL" clId="{BF04C754-5BF4-4E83-9615-DB14FA25AF8A}" dt="2023-10-12T11:38:42.377" v="307"/>
          <ac:spMkLst>
            <pc:docMk/>
            <pc:sldMk cId="2376958513" sldId="260"/>
            <ac:spMk id="14677" creationId="{5B81FD77-2ECC-DCDB-F566-41ACB64D256F}"/>
          </ac:spMkLst>
        </pc:spChg>
        <pc:spChg chg="mod">
          <ac:chgData name="White, Alex" userId="eff6cc8c-37d8-483b-9c6c-6b27e9afa9bc" providerId="ADAL" clId="{BF04C754-5BF4-4E83-9615-DB14FA25AF8A}" dt="2023-10-12T11:38:42.377" v="307"/>
          <ac:spMkLst>
            <pc:docMk/>
            <pc:sldMk cId="2376958513" sldId="260"/>
            <ac:spMk id="14678" creationId="{1BF487FC-0567-6431-BFD8-8EC8B03D83B2}"/>
          </ac:spMkLst>
        </pc:spChg>
        <pc:spChg chg="mod">
          <ac:chgData name="White, Alex" userId="eff6cc8c-37d8-483b-9c6c-6b27e9afa9bc" providerId="ADAL" clId="{BF04C754-5BF4-4E83-9615-DB14FA25AF8A}" dt="2023-10-12T11:38:42.377" v="307"/>
          <ac:spMkLst>
            <pc:docMk/>
            <pc:sldMk cId="2376958513" sldId="260"/>
            <ac:spMk id="14679" creationId="{0D035F18-4526-0A09-183E-77F998A2D006}"/>
          </ac:spMkLst>
        </pc:spChg>
        <pc:spChg chg="mod">
          <ac:chgData name="White, Alex" userId="eff6cc8c-37d8-483b-9c6c-6b27e9afa9bc" providerId="ADAL" clId="{BF04C754-5BF4-4E83-9615-DB14FA25AF8A}" dt="2023-10-12T11:38:42.377" v="307"/>
          <ac:spMkLst>
            <pc:docMk/>
            <pc:sldMk cId="2376958513" sldId="260"/>
            <ac:spMk id="14680" creationId="{654882DD-620D-6423-799D-87D5B36EE666}"/>
          </ac:spMkLst>
        </pc:spChg>
        <pc:spChg chg="mod">
          <ac:chgData name="White, Alex" userId="eff6cc8c-37d8-483b-9c6c-6b27e9afa9bc" providerId="ADAL" clId="{BF04C754-5BF4-4E83-9615-DB14FA25AF8A}" dt="2023-10-12T11:38:42.377" v="307"/>
          <ac:spMkLst>
            <pc:docMk/>
            <pc:sldMk cId="2376958513" sldId="260"/>
            <ac:spMk id="14681" creationId="{415970AA-1127-08EB-06B2-42AAEC6B8307}"/>
          </ac:spMkLst>
        </pc:spChg>
        <pc:spChg chg="mod">
          <ac:chgData name="White, Alex" userId="eff6cc8c-37d8-483b-9c6c-6b27e9afa9bc" providerId="ADAL" clId="{BF04C754-5BF4-4E83-9615-DB14FA25AF8A}" dt="2023-10-12T11:38:42.377" v="307"/>
          <ac:spMkLst>
            <pc:docMk/>
            <pc:sldMk cId="2376958513" sldId="260"/>
            <ac:spMk id="14682" creationId="{A138E653-E828-8CA4-BA32-BE425FAEA241}"/>
          </ac:spMkLst>
        </pc:spChg>
        <pc:spChg chg="mod">
          <ac:chgData name="White, Alex" userId="eff6cc8c-37d8-483b-9c6c-6b27e9afa9bc" providerId="ADAL" clId="{BF04C754-5BF4-4E83-9615-DB14FA25AF8A}" dt="2023-10-12T11:38:42.377" v="307"/>
          <ac:spMkLst>
            <pc:docMk/>
            <pc:sldMk cId="2376958513" sldId="260"/>
            <ac:spMk id="14683" creationId="{1FB6A034-1416-C15E-B8CA-9CAF20E071C6}"/>
          </ac:spMkLst>
        </pc:spChg>
        <pc:spChg chg="mod">
          <ac:chgData name="White, Alex" userId="eff6cc8c-37d8-483b-9c6c-6b27e9afa9bc" providerId="ADAL" clId="{BF04C754-5BF4-4E83-9615-DB14FA25AF8A}" dt="2023-10-12T11:38:42.377" v="307"/>
          <ac:spMkLst>
            <pc:docMk/>
            <pc:sldMk cId="2376958513" sldId="260"/>
            <ac:spMk id="14684" creationId="{146349DC-D6EA-D8BE-BA96-9963A8DBD2FE}"/>
          </ac:spMkLst>
        </pc:spChg>
        <pc:spChg chg="mod">
          <ac:chgData name="White, Alex" userId="eff6cc8c-37d8-483b-9c6c-6b27e9afa9bc" providerId="ADAL" clId="{BF04C754-5BF4-4E83-9615-DB14FA25AF8A}" dt="2023-10-12T11:38:42.377" v="307"/>
          <ac:spMkLst>
            <pc:docMk/>
            <pc:sldMk cId="2376958513" sldId="260"/>
            <ac:spMk id="14685" creationId="{0BD1EAF6-5995-881C-A37B-9FBDD64E040D}"/>
          </ac:spMkLst>
        </pc:spChg>
        <pc:spChg chg="mod">
          <ac:chgData name="White, Alex" userId="eff6cc8c-37d8-483b-9c6c-6b27e9afa9bc" providerId="ADAL" clId="{BF04C754-5BF4-4E83-9615-DB14FA25AF8A}" dt="2023-10-12T11:38:42.377" v="307"/>
          <ac:spMkLst>
            <pc:docMk/>
            <pc:sldMk cId="2376958513" sldId="260"/>
            <ac:spMk id="14686" creationId="{64174B58-A367-7D09-714F-2734172902A6}"/>
          </ac:spMkLst>
        </pc:spChg>
        <pc:spChg chg="mod">
          <ac:chgData name="White, Alex" userId="eff6cc8c-37d8-483b-9c6c-6b27e9afa9bc" providerId="ADAL" clId="{BF04C754-5BF4-4E83-9615-DB14FA25AF8A}" dt="2023-10-12T11:38:42.377" v="307"/>
          <ac:spMkLst>
            <pc:docMk/>
            <pc:sldMk cId="2376958513" sldId="260"/>
            <ac:spMk id="14687" creationId="{74C8D2E9-440B-C4F3-246E-60803417E263}"/>
          </ac:spMkLst>
        </pc:spChg>
        <pc:spChg chg="mod">
          <ac:chgData name="White, Alex" userId="eff6cc8c-37d8-483b-9c6c-6b27e9afa9bc" providerId="ADAL" clId="{BF04C754-5BF4-4E83-9615-DB14FA25AF8A}" dt="2023-10-12T11:38:42.377" v="307"/>
          <ac:spMkLst>
            <pc:docMk/>
            <pc:sldMk cId="2376958513" sldId="260"/>
            <ac:spMk id="14688" creationId="{6993C716-9CB2-030A-5B43-CDF06EAEC7C3}"/>
          </ac:spMkLst>
        </pc:spChg>
        <pc:spChg chg="mod">
          <ac:chgData name="White, Alex" userId="eff6cc8c-37d8-483b-9c6c-6b27e9afa9bc" providerId="ADAL" clId="{BF04C754-5BF4-4E83-9615-DB14FA25AF8A}" dt="2023-10-12T11:38:42.377" v="307"/>
          <ac:spMkLst>
            <pc:docMk/>
            <pc:sldMk cId="2376958513" sldId="260"/>
            <ac:spMk id="14689" creationId="{8B372E6F-D817-2821-BD06-EE7A66C02491}"/>
          </ac:spMkLst>
        </pc:spChg>
        <pc:spChg chg="mod">
          <ac:chgData name="White, Alex" userId="eff6cc8c-37d8-483b-9c6c-6b27e9afa9bc" providerId="ADAL" clId="{BF04C754-5BF4-4E83-9615-DB14FA25AF8A}" dt="2023-10-12T11:38:42.377" v="307"/>
          <ac:spMkLst>
            <pc:docMk/>
            <pc:sldMk cId="2376958513" sldId="260"/>
            <ac:spMk id="14690" creationId="{46BC8CB7-23EC-0ED4-3A0A-43E7A44F30C1}"/>
          </ac:spMkLst>
        </pc:spChg>
        <pc:spChg chg="mod">
          <ac:chgData name="White, Alex" userId="eff6cc8c-37d8-483b-9c6c-6b27e9afa9bc" providerId="ADAL" clId="{BF04C754-5BF4-4E83-9615-DB14FA25AF8A}" dt="2023-10-12T11:38:42.377" v="307"/>
          <ac:spMkLst>
            <pc:docMk/>
            <pc:sldMk cId="2376958513" sldId="260"/>
            <ac:spMk id="14691" creationId="{3B467884-9B7A-49B7-95A0-F89A196C473D}"/>
          </ac:spMkLst>
        </pc:spChg>
        <pc:spChg chg="mod">
          <ac:chgData name="White, Alex" userId="eff6cc8c-37d8-483b-9c6c-6b27e9afa9bc" providerId="ADAL" clId="{BF04C754-5BF4-4E83-9615-DB14FA25AF8A}" dt="2023-10-12T11:38:42.377" v="307"/>
          <ac:spMkLst>
            <pc:docMk/>
            <pc:sldMk cId="2376958513" sldId="260"/>
            <ac:spMk id="14692" creationId="{286D1958-4B5C-949E-0C48-D4A992B42C56}"/>
          </ac:spMkLst>
        </pc:spChg>
        <pc:spChg chg="mod">
          <ac:chgData name="White, Alex" userId="eff6cc8c-37d8-483b-9c6c-6b27e9afa9bc" providerId="ADAL" clId="{BF04C754-5BF4-4E83-9615-DB14FA25AF8A}" dt="2023-10-12T11:38:42.377" v="307"/>
          <ac:spMkLst>
            <pc:docMk/>
            <pc:sldMk cId="2376958513" sldId="260"/>
            <ac:spMk id="14693" creationId="{147E4920-FFB0-8D07-C656-2B5EE3D84D22}"/>
          </ac:spMkLst>
        </pc:spChg>
        <pc:spChg chg="mod">
          <ac:chgData name="White, Alex" userId="eff6cc8c-37d8-483b-9c6c-6b27e9afa9bc" providerId="ADAL" clId="{BF04C754-5BF4-4E83-9615-DB14FA25AF8A}" dt="2023-10-12T11:38:42.377" v="307"/>
          <ac:spMkLst>
            <pc:docMk/>
            <pc:sldMk cId="2376958513" sldId="260"/>
            <ac:spMk id="14694" creationId="{BA8A6FDA-43CB-F490-8569-EDB65113E0F2}"/>
          </ac:spMkLst>
        </pc:spChg>
        <pc:spChg chg="mod">
          <ac:chgData name="White, Alex" userId="eff6cc8c-37d8-483b-9c6c-6b27e9afa9bc" providerId="ADAL" clId="{BF04C754-5BF4-4E83-9615-DB14FA25AF8A}" dt="2023-10-12T11:38:42.377" v="307"/>
          <ac:spMkLst>
            <pc:docMk/>
            <pc:sldMk cId="2376958513" sldId="260"/>
            <ac:spMk id="14695" creationId="{268361D3-6E94-B685-1493-46D53BC99F0F}"/>
          </ac:spMkLst>
        </pc:spChg>
        <pc:spChg chg="mod">
          <ac:chgData name="White, Alex" userId="eff6cc8c-37d8-483b-9c6c-6b27e9afa9bc" providerId="ADAL" clId="{BF04C754-5BF4-4E83-9615-DB14FA25AF8A}" dt="2023-10-12T11:38:42.377" v="307"/>
          <ac:spMkLst>
            <pc:docMk/>
            <pc:sldMk cId="2376958513" sldId="260"/>
            <ac:spMk id="14696" creationId="{0A83CA59-4CF6-B812-1BE4-725D9F5F705E}"/>
          </ac:spMkLst>
        </pc:spChg>
        <pc:spChg chg="mod">
          <ac:chgData name="White, Alex" userId="eff6cc8c-37d8-483b-9c6c-6b27e9afa9bc" providerId="ADAL" clId="{BF04C754-5BF4-4E83-9615-DB14FA25AF8A}" dt="2023-10-12T11:38:42.377" v="307"/>
          <ac:spMkLst>
            <pc:docMk/>
            <pc:sldMk cId="2376958513" sldId="260"/>
            <ac:spMk id="14697" creationId="{4231A041-0D96-BAE5-B210-9F4E961E5CA3}"/>
          </ac:spMkLst>
        </pc:spChg>
        <pc:spChg chg="mod">
          <ac:chgData name="White, Alex" userId="eff6cc8c-37d8-483b-9c6c-6b27e9afa9bc" providerId="ADAL" clId="{BF04C754-5BF4-4E83-9615-DB14FA25AF8A}" dt="2023-10-12T11:38:42.377" v="307"/>
          <ac:spMkLst>
            <pc:docMk/>
            <pc:sldMk cId="2376958513" sldId="260"/>
            <ac:spMk id="14698" creationId="{0AB6612C-1C6F-D3CD-B9EB-6881B9254495}"/>
          </ac:spMkLst>
        </pc:spChg>
        <pc:spChg chg="mod">
          <ac:chgData name="White, Alex" userId="eff6cc8c-37d8-483b-9c6c-6b27e9afa9bc" providerId="ADAL" clId="{BF04C754-5BF4-4E83-9615-DB14FA25AF8A}" dt="2023-10-12T11:38:42.377" v="307"/>
          <ac:spMkLst>
            <pc:docMk/>
            <pc:sldMk cId="2376958513" sldId="260"/>
            <ac:spMk id="14699" creationId="{4D07C19E-927F-0CD2-8934-91369F28FF20}"/>
          </ac:spMkLst>
        </pc:spChg>
        <pc:spChg chg="mod">
          <ac:chgData name="White, Alex" userId="eff6cc8c-37d8-483b-9c6c-6b27e9afa9bc" providerId="ADAL" clId="{BF04C754-5BF4-4E83-9615-DB14FA25AF8A}" dt="2023-10-12T11:38:42.377" v="307"/>
          <ac:spMkLst>
            <pc:docMk/>
            <pc:sldMk cId="2376958513" sldId="260"/>
            <ac:spMk id="14700" creationId="{1D86E64C-90C0-8652-EC8A-785F2DE30772}"/>
          </ac:spMkLst>
        </pc:spChg>
        <pc:spChg chg="mod">
          <ac:chgData name="White, Alex" userId="eff6cc8c-37d8-483b-9c6c-6b27e9afa9bc" providerId="ADAL" clId="{BF04C754-5BF4-4E83-9615-DB14FA25AF8A}" dt="2023-10-12T11:38:42.377" v="307"/>
          <ac:spMkLst>
            <pc:docMk/>
            <pc:sldMk cId="2376958513" sldId="260"/>
            <ac:spMk id="14701" creationId="{96E1F4C9-8B9E-9558-660D-222B486A2599}"/>
          </ac:spMkLst>
        </pc:spChg>
        <pc:spChg chg="mod">
          <ac:chgData name="White, Alex" userId="eff6cc8c-37d8-483b-9c6c-6b27e9afa9bc" providerId="ADAL" clId="{BF04C754-5BF4-4E83-9615-DB14FA25AF8A}" dt="2023-10-12T11:38:42.377" v="307"/>
          <ac:spMkLst>
            <pc:docMk/>
            <pc:sldMk cId="2376958513" sldId="260"/>
            <ac:spMk id="14702" creationId="{4C0A248E-67C2-9E4A-E502-511CF82FE323}"/>
          </ac:spMkLst>
        </pc:spChg>
        <pc:spChg chg="mod">
          <ac:chgData name="White, Alex" userId="eff6cc8c-37d8-483b-9c6c-6b27e9afa9bc" providerId="ADAL" clId="{BF04C754-5BF4-4E83-9615-DB14FA25AF8A}" dt="2023-10-12T11:38:42.377" v="307"/>
          <ac:spMkLst>
            <pc:docMk/>
            <pc:sldMk cId="2376958513" sldId="260"/>
            <ac:spMk id="14703" creationId="{D83435E5-0472-58AC-BA23-7FF4F20E75DE}"/>
          </ac:spMkLst>
        </pc:spChg>
        <pc:spChg chg="mod">
          <ac:chgData name="White, Alex" userId="eff6cc8c-37d8-483b-9c6c-6b27e9afa9bc" providerId="ADAL" clId="{BF04C754-5BF4-4E83-9615-DB14FA25AF8A}" dt="2023-10-12T11:38:42.377" v="307"/>
          <ac:spMkLst>
            <pc:docMk/>
            <pc:sldMk cId="2376958513" sldId="260"/>
            <ac:spMk id="14704" creationId="{C0F98D92-ECBD-2DD4-FBDD-1B28A261C509}"/>
          </ac:spMkLst>
        </pc:spChg>
        <pc:spChg chg="mod">
          <ac:chgData name="White, Alex" userId="eff6cc8c-37d8-483b-9c6c-6b27e9afa9bc" providerId="ADAL" clId="{BF04C754-5BF4-4E83-9615-DB14FA25AF8A}" dt="2023-10-12T11:38:42.377" v="307"/>
          <ac:spMkLst>
            <pc:docMk/>
            <pc:sldMk cId="2376958513" sldId="260"/>
            <ac:spMk id="14705" creationId="{65AEAB7B-0A08-C7B3-8A46-9C56160C4B20}"/>
          </ac:spMkLst>
        </pc:spChg>
        <pc:spChg chg="mod">
          <ac:chgData name="White, Alex" userId="eff6cc8c-37d8-483b-9c6c-6b27e9afa9bc" providerId="ADAL" clId="{BF04C754-5BF4-4E83-9615-DB14FA25AF8A}" dt="2023-10-12T11:38:42.377" v="307"/>
          <ac:spMkLst>
            <pc:docMk/>
            <pc:sldMk cId="2376958513" sldId="260"/>
            <ac:spMk id="14706" creationId="{611B23DE-CD9B-F039-D67B-18D98C212D23}"/>
          </ac:spMkLst>
        </pc:spChg>
        <pc:spChg chg="mod">
          <ac:chgData name="White, Alex" userId="eff6cc8c-37d8-483b-9c6c-6b27e9afa9bc" providerId="ADAL" clId="{BF04C754-5BF4-4E83-9615-DB14FA25AF8A}" dt="2023-10-12T11:38:42.377" v="307"/>
          <ac:spMkLst>
            <pc:docMk/>
            <pc:sldMk cId="2376958513" sldId="260"/>
            <ac:spMk id="14707" creationId="{EA22362D-346A-AC80-CCA0-023B81755B9F}"/>
          </ac:spMkLst>
        </pc:spChg>
        <pc:spChg chg="mod">
          <ac:chgData name="White, Alex" userId="eff6cc8c-37d8-483b-9c6c-6b27e9afa9bc" providerId="ADAL" clId="{BF04C754-5BF4-4E83-9615-DB14FA25AF8A}" dt="2023-10-12T11:38:42.377" v="307"/>
          <ac:spMkLst>
            <pc:docMk/>
            <pc:sldMk cId="2376958513" sldId="260"/>
            <ac:spMk id="14708" creationId="{85344832-E4C8-8DCE-91F1-1B66D4369DD7}"/>
          </ac:spMkLst>
        </pc:spChg>
        <pc:spChg chg="mod">
          <ac:chgData name="White, Alex" userId="eff6cc8c-37d8-483b-9c6c-6b27e9afa9bc" providerId="ADAL" clId="{BF04C754-5BF4-4E83-9615-DB14FA25AF8A}" dt="2023-10-12T11:38:42.377" v="307"/>
          <ac:spMkLst>
            <pc:docMk/>
            <pc:sldMk cId="2376958513" sldId="260"/>
            <ac:spMk id="14709" creationId="{AF116AE3-72CE-5522-F4B4-5CBF8E65B62C}"/>
          </ac:spMkLst>
        </pc:spChg>
        <pc:spChg chg="mod">
          <ac:chgData name="White, Alex" userId="eff6cc8c-37d8-483b-9c6c-6b27e9afa9bc" providerId="ADAL" clId="{BF04C754-5BF4-4E83-9615-DB14FA25AF8A}" dt="2023-10-12T11:38:42.377" v="307"/>
          <ac:spMkLst>
            <pc:docMk/>
            <pc:sldMk cId="2376958513" sldId="260"/>
            <ac:spMk id="14710" creationId="{DB020A8E-8C67-B38E-B99E-2E353BB977D3}"/>
          </ac:spMkLst>
        </pc:spChg>
        <pc:spChg chg="mod">
          <ac:chgData name="White, Alex" userId="eff6cc8c-37d8-483b-9c6c-6b27e9afa9bc" providerId="ADAL" clId="{BF04C754-5BF4-4E83-9615-DB14FA25AF8A}" dt="2023-10-12T11:38:42.377" v="307"/>
          <ac:spMkLst>
            <pc:docMk/>
            <pc:sldMk cId="2376958513" sldId="260"/>
            <ac:spMk id="14711" creationId="{2C003087-74A8-EEE1-98C3-24B12A02C6C5}"/>
          </ac:spMkLst>
        </pc:spChg>
        <pc:spChg chg="mod">
          <ac:chgData name="White, Alex" userId="eff6cc8c-37d8-483b-9c6c-6b27e9afa9bc" providerId="ADAL" clId="{BF04C754-5BF4-4E83-9615-DB14FA25AF8A}" dt="2023-10-12T11:38:42.377" v="307"/>
          <ac:spMkLst>
            <pc:docMk/>
            <pc:sldMk cId="2376958513" sldId="260"/>
            <ac:spMk id="14712" creationId="{0CF6CE96-BB50-3A0F-3B3A-C445EF27AD87}"/>
          </ac:spMkLst>
        </pc:spChg>
        <pc:spChg chg="mod">
          <ac:chgData name="White, Alex" userId="eff6cc8c-37d8-483b-9c6c-6b27e9afa9bc" providerId="ADAL" clId="{BF04C754-5BF4-4E83-9615-DB14FA25AF8A}" dt="2023-10-12T11:38:42.377" v="307"/>
          <ac:spMkLst>
            <pc:docMk/>
            <pc:sldMk cId="2376958513" sldId="260"/>
            <ac:spMk id="14713" creationId="{28065ACC-224B-D3EB-4032-BC100C90CE63}"/>
          </ac:spMkLst>
        </pc:spChg>
        <pc:spChg chg="mod">
          <ac:chgData name="White, Alex" userId="eff6cc8c-37d8-483b-9c6c-6b27e9afa9bc" providerId="ADAL" clId="{BF04C754-5BF4-4E83-9615-DB14FA25AF8A}" dt="2023-10-12T11:38:42.377" v="307"/>
          <ac:spMkLst>
            <pc:docMk/>
            <pc:sldMk cId="2376958513" sldId="260"/>
            <ac:spMk id="14714" creationId="{79332C86-B7DA-1AD4-4849-DA1F4092C794}"/>
          </ac:spMkLst>
        </pc:spChg>
        <pc:spChg chg="mod">
          <ac:chgData name="White, Alex" userId="eff6cc8c-37d8-483b-9c6c-6b27e9afa9bc" providerId="ADAL" clId="{BF04C754-5BF4-4E83-9615-DB14FA25AF8A}" dt="2023-10-12T11:38:42.377" v="307"/>
          <ac:spMkLst>
            <pc:docMk/>
            <pc:sldMk cId="2376958513" sldId="260"/>
            <ac:spMk id="14715" creationId="{4BCFF922-889B-9713-608F-1AFB7E366D80}"/>
          </ac:spMkLst>
        </pc:spChg>
        <pc:spChg chg="mod">
          <ac:chgData name="White, Alex" userId="eff6cc8c-37d8-483b-9c6c-6b27e9afa9bc" providerId="ADAL" clId="{BF04C754-5BF4-4E83-9615-DB14FA25AF8A}" dt="2023-10-12T11:38:42.377" v="307"/>
          <ac:spMkLst>
            <pc:docMk/>
            <pc:sldMk cId="2376958513" sldId="260"/>
            <ac:spMk id="14716" creationId="{778F1B37-4A7B-846B-A0FF-7656800CCDC0}"/>
          </ac:spMkLst>
        </pc:spChg>
        <pc:spChg chg="mod">
          <ac:chgData name="White, Alex" userId="eff6cc8c-37d8-483b-9c6c-6b27e9afa9bc" providerId="ADAL" clId="{BF04C754-5BF4-4E83-9615-DB14FA25AF8A}" dt="2023-10-12T11:38:42.377" v="307"/>
          <ac:spMkLst>
            <pc:docMk/>
            <pc:sldMk cId="2376958513" sldId="260"/>
            <ac:spMk id="14717" creationId="{84DAC319-D8E7-8850-ADC0-592AF0515BF9}"/>
          </ac:spMkLst>
        </pc:spChg>
        <pc:spChg chg="mod">
          <ac:chgData name="White, Alex" userId="eff6cc8c-37d8-483b-9c6c-6b27e9afa9bc" providerId="ADAL" clId="{BF04C754-5BF4-4E83-9615-DB14FA25AF8A}" dt="2023-10-12T11:38:42.377" v="307"/>
          <ac:spMkLst>
            <pc:docMk/>
            <pc:sldMk cId="2376958513" sldId="260"/>
            <ac:spMk id="14718" creationId="{302AA1EF-C5C5-954A-9847-FDF454C01792}"/>
          </ac:spMkLst>
        </pc:spChg>
        <pc:spChg chg="mod">
          <ac:chgData name="White, Alex" userId="eff6cc8c-37d8-483b-9c6c-6b27e9afa9bc" providerId="ADAL" clId="{BF04C754-5BF4-4E83-9615-DB14FA25AF8A}" dt="2023-10-12T11:38:42.377" v="307"/>
          <ac:spMkLst>
            <pc:docMk/>
            <pc:sldMk cId="2376958513" sldId="260"/>
            <ac:spMk id="14719" creationId="{C12EAACE-6F31-F399-803D-3B6CE9988667}"/>
          </ac:spMkLst>
        </pc:spChg>
        <pc:spChg chg="mod">
          <ac:chgData name="White, Alex" userId="eff6cc8c-37d8-483b-9c6c-6b27e9afa9bc" providerId="ADAL" clId="{BF04C754-5BF4-4E83-9615-DB14FA25AF8A}" dt="2023-10-12T11:38:42.377" v="307"/>
          <ac:spMkLst>
            <pc:docMk/>
            <pc:sldMk cId="2376958513" sldId="260"/>
            <ac:spMk id="14720" creationId="{5612942E-BE9A-91B2-91E9-2EC01D371EF5}"/>
          </ac:spMkLst>
        </pc:spChg>
        <pc:spChg chg="add mod">
          <ac:chgData name="White, Alex" userId="eff6cc8c-37d8-483b-9c6c-6b27e9afa9bc" providerId="ADAL" clId="{BF04C754-5BF4-4E83-9615-DB14FA25AF8A}" dt="2023-10-12T11:50:03.033" v="552" actId="20577"/>
          <ac:spMkLst>
            <pc:docMk/>
            <pc:sldMk cId="2376958513" sldId="260"/>
            <ac:spMk id="14721" creationId="{8924F997-459D-303C-A2E8-A2E369D4F959}"/>
          </ac:spMkLst>
        </pc:spChg>
        <pc:grpChg chg="add del mod">
          <ac:chgData name="White, Alex" userId="eff6cc8c-37d8-483b-9c6c-6b27e9afa9bc" providerId="ADAL" clId="{BF04C754-5BF4-4E83-9615-DB14FA25AF8A}" dt="2023-10-12T11:39:54.402" v="316" actId="478"/>
          <ac:grpSpMkLst>
            <pc:docMk/>
            <pc:sldMk cId="2376958513" sldId="260"/>
            <ac:grpSpMk id="160" creationId="{FD6B267C-34CD-76E3-D01A-E9AF06E85B50}"/>
          </ac:grpSpMkLst>
        </pc:grpChg>
        <pc:grpChg chg="add mod">
          <ac:chgData name="White, Alex" userId="eff6cc8c-37d8-483b-9c6c-6b27e9afa9bc" providerId="ADAL" clId="{BF04C754-5BF4-4E83-9615-DB14FA25AF8A}" dt="2023-10-12T11:49:54.524" v="547" actId="1076"/>
          <ac:grpSpMkLst>
            <pc:docMk/>
            <pc:sldMk cId="2376958513" sldId="260"/>
            <ac:grpSpMk id="161" creationId="{5AE91673-CAA8-B56D-F8EE-A36FCB4DE437}"/>
          </ac:grpSpMkLst>
        </pc:grpChg>
        <pc:grpChg chg="add del mod">
          <ac:chgData name="White, Alex" userId="eff6cc8c-37d8-483b-9c6c-6b27e9afa9bc" providerId="ADAL" clId="{BF04C754-5BF4-4E83-9615-DB14FA25AF8A}" dt="2023-10-12T11:36:53.795" v="273" actId="478"/>
          <ac:grpSpMkLst>
            <pc:docMk/>
            <pc:sldMk cId="2376958513" sldId="260"/>
            <ac:grpSpMk id="162" creationId="{8E8EB8A0-0F81-B07C-8E59-408DC02F4CF3}"/>
          </ac:grpSpMkLst>
        </pc:grpChg>
        <pc:grpChg chg="add del mod">
          <ac:chgData name="White, Alex" userId="eff6cc8c-37d8-483b-9c6c-6b27e9afa9bc" providerId="ADAL" clId="{BF04C754-5BF4-4E83-9615-DB14FA25AF8A}" dt="2023-10-12T11:36:53.795" v="273" actId="478"/>
          <ac:grpSpMkLst>
            <pc:docMk/>
            <pc:sldMk cId="2376958513" sldId="260"/>
            <ac:grpSpMk id="263" creationId="{EFEDCAC4-14DB-119D-5A71-31A7BC826169}"/>
          </ac:grpSpMkLst>
        </pc:grpChg>
        <pc:grpChg chg="add del mod">
          <ac:chgData name="White, Alex" userId="eff6cc8c-37d8-483b-9c6c-6b27e9afa9bc" providerId="ADAL" clId="{BF04C754-5BF4-4E83-9615-DB14FA25AF8A}" dt="2023-10-12T11:36:53.795" v="273" actId="478"/>
          <ac:grpSpMkLst>
            <pc:docMk/>
            <pc:sldMk cId="2376958513" sldId="260"/>
            <ac:grpSpMk id="364" creationId="{50F762E3-69E5-6D1F-6531-4CCC5D90522C}"/>
          </ac:grpSpMkLst>
        </pc:grpChg>
        <pc:grpChg chg="add mod">
          <ac:chgData name="White, Alex" userId="eff6cc8c-37d8-483b-9c6c-6b27e9afa9bc" providerId="ADAL" clId="{BF04C754-5BF4-4E83-9615-DB14FA25AF8A}" dt="2023-10-12T11:37:46.053" v="288" actId="164"/>
          <ac:grpSpMkLst>
            <pc:docMk/>
            <pc:sldMk cId="2376958513" sldId="260"/>
            <ac:grpSpMk id="465" creationId="{6D829A3B-DD38-450E-6F2A-74B99EA67CD6}"/>
          </ac:grpSpMkLst>
        </pc:grpChg>
        <pc:grpChg chg="add del mod">
          <ac:chgData name="White, Alex" userId="eff6cc8c-37d8-483b-9c6c-6b27e9afa9bc" providerId="ADAL" clId="{BF04C754-5BF4-4E83-9615-DB14FA25AF8A}" dt="2023-10-12T11:36:53.795" v="273" actId="478"/>
          <ac:grpSpMkLst>
            <pc:docMk/>
            <pc:sldMk cId="2376958513" sldId="260"/>
            <ac:grpSpMk id="566" creationId="{1C347E50-2A81-5786-20E7-C02385C21B06}"/>
          </ac:grpSpMkLst>
        </pc:grpChg>
        <pc:grpChg chg="add mod">
          <ac:chgData name="White, Alex" userId="eff6cc8c-37d8-483b-9c6c-6b27e9afa9bc" providerId="ADAL" clId="{BF04C754-5BF4-4E83-9615-DB14FA25AF8A}" dt="2023-10-12T11:37:46.053" v="288" actId="164"/>
          <ac:grpSpMkLst>
            <pc:docMk/>
            <pc:sldMk cId="2376958513" sldId="260"/>
            <ac:grpSpMk id="668" creationId="{4F97C0DD-8169-0CA3-67F6-D2340090AF0D}"/>
          </ac:grpSpMkLst>
        </pc:grpChg>
        <pc:grpChg chg="add mod">
          <ac:chgData name="White, Alex" userId="eff6cc8c-37d8-483b-9c6c-6b27e9afa9bc" providerId="ADAL" clId="{BF04C754-5BF4-4E83-9615-DB14FA25AF8A}" dt="2023-10-12T11:37:46.053" v="288" actId="164"/>
          <ac:grpSpMkLst>
            <pc:docMk/>
            <pc:sldMk cId="2376958513" sldId="260"/>
            <ac:grpSpMk id="769" creationId="{833C9F28-A596-EA7A-B9C4-4F268F19514F}"/>
          </ac:grpSpMkLst>
        </pc:grpChg>
        <pc:grpChg chg="add mod">
          <ac:chgData name="White, Alex" userId="eff6cc8c-37d8-483b-9c6c-6b27e9afa9bc" providerId="ADAL" clId="{BF04C754-5BF4-4E83-9615-DB14FA25AF8A}" dt="2023-10-12T11:37:46.053" v="288" actId="164"/>
          <ac:grpSpMkLst>
            <pc:docMk/>
            <pc:sldMk cId="2376958513" sldId="260"/>
            <ac:grpSpMk id="870" creationId="{CCEEA041-FEEA-030F-430E-5C20F232BDA6}"/>
          </ac:grpSpMkLst>
        </pc:grpChg>
        <pc:grpChg chg="add mod">
          <ac:chgData name="White, Alex" userId="eff6cc8c-37d8-483b-9c6c-6b27e9afa9bc" providerId="ADAL" clId="{BF04C754-5BF4-4E83-9615-DB14FA25AF8A}" dt="2023-10-12T11:37:46.053" v="288" actId="164"/>
          <ac:grpSpMkLst>
            <pc:docMk/>
            <pc:sldMk cId="2376958513" sldId="260"/>
            <ac:grpSpMk id="971" creationId="{11401F09-332B-1F4B-C87A-E5E423E62C5A}"/>
          </ac:grpSpMkLst>
        </pc:grpChg>
        <pc:grpChg chg="add mod">
          <ac:chgData name="White, Alex" userId="eff6cc8c-37d8-483b-9c6c-6b27e9afa9bc" providerId="ADAL" clId="{BF04C754-5BF4-4E83-9615-DB14FA25AF8A}" dt="2023-10-12T11:37:46.053" v="288" actId="164"/>
          <ac:grpSpMkLst>
            <pc:docMk/>
            <pc:sldMk cId="2376958513" sldId="260"/>
            <ac:grpSpMk id="1072" creationId="{DE971B4E-1D86-EA52-779A-D81AF6642A4D}"/>
          </ac:grpSpMkLst>
        </pc:grpChg>
        <pc:grpChg chg="add mod">
          <ac:chgData name="White, Alex" userId="eff6cc8c-37d8-483b-9c6c-6b27e9afa9bc" providerId="ADAL" clId="{BF04C754-5BF4-4E83-9615-DB14FA25AF8A}" dt="2023-10-12T11:37:46.053" v="288" actId="164"/>
          <ac:grpSpMkLst>
            <pc:docMk/>
            <pc:sldMk cId="2376958513" sldId="260"/>
            <ac:grpSpMk id="1173" creationId="{EEBF43C0-2382-144E-3C82-3BFAC13B1B84}"/>
          </ac:grpSpMkLst>
        </pc:grpChg>
        <pc:grpChg chg="add mod">
          <ac:chgData name="White, Alex" userId="eff6cc8c-37d8-483b-9c6c-6b27e9afa9bc" providerId="ADAL" clId="{BF04C754-5BF4-4E83-9615-DB14FA25AF8A}" dt="2023-10-12T11:37:46.053" v="288" actId="164"/>
          <ac:grpSpMkLst>
            <pc:docMk/>
            <pc:sldMk cId="2376958513" sldId="260"/>
            <ac:grpSpMk id="1274" creationId="{91474CB1-2CD6-2D56-0CEF-A5DAD97C01B9}"/>
          </ac:grpSpMkLst>
        </pc:grpChg>
        <pc:grpChg chg="add mod">
          <ac:chgData name="White, Alex" userId="eff6cc8c-37d8-483b-9c6c-6b27e9afa9bc" providerId="ADAL" clId="{BF04C754-5BF4-4E83-9615-DB14FA25AF8A}" dt="2023-10-12T11:37:46.053" v="288" actId="164"/>
          <ac:grpSpMkLst>
            <pc:docMk/>
            <pc:sldMk cId="2376958513" sldId="260"/>
            <ac:grpSpMk id="1375" creationId="{BE4F80D4-A7A9-C84D-4A6F-C9F2B5285E3F}"/>
          </ac:grpSpMkLst>
        </pc:grpChg>
        <pc:grpChg chg="add mod">
          <ac:chgData name="White, Alex" userId="eff6cc8c-37d8-483b-9c6c-6b27e9afa9bc" providerId="ADAL" clId="{BF04C754-5BF4-4E83-9615-DB14FA25AF8A}" dt="2023-10-12T11:37:46.053" v="288" actId="164"/>
          <ac:grpSpMkLst>
            <pc:docMk/>
            <pc:sldMk cId="2376958513" sldId="260"/>
            <ac:grpSpMk id="1476" creationId="{5DA69498-9D5F-BBE8-E7E8-74BAAA0E3DFE}"/>
          </ac:grpSpMkLst>
        </pc:grpChg>
        <pc:grpChg chg="add del mod">
          <ac:chgData name="White, Alex" userId="eff6cc8c-37d8-483b-9c6c-6b27e9afa9bc" providerId="ADAL" clId="{BF04C754-5BF4-4E83-9615-DB14FA25AF8A}" dt="2023-10-12T11:39:45.972" v="314" actId="478"/>
          <ac:grpSpMkLst>
            <pc:docMk/>
            <pc:sldMk cId="2376958513" sldId="260"/>
            <ac:grpSpMk id="1577" creationId="{7C2F21F5-9DE8-BAE0-5A73-E1790D3EA719}"/>
          </ac:grpSpMkLst>
        </pc:grpChg>
        <pc:grpChg chg="add del mod">
          <ac:chgData name="White, Alex" userId="eff6cc8c-37d8-483b-9c6c-6b27e9afa9bc" providerId="ADAL" clId="{BF04C754-5BF4-4E83-9615-DB14FA25AF8A}" dt="2023-10-12T11:39:45.972" v="314" actId="478"/>
          <ac:grpSpMkLst>
            <pc:docMk/>
            <pc:sldMk cId="2376958513" sldId="260"/>
            <ac:grpSpMk id="1578" creationId="{07C0AADC-424F-CBBE-D6B3-994A72D5A89C}"/>
          </ac:grpSpMkLst>
        </pc:grpChg>
        <pc:grpChg chg="mod">
          <ac:chgData name="White, Alex" userId="eff6cc8c-37d8-483b-9c6c-6b27e9afa9bc" providerId="ADAL" clId="{BF04C754-5BF4-4E83-9615-DB14FA25AF8A}" dt="2023-10-12T11:37:47.867" v="289"/>
          <ac:grpSpMkLst>
            <pc:docMk/>
            <pc:sldMk cId="2376958513" sldId="260"/>
            <ac:grpSpMk id="1579" creationId="{E53202F6-AD35-2FF6-93FC-74B4D7F5B54E}"/>
          </ac:grpSpMkLst>
        </pc:grpChg>
        <pc:grpChg chg="mod">
          <ac:chgData name="White, Alex" userId="eff6cc8c-37d8-483b-9c6c-6b27e9afa9bc" providerId="ADAL" clId="{BF04C754-5BF4-4E83-9615-DB14FA25AF8A}" dt="2023-10-12T11:37:47.867" v="289"/>
          <ac:grpSpMkLst>
            <pc:docMk/>
            <pc:sldMk cId="2376958513" sldId="260"/>
            <ac:grpSpMk id="1580" creationId="{C3BEF60B-7B11-8EE8-C5E4-86617063E00C}"/>
          </ac:grpSpMkLst>
        </pc:grpChg>
        <pc:grpChg chg="mod">
          <ac:chgData name="White, Alex" userId="eff6cc8c-37d8-483b-9c6c-6b27e9afa9bc" providerId="ADAL" clId="{BF04C754-5BF4-4E83-9615-DB14FA25AF8A}" dt="2023-10-12T11:37:47.867" v="289"/>
          <ac:grpSpMkLst>
            <pc:docMk/>
            <pc:sldMk cId="2376958513" sldId="260"/>
            <ac:grpSpMk id="1581" creationId="{3C998824-94C4-6A3F-0E72-B7DAE3309932}"/>
          </ac:grpSpMkLst>
        </pc:grpChg>
        <pc:grpChg chg="mod">
          <ac:chgData name="White, Alex" userId="eff6cc8c-37d8-483b-9c6c-6b27e9afa9bc" providerId="ADAL" clId="{BF04C754-5BF4-4E83-9615-DB14FA25AF8A}" dt="2023-10-12T11:37:47.867" v="289"/>
          <ac:grpSpMkLst>
            <pc:docMk/>
            <pc:sldMk cId="2376958513" sldId="260"/>
            <ac:grpSpMk id="1582" creationId="{F51B3852-C8EA-DFF3-A3D5-86C57C285C44}"/>
          </ac:grpSpMkLst>
        </pc:grpChg>
        <pc:grpChg chg="mod">
          <ac:chgData name="White, Alex" userId="eff6cc8c-37d8-483b-9c6c-6b27e9afa9bc" providerId="ADAL" clId="{BF04C754-5BF4-4E83-9615-DB14FA25AF8A}" dt="2023-10-12T11:37:47.867" v="289"/>
          <ac:grpSpMkLst>
            <pc:docMk/>
            <pc:sldMk cId="2376958513" sldId="260"/>
            <ac:grpSpMk id="1583" creationId="{B8E0BE80-AFF3-6C73-01CD-0AD16EAE970C}"/>
          </ac:grpSpMkLst>
        </pc:grpChg>
        <pc:grpChg chg="mod">
          <ac:chgData name="White, Alex" userId="eff6cc8c-37d8-483b-9c6c-6b27e9afa9bc" providerId="ADAL" clId="{BF04C754-5BF4-4E83-9615-DB14FA25AF8A}" dt="2023-10-12T11:37:47.867" v="289"/>
          <ac:grpSpMkLst>
            <pc:docMk/>
            <pc:sldMk cId="2376958513" sldId="260"/>
            <ac:grpSpMk id="1584" creationId="{BD87C881-B528-623E-52D3-F36D79A28898}"/>
          </ac:grpSpMkLst>
        </pc:grpChg>
        <pc:grpChg chg="mod">
          <ac:chgData name="White, Alex" userId="eff6cc8c-37d8-483b-9c6c-6b27e9afa9bc" providerId="ADAL" clId="{BF04C754-5BF4-4E83-9615-DB14FA25AF8A}" dt="2023-10-12T11:37:47.867" v="289"/>
          <ac:grpSpMkLst>
            <pc:docMk/>
            <pc:sldMk cId="2376958513" sldId="260"/>
            <ac:grpSpMk id="1585" creationId="{3A3EA5AE-29B2-A041-F396-86739A7AD224}"/>
          </ac:grpSpMkLst>
        </pc:grpChg>
        <pc:grpChg chg="mod">
          <ac:chgData name="White, Alex" userId="eff6cc8c-37d8-483b-9c6c-6b27e9afa9bc" providerId="ADAL" clId="{BF04C754-5BF4-4E83-9615-DB14FA25AF8A}" dt="2023-10-12T11:37:47.867" v="289"/>
          <ac:grpSpMkLst>
            <pc:docMk/>
            <pc:sldMk cId="2376958513" sldId="260"/>
            <ac:grpSpMk id="1586" creationId="{3A5F084A-4CF4-56FA-8F14-4A28F096278C}"/>
          </ac:grpSpMkLst>
        </pc:grpChg>
        <pc:grpChg chg="mod">
          <ac:chgData name="White, Alex" userId="eff6cc8c-37d8-483b-9c6c-6b27e9afa9bc" providerId="ADAL" clId="{BF04C754-5BF4-4E83-9615-DB14FA25AF8A}" dt="2023-10-12T11:37:47.867" v="289"/>
          <ac:grpSpMkLst>
            <pc:docMk/>
            <pc:sldMk cId="2376958513" sldId="260"/>
            <ac:grpSpMk id="1587" creationId="{A568EE06-9DC3-0DB7-D769-C4E75DB454CF}"/>
          </ac:grpSpMkLst>
        </pc:grpChg>
        <pc:grpChg chg="mod">
          <ac:chgData name="White, Alex" userId="eff6cc8c-37d8-483b-9c6c-6b27e9afa9bc" providerId="ADAL" clId="{BF04C754-5BF4-4E83-9615-DB14FA25AF8A}" dt="2023-10-12T11:37:47.867" v="289"/>
          <ac:grpSpMkLst>
            <pc:docMk/>
            <pc:sldMk cId="2376958513" sldId="260"/>
            <ac:grpSpMk id="1588" creationId="{42219532-910D-B1E8-7B92-B8F04AD32301}"/>
          </ac:grpSpMkLst>
        </pc:grpChg>
        <pc:grpChg chg="add del mod">
          <ac:chgData name="White, Alex" userId="eff6cc8c-37d8-483b-9c6c-6b27e9afa9bc" providerId="ADAL" clId="{BF04C754-5BF4-4E83-9615-DB14FA25AF8A}" dt="2023-10-12T11:39:45.972" v="314" actId="478"/>
          <ac:grpSpMkLst>
            <pc:docMk/>
            <pc:sldMk cId="2376958513" sldId="260"/>
            <ac:grpSpMk id="2589" creationId="{FACC20D6-C8C5-4428-6D52-07094C0DB3A6}"/>
          </ac:grpSpMkLst>
        </pc:grpChg>
        <pc:grpChg chg="mod">
          <ac:chgData name="White, Alex" userId="eff6cc8c-37d8-483b-9c6c-6b27e9afa9bc" providerId="ADAL" clId="{BF04C754-5BF4-4E83-9615-DB14FA25AF8A}" dt="2023-10-12T11:37:53" v="291"/>
          <ac:grpSpMkLst>
            <pc:docMk/>
            <pc:sldMk cId="2376958513" sldId="260"/>
            <ac:grpSpMk id="2590" creationId="{BB037725-3145-AB21-1B74-95434A230679}"/>
          </ac:grpSpMkLst>
        </pc:grpChg>
        <pc:grpChg chg="mod">
          <ac:chgData name="White, Alex" userId="eff6cc8c-37d8-483b-9c6c-6b27e9afa9bc" providerId="ADAL" clId="{BF04C754-5BF4-4E83-9615-DB14FA25AF8A}" dt="2023-10-12T11:37:53" v="291"/>
          <ac:grpSpMkLst>
            <pc:docMk/>
            <pc:sldMk cId="2376958513" sldId="260"/>
            <ac:grpSpMk id="2591" creationId="{EC244686-6DE8-BACD-1C78-D1451C387F8D}"/>
          </ac:grpSpMkLst>
        </pc:grpChg>
        <pc:grpChg chg="mod">
          <ac:chgData name="White, Alex" userId="eff6cc8c-37d8-483b-9c6c-6b27e9afa9bc" providerId="ADAL" clId="{BF04C754-5BF4-4E83-9615-DB14FA25AF8A}" dt="2023-10-12T11:37:53" v="291"/>
          <ac:grpSpMkLst>
            <pc:docMk/>
            <pc:sldMk cId="2376958513" sldId="260"/>
            <ac:grpSpMk id="2592" creationId="{448045AD-ECF9-D907-8185-30306BC06A04}"/>
          </ac:grpSpMkLst>
        </pc:grpChg>
        <pc:grpChg chg="mod">
          <ac:chgData name="White, Alex" userId="eff6cc8c-37d8-483b-9c6c-6b27e9afa9bc" providerId="ADAL" clId="{BF04C754-5BF4-4E83-9615-DB14FA25AF8A}" dt="2023-10-12T11:37:53" v="291"/>
          <ac:grpSpMkLst>
            <pc:docMk/>
            <pc:sldMk cId="2376958513" sldId="260"/>
            <ac:grpSpMk id="2593" creationId="{7186ACC8-0F67-128F-750A-E05387DF23E6}"/>
          </ac:grpSpMkLst>
        </pc:grpChg>
        <pc:grpChg chg="mod">
          <ac:chgData name="White, Alex" userId="eff6cc8c-37d8-483b-9c6c-6b27e9afa9bc" providerId="ADAL" clId="{BF04C754-5BF4-4E83-9615-DB14FA25AF8A}" dt="2023-10-12T11:37:53" v="291"/>
          <ac:grpSpMkLst>
            <pc:docMk/>
            <pc:sldMk cId="2376958513" sldId="260"/>
            <ac:grpSpMk id="2594" creationId="{8066A8B7-987F-251A-04FA-DAB7451018C5}"/>
          </ac:grpSpMkLst>
        </pc:grpChg>
        <pc:grpChg chg="mod">
          <ac:chgData name="White, Alex" userId="eff6cc8c-37d8-483b-9c6c-6b27e9afa9bc" providerId="ADAL" clId="{BF04C754-5BF4-4E83-9615-DB14FA25AF8A}" dt="2023-10-12T11:37:53" v="291"/>
          <ac:grpSpMkLst>
            <pc:docMk/>
            <pc:sldMk cId="2376958513" sldId="260"/>
            <ac:grpSpMk id="2595" creationId="{213BF6CC-0320-C95F-BECA-99337E524957}"/>
          </ac:grpSpMkLst>
        </pc:grpChg>
        <pc:grpChg chg="mod">
          <ac:chgData name="White, Alex" userId="eff6cc8c-37d8-483b-9c6c-6b27e9afa9bc" providerId="ADAL" clId="{BF04C754-5BF4-4E83-9615-DB14FA25AF8A}" dt="2023-10-12T11:37:53" v="291"/>
          <ac:grpSpMkLst>
            <pc:docMk/>
            <pc:sldMk cId="2376958513" sldId="260"/>
            <ac:grpSpMk id="2596" creationId="{8BB7CF46-3BAB-DA85-1BCB-2E309ECCFF7B}"/>
          </ac:grpSpMkLst>
        </pc:grpChg>
        <pc:grpChg chg="mod">
          <ac:chgData name="White, Alex" userId="eff6cc8c-37d8-483b-9c6c-6b27e9afa9bc" providerId="ADAL" clId="{BF04C754-5BF4-4E83-9615-DB14FA25AF8A}" dt="2023-10-12T11:37:53" v="291"/>
          <ac:grpSpMkLst>
            <pc:docMk/>
            <pc:sldMk cId="2376958513" sldId="260"/>
            <ac:grpSpMk id="2597" creationId="{E2CFAECA-23C8-219F-AFC0-A431FFDD4DBC}"/>
          </ac:grpSpMkLst>
        </pc:grpChg>
        <pc:grpChg chg="mod">
          <ac:chgData name="White, Alex" userId="eff6cc8c-37d8-483b-9c6c-6b27e9afa9bc" providerId="ADAL" clId="{BF04C754-5BF4-4E83-9615-DB14FA25AF8A}" dt="2023-10-12T11:37:53" v="291"/>
          <ac:grpSpMkLst>
            <pc:docMk/>
            <pc:sldMk cId="2376958513" sldId="260"/>
            <ac:grpSpMk id="2598" creationId="{CDF3D559-0DA9-672D-0465-8C4E30428702}"/>
          </ac:grpSpMkLst>
        </pc:grpChg>
        <pc:grpChg chg="mod">
          <ac:chgData name="White, Alex" userId="eff6cc8c-37d8-483b-9c6c-6b27e9afa9bc" providerId="ADAL" clId="{BF04C754-5BF4-4E83-9615-DB14FA25AF8A}" dt="2023-10-12T11:37:53" v="291"/>
          <ac:grpSpMkLst>
            <pc:docMk/>
            <pc:sldMk cId="2376958513" sldId="260"/>
            <ac:grpSpMk id="2599" creationId="{9C10D01E-7C95-A96F-B039-CB6D7F540C73}"/>
          </ac:grpSpMkLst>
        </pc:grpChg>
        <pc:grpChg chg="add del mod">
          <ac:chgData name="White, Alex" userId="eff6cc8c-37d8-483b-9c6c-6b27e9afa9bc" providerId="ADAL" clId="{BF04C754-5BF4-4E83-9615-DB14FA25AF8A}" dt="2023-10-12T11:39:45.972" v="314" actId="478"/>
          <ac:grpSpMkLst>
            <pc:docMk/>
            <pc:sldMk cId="2376958513" sldId="260"/>
            <ac:grpSpMk id="3600" creationId="{B0D50ABD-932E-5B8E-E6BB-9A5CC70B6463}"/>
          </ac:grpSpMkLst>
        </pc:grpChg>
        <pc:grpChg chg="mod">
          <ac:chgData name="White, Alex" userId="eff6cc8c-37d8-483b-9c6c-6b27e9afa9bc" providerId="ADAL" clId="{BF04C754-5BF4-4E83-9615-DB14FA25AF8A}" dt="2023-10-12T11:37:59.791" v="293"/>
          <ac:grpSpMkLst>
            <pc:docMk/>
            <pc:sldMk cId="2376958513" sldId="260"/>
            <ac:grpSpMk id="3601" creationId="{290D4455-ED65-62B9-3DED-9FE02E0073FD}"/>
          </ac:grpSpMkLst>
        </pc:grpChg>
        <pc:grpChg chg="mod">
          <ac:chgData name="White, Alex" userId="eff6cc8c-37d8-483b-9c6c-6b27e9afa9bc" providerId="ADAL" clId="{BF04C754-5BF4-4E83-9615-DB14FA25AF8A}" dt="2023-10-12T11:37:59.791" v="293"/>
          <ac:grpSpMkLst>
            <pc:docMk/>
            <pc:sldMk cId="2376958513" sldId="260"/>
            <ac:grpSpMk id="3602" creationId="{4E086357-B4E3-02CB-5387-23D97EE45B30}"/>
          </ac:grpSpMkLst>
        </pc:grpChg>
        <pc:grpChg chg="mod">
          <ac:chgData name="White, Alex" userId="eff6cc8c-37d8-483b-9c6c-6b27e9afa9bc" providerId="ADAL" clId="{BF04C754-5BF4-4E83-9615-DB14FA25AF8A}" dt="2023-10-12T11:37:59.791" v="293"/>
          <ac:grpSpMkLst>
            <pc:docMk/>
            <pc:sldMk cId="2376958513" sldId="260"/>
            <ac:grpSpMk id="3603" creationId="{48813D11-26CF-23F8-B8E5-774569B8C96B}"/>
          </ac:grpSpMkLst>
        </pc:grpChg>
        <pc:grpChg chg="mod">
          <ac:chgData name="White, Alex" userId="eff6cc8c-37d8-483b-9c6c-6b27e9afa9bc" providerId="ADAL" clId="{BF04C754-5BF4-4E83-9615-DB14FA25AF8A}" dt="2023-10-12T11:37:59.791" v="293"/>
          <ac:grpSpMkLst>
            <pc:docMk/>
            <pc:sldMk cId="2376958513" sldId="260"/>
            <ac:grpSpMk id="3604" creationId="{7643D632-B46A-B1F5-64ED-659D3CAFBA2F}"/>
          </ac:grpSpMkLst>
        </pc:grpChg>
        <pc:grpChg chg="mod">
          <ac:chgData name="White, Alex" userId="eff6cc8c-37d8-483b-9c6c-6b27e9afa9bc" providerId="ADAL" clId="{BF04C754-5BF4-4E83-9615-DB14FA25AF8A}" dt="2023-10-12T11:37:59.791" v="293"/>
          <ac:grpSpMkLst>
            <pc:docMk/>
            <pc:sldMk cId="2376958513" sldId="260"/>
            <ac:grpSpMk id="3605" creationId="{41B15A3A-4267-CD09-B4B5-5EB88E917406}"/>
          </ac:grpSpMkLst>
        </pc:grpChg>
        <pc:grpChg chg="mod">
          <ac:chgData name="White, Alex" userId="eff6cc8c-37d8-483b-9c6c-6b27e9afa9bc" providerId="ADAL" clId="{BF04C754-5BF4-4E83-9615-DB14FA25AF8A}" dt="2023-10-12T11:37:59.791" v="293"/>
          <ac:grpSpMkLst>
            <pc:docMk/>
            <pc:sldMk cId="2376958513" sldId="260"/>
            <ac:grpSpMk id="3606" creationId="{C8941F7C-A562-72B0-BB8E-6BD54190975A}"/>
          </ac:grpSpMkLst>
        </pc:grpChg>
        <pc:grpChg chg="mod">
          <ac:chgData name="White, Alex" userId="eff6cc8c-37d8-483b-9c6c-6b27e9afa9bc" providerId="ADAL" clId="{BF04C754-5BF4-4E83-9615-DB14FA25AF8A}" dt="2023-10-12T11:37:59.791" v="293"/>
          <ac:grpSpMkLst>
            <pc:docMk/>
            <pc:sldMk cId="2376958513" sldId="260"/>
            <ac:grpSpMk id="3607" creationId="{E138FF02-5195-43AC-1C77-C61F04BC82D9}"/>
          </ac:grpSpMkLst>
        </pc:grpChg>
        <pc:grpChg chg="mod">
          <ac:chgData name="White, Alex" userId="eff6cc8c-37d8-483b-9c6c-6b27e9afa9bc" providerId="ADAL" clId="{BF04C754-5BF4-4E83-9615-DB14FA25AF8A}" dt="2023-10-12T11:37:59.791" v="293"/>
          <ac:grpSpMkLst>
            <pc:docMk/>
            <pc:sldMk cId="2376958513" sldId="260"/>
            <ac:grpSpMk id="3608" creationId="{B016EE5A-F217-9E0C-3530-E82DE61035A7}"/>
          </ac:grpSpMkLst>
        </pc:grpChg>
        <pc:grpChg chg="mod">
          <ac:chgData name="White, Alex" userId="eff6cc8c-37d8-483b-9c6c-6b27e9afa9bc" providerId="ADAL" clId="{BF04C754-5BF4-4E83-9615-DB14FA25AF8A}" dt="2023-10-12T11:37:59.791" v="293"/>
          <ac:grpSpMkLst>
            <pc:docMk/>
            <pc:sldMk cId="2376958513" sldId="260"/>
            <ac:grpSpMk id="3609" creationId="{EAA0ADAC-8B10-25A2-B0B5-75CC884CB540}"/>
          </ac:grpSpMkLst>
        </pc:grpChg>
        <pc:grpChg chg="mod">
          <ac:chgData name="White, Alex" userId="eff6cc8c-37d8-483b-9c6c-6b27e9afa9bc" providerId="ADAL" clId="{BF04C754-5BF4-4E83-9615-DB14FA25AF8A}" dt="2023-10-12T11:37:59.791" v="293"/>
          <ac:grpSpMkLst>
            <pc:docMk/>
            <pc:sldMk cId="2376958513" sldId="260"/>
            <ac:grpSpMk id="3610" creationId="{70A4D8DF-1DEE-80D8-6597-D94F8FF3D300}"/>
          </ac:grpSpMkLst>
        </pc:grpChg>
        <pc:grpChg chg="add del mod">
          <ac:chgData name="White, Alex" userId="eff6cc8c-37d8-483b-9c6c-6b27e9afa9bc" providerId="ADAL" clId="{BF04C754-5BF4-4E83-9615-DB14FA25AF8A}" dt="2023-10-12T11:39:45.972" v="314" actId="478"/>
          <ac:grpSpMkLst>
            <pc:docMk/>
            <pc:sldMk cId="2376958513" sldId="260"/>
            <ac:grpSpMk id="4611" creationId="{4E46C94C-EE95-8078-E397-09B3F34F1B15}"/>
          </ac:grpSpMkLst>
        </pc:grpChg>
        <pc:grpChg chg="mod">
          <ac:chgData name="White, Alex" userId="eff6cc8c-37d8-483b-9c6c-6b27e9afa9bc" providerId="ADAL" clId="{BF04C754-5BF4-4E83-9615-DB14FA25AF8A}" dt="2023-10-12T11:38:08.274" v="295"/>
          <ac:grpSpMkLst>
            <pc:docMk/>
            <pc:sldMk cId="2376958513" sldId="260"/>
            <ac:grpSpMk id="4612" creationId="{F6F5F08B-7DA9-F98C-3FF5-EF4D2C850B1A}"/>
          </ac:grpSpMkLst>
        </pc:grpChg>
        <pc:grpChg chg="mod">
          <ac:chgData name="White, Alex" userId="eff6cc8c-37d8-483b-9c6c-6b27e9afa9bc" providerId="ADAL" clId="{BF04C754-5BF4-4E83-9615-DB14FA25AF8A}" dt="2023-10-12T11:38:08.274" v="295"/>
          <ac:grpSpMkLst>
            <pc:docMk/>
            <pc:sldMk cId="2376958513" sldId="260"/>
            <ac:grpSpMk id="4613" creationId="{19E53228-29E2-E8DA-A24A-40A439DBC852}"/>
          </ac:grpSpMkLst>
        </pc:grpChg>
        <pc:grpChg chg="mod">
          <ac:chgData name="White, Alex" userId="eff6cc8c-37d8-483b-9c6c-6b27e9afa9bc" providerId="ADAL" clId="{BF04C754-5BF4-4E83-9615-DB14FA25AF8A}" dt="2023-10-12T11:38:08.274" v="295"/>
          <ac:grpSpMkLst>
            <pc:docMk/>
            <pc:sldMk cId="2376958513" sldId="260"/>
            <ac:grpSpMk id="4614" creationId="{E35BDE56-DA2E-90BB-1A8D-255B41034DA0}"/>
          </ac:grpSpMkLst>
        </pc:grpChg>
        <pc:grpChg chg="mod">
          <ac:chgData name="White, Alex" userId="eff6cc8c-37d8-483b-9c6c-6b27e9afa9bc" providerId="ADAL" clId="{BF04C754-5BF4-4E83-9615-DB14FA25AF8A}" dt="2023-10-12T11:38:08.274" v="295"/>
          <ac:grpSpMkLst>
            <pc:docMk/>
            <pc:sldMk cId="2376958513" sldId="260"/>
            <ac:grpSpMk id="4615" creationId="{2DD697E6-BFF3-86A8-EE2B-CB56C74809B1}"/>
          </ac:grpSpMkLst>
        </pc:grpChg>
        <pc:grpChg chg="mod">
          <ac:chgData name="White, Alex" userId="eff6cc8c-37d8-483b-9c6c-6b27e9afa9bc" providerId="ADAL" clId="{BF04C754-5BF4-4E83-9615-DB14FA25AF8A}" dt="2023-10-12T11:38:08.274" v="295"/>
          <ac:grpSpMkLst>
            <pc:docMk/>
            <pc:sldMk cId="2376958513" sldId="260"/>
            <ac:grpSpMk id="4616" creationId="{B110B3DB-8B40-8843-6134-E6CE19495BC0}"/>
          </ac:grpSpMkLst>
        </pc:grpChg>
        <pc:grpChg chg="mod">
          <ac:chgData name="White, Alex" userId="eff6cc8c-37d8-483b-9c6c-6b27e9afa9bc" providerId="ADAL" clId="{BF04C754-5BF4-4E83-9615-DB14FA25AF8A}" dt="2023-10-12T11:38:08.274" v="295"/>
          <ac:grpSpMkLst>
            <pc:docMk/>
            <pc:sldMk cId="2376958513" sldId="260"/>
            <ac:grpSpMk id="4617" creationId="{D14BD79A-0EF0-AD11-F1E5-35D85DA5E52B}"/>
          </ac:grpSpMkLst>
        </pc:grpChg>
        <pc:grpChg chg="mod">
          <ac:chgData name="White, Alex" userId="eff6cc8c-37d8-483b-9c6c-6b27e9afa9bc" providerId="ADAL" clId="{BF04C754-5BF4-4E83-9615-DB14FA25AF8A}" dt="2023-10-12T11:38:08.274" v="295"/>
          <ac:grpSpMkLst>
            <pc:docMk/>
            <pc:sldMk cId="2376958513" sldId="260"/>
            <ac:grpSpMk id="4618" creationId="{D436A3A3-52CD-4459-C554-246431E3C656}"/>
          </ac:grpSpMkLst>
        </pc:grpChg>
        <pc:grpChg chg="mod">
          <ac:chgData name="White, Alex" userId="eff6cc8c-37d8-483b-9c6c-6b27e9afa9bc" providerId="ADAL" clId="{BF04C754-5BF4-4E83-9615-DB14FA25AF8A}" dt="2023-10-12T11:38:08.274" v="295"/>
          <ac:grpSpMkLst>
            <pc:docMk/>
            <pc:sldMk cId="2376958513" sldId="260"/>
            <ac:grpSpMk id="4619" creationId="{DDE65E04-FFAF-36D1-8165-9B91207CF60D}"/>
          </ac:grpSpMkLst>
        </pc:grpChg>
        <pc:grpChg chg="mod">
          <ac:chgData name="White, Alex" userId="eff6cc8c-37d8-483b-9c6c-6b27e9afa9bc" providerId="ADAL" clId="{BF04C754-5BF4-4E83-9615-DB14FA25AF8A}" dt="2023-10-12T11:38:08.274" v="295"/>
          <ac:grpSpMkLst>
            <pc:docMk/>
            <pc:sldMk cId="2376958513" sldId="260"/>
            <ac:grpSpMk id="4620" creationId="{A57B8978-CF93-C552-14B4-A7CE7F6BEA9C}"/>
          </ac:grpSpMkLst>
        </pc:grpChg>
        <pc:grpChg chg="mod">
          <ac:chgData name="White, Alex" userId="eff6cc8c-37d8-483b-9c6c-6b27e9afa9bc" providerId="ADAL" clId="{BF04C754-5BF4-4E83-9615-DB14FA25AF8A}" dt="2023-10-12T11:38:08.274" v="295"/>
          <ac:grpSpMkLst>
            <pc:docMk/>
            <pc:sldMk cId="2376958513" sldId="260"/>
            <ac:grpSpMk id="4621" creationId="{3AF5644A-8BE6-DD2F-778E-389AA674E8C9}"/>
          </ac:grpSpMkLst>
        </pc:grpChg>
        <pc:grpChg chg="add del mod">
          <ac:chgData name="White, Alex" userId="eff6cc8c-37d8-483b-9c6c-6b27e9afa9bc" providerId="ADAL" clId="{BF04C754-5BF4-4E83-9615-DB14FA25AF8A}" dt="2023-10-12T11:39:45.972" v="314" actId="478"/>
          <ac:grpSpMkLst>
            <pc:docMk/>
            <pc:sldMk cId="2376958513" sldId="260"/>
            <ac:grpSpMk id="5622" creationId="{10575E07-F3DB-F156-CCF7-9BF7B4D70FA2}"/>
          </ac:grpSpMkLst>
        </pc:grpChg>
        <pc:grpChg chg="mod">
          <ac:chgData name="White, Alex" userId="eff6cc8c-37d8-483b-9c6c-6b27e9afa9bc" providerId="ADAL" clId="{BF04C754-5BF4-4E83-9615-DB14FA25AF8A}" dt="2023-10-12T11:38:08.274" v="295"/>
          <ac:grpSpMkLst>
            <pc:docMk/>
            <pc:sldMk cId="2376958513" sldId="260"/>
            <ac:grpSpMk id="5623" creationId="{42D1BEBF-590A-76D7-3DB2-225F8EEDE968}"/>
          </ac:grpSpMkLst>
        </pc:grpChg>
        <pc:grpChg chg="mod">
          <ac:chgData name="White, Alex" userId="eff6cc8c-37d8-483b-9c6c-6b27e9afa9bc" providerId="ADAL" clId="{BF04C754-5BF4-4E83-9615-DB14FA25AF8A}" dt="2023-10-12T11:38:08.274" v="295"/>
          <ac:grpSpMkLst>
            <pc:docMk/>
            <pc:sldMk cId="2376958513" sldId="260"/>
            <ac:grpSpMk id="5624" creationId="{D313402D-8CEE-DF3E-F0EC-82078B04F287}"/>
          </ac:grpSpMkLst>
        </pc:grpChg>
        <pc:grpChg chg="mod">
          <ac:chgData name="White, Alex" userId="eff6cc8c-37d8-483b-9c6c-6b27e9afa9bc" providerId="ADAL" clId="{BF04C754-5BF4-4E83-9615-DB14FA25AF8A}" dt="2023-10-12T11:38:08.274" v="295"/>
          <ac:grpSpMkLst>
            <pc:docMk/>
            <pc:sldMk cId="2376958513" sldId="260"/>
            <ac:grpSpMk id="5625" creationId="{22C790B7-9DD6-ECE6-2E94-2B9FEF16B5FB}"/>
          </ac:grpSpMkLst>
        </pc:grpChg>
        <pc:grpChg chg="mod">
          <ac:chgData name="White, Alex" userId="eff6cc8c-37d8-483b-9c6c-6b27e9afa9bc" providerId="ADAL" clId="{BF04C754-5BF4-4E83-9615-DB14FA25AF8A}" dt="2023-10-12T11:38:08.274" v="295"/>
          <ac:grpSpMkLst>
            <pc:docMk/>
            <pc:sldMk cId="2376958513" sldId="260"/>
            <ac:grpSpMk id="5626" creationId="{F3173D25-3BDF-3A79-1252-61A369B1F0F2}"/>
          </ac:grpSpMkLst>
        </pc:grpChg>
        <pc:grpChg chg="mod">
          <ac:chgData name="White, Alex" userId="eff6cc8c-37d8-483b-9c6c-6b27e9afa9bc" providerId="ADAL" clId="{BF04C754-5BF4-4E83-9615-DB14FA25AF8A}" dt="2023-10-12T11:38:08.274" v="295"/>
          <ac:grpSpMkLst>
            <pc:docMk/>
            <pc:sldMk cId="2376958513" sldId="260"/>
            <ac:grpSpMk id="5627" creationId="{3E77ABB9-3D7E-1747-6CBF-6C56DD58B5D3}"/>
          </ac:grpSpMkLst>
        </pc:grpChg>
        <pc:grpChg chg="mod">
          <ac:chgData name="White, Alex" userId="eff6cc8c-37d8-483b-9c6c-6b27e9afa9bc" providerId="ADAL" clId="{BF04C754-5BF4-4E83-9615-DB14FA25AF8A}" dt="2023-10-12T11:38:08.274" v="295"/>
          <ac:grpSpMkLst>
            <pc:docMk/>
            <pc:sldMk cId="2376958513" sldId="260"/>
            <ac:grpSpMk id="5628" creationId="{27065F42-44EC-D960-5683-3766D1292682}"/>
          </ac:grpSpMkLst>
        </pc:grpChg>
        <pc:grpChg chg="mod">
          <ac:chgData name="White, Alex" userId="eff6cc8c-37d8-483b-9c6c-6b27e9afa9bc" providerId="ADAL" clId="{BF04C754-5BF4-4E83-9615-DB14FA25AF8A}" dt="2023-10-12T11:38:08.274" v="295"/>
          <ac:grpSpMkLst>
            <pc:docMk/>
            <pc:sldMk cId="2376958513" sldId="260"/>
            <ac:grpSpMk id="5629" creationId="{AC2C45F5-8204-A14E-8471-673627067BB6}"/>
          </ac:grpSpMkLst>
        </pc:grpChg>
        <pc:grpChg chg="mod">
          <ac:chgData name="White, Alex" userId="eff6cc8c-37d8-483b-9c6c-6b27e9afa9bc" providerId="ADAL" clId="{BF04C754-5BF4-4E83-9615-DB14FA25AF8A}" dt="2023-10-12T11:38:08.274" v="295"/>
          <ac:grpSpMkLst>
            <pc:docMk/>
            <pc:sldMk cId="2376958513" sldId="260"/>
            <ac:grpSpMk id="5630" creationId="{0856D72A-DD78-E603-D339-70D0483D7226}"/>
          </ac:grpSpMkLst>
        </pc:grpChg>
        <pc:grpChg chg="mod">
          <ac:chgData name="White, Alex" userId="eff6cc8c-37d8-483b-9c6c-6b27e9afa9bc" providerId="ADAL" clId="{BF04C754-5BF4-4E83-9615-DB14FA25AF8A}" dt="2023-10-12T11:38:08.274" v="295"/>
          <ac:grpSpMkLst>
            <pc:docMk/>
            <pc:sldMk cId="2376958513" sldId="260"/>
            <ac:grpSpMk id="5631" creationId="{8A8590D7-0445-0EFC-45D4-64580393D2AA}"/>
          </ac:grpSpMkLst>
        </pc:grpChg>
        <pc:grpChg chg="mod">
          <ac:chgData name="White, Alex" userId="eff6cc8c-37d8-483b-9c6c-6b27e9afa9bc" providerId="ADAL" clId="{BF04C754-5BF4-4E83-9615-DB14FA25AF8A}" dt="2023-10-12T11:38:08.274" v="295"/>
          <ac:grpSpMkLst>
            <pc:docMk/>
            <pc:sldMk cId="2376958513" sldId="260"/>
            <ac:grpSpMk id="5632" creationId="{091D2821-B276-15CB-90F9-99A293DABDDC}"/>
          </ac:grpSpMkLst>
        </pc:grpChg>
        <pc:grpChg chg="add del mod">
          <ac:chgData name="White, Alex" userId="eff6cc8c-37d8-483b-9c6c-6b27e9afa9bc" providerId="ADAL" clId="{BF04C754-5BF4-4E83-9615-DB14FA25AF8A}" dt="2023-10-12T11:39:45.972" v="314" actId="478"/>
          <ac:grpSpMkLst>
            <pc:docMk/>
            <pc:sldMk cId="2376958513" sldId="260"/>
            <ac:grpSpMk id="6633" creationId="{7DF940F5-E1D5-0E3A-4BE1-5EFDCAB11FBC}"/>
          </ac:grpSpMkLst>
        </pc:grpChg>
        <pc:grpChg chg="mod">
          <ac:chgData name="White, Alex" userId="eff6cc8c-37d8-483b-9c6c-6b27e9afa9bc" providerId="ADAL" clId="{BF04C754-5BF4-4E83-9615-DB14FA25AF8A}" dt="2023-10-12T11:38:08.274" v="295"/>
          <ac:grpSpMkLst>
            <pc:docMk/>
            <pc:sldMk cId="2376958513" sldId="260"/>
            <ac:grpSpMk id="6634" creationId="{52050D89-03C9-DA46-66DA-E10710FF0AC9}"/>
          </ac:grpSpMkLst>
        </pc:grpChg>
        <pc:grpChg chg="mod">
          <ac:chgData name="White, Alex" userId="eff6cc8c-37d8-483b-9c6c-6b27e9afa9bc" providerId="ADAL" clId="{BF04C754-5BF4-4E83-9615-DB14FA25AF8A}" dt="2023-10-12T11:38:08.274" v="295"/>
          <ac:grpSpMkLst>
            <pc:docMk/>
            <pc:sldMk cId="2376958513" sldId="260"/>
            <ac:grpSpMk id="6635" creationId="{2B08DF9E-A063-9E0C-DD3C-FECA251B2DF4}"/>
          </ac:grpSpMkLst>
        </pc:grpChg>
        <pc:grpChg chg="mod">
          <ac:chgData name="White, Alex" userId="eff6cc8c-37d8-483b-9c6c-6b27e9afa9bc" providerId="ADAL" clId="{BF04C754-5BF4-4E83-9615-DB14FA25AF8A}" dt="2023-10-12T11:38:08.274" v="295"/>
          <ac:grpSpMkLst>
            <pc:docMk/>
            <pc:sldMk cId="2376958513" sldId="260"/>
            <ac:grpSpMk id="6636" creationId="{D6212369-A4D0-F7FD-20A2-BC19C2445B25}"/>
          </ac:grpSpMkLst>
        </pc:grpChg>
        <pc:grpChg chg="mod">
          <ac:chgData name="White, Alex" userId="eff6cc8c-37d8-483b-9c6c-6b27e9afa9bc" providerId="ADAL" clId="{BF04C754-5BF4-4E83-9615-DB14FA25AF8A}" dt="2023-10-12T11:38:08.274" v="295"/>
          <ac:grpSpMkLst>
            <pc:docMk/>
            <pc:sldMk cId="2376958513" sldId="260"/>
            <ac:grpSpMk id="6637" creationId="{CE272598-E0C7-B309-B325-CA06FDE85ACF}"/>
          </ac:grpSpMkLst>
        </pc:grpChg>
        <pc:grpChg chg="mod">
          <ac:chgData name="White, Alex" userId="eff6cc8c-37d8-483b-9c6c-6b27e9afa9bc" providerId="ADAL" clId="{BF04C754-5BF4-4E83-9615-DB14FA25AF8A}" dt="2023-10-12T11:38:08.274" v="295"/>
          <ac:grpSpMkLst>
            <pc:docMk/>
            <pc:sldMk cId="2376958513" sldId="260"/>
            <ac:grpSpMk id="6638" creationId="{C8D9CB43-CB27-7F62-52CE-574F257CE64B}"/>
          </ac:grpSpMkLst>
        </pc:grpChg>
        <pc:grpChg chg="mod">
          <ac:chgData name="White, Alex" userId="eff6cc8c-37d8-483b-9c6c-6b27e9afa9bc" providerId="ADAL" clId="{BF04C754-5BF4-4E83-9615-DB14FA25AF8A}" dt="2023-10-12T11:38:08.274" v="295"/>
          <ac:grpSpMkLst>
            <pc:docMk/>
            <pc:sldMk cId="2376958513" sldId="260"/>
            <ac:grpSpMk id="6639" creationId="{743DA73E-D2BA-88FB-C430-41F7E823063A}"/>
          </ac:grpSpMkLst>
        </pc:grpChg>
        <pc:grpChg chg="mod">
          <ac:chgData name="White, Alex" userId="eff6cc8c-37d8-483b-9c6c-6b27e9afa9bc" providerId="ADAL" clId="{BF04C754-5BF4-4E83-9615-DB14FA25AF8A}" dt="2023-10-12T11:38:08.274" v="295"/>
          <ac:grpSpMkLst>
            <pc:docMk/>
            <pc:sldMk cId="2376958513" sldId="260"/>
            <ac:grpSpMk id="6640" creationId="{2A52D26D-1577-CA45-5E5A-7AB104DD0C48}"/>
          </ac:grpSpMkLst>
        </pc:grpChg>
        <pc:grpChg chg="mod">
          <ac:chgData name="White, Alex" userId="eff6cc8c-37d8-483b-9c6c-6b27e9afa9bc" providerId="ADAL" clId="{BF04C754-5BF4-4E83-9615-DB14FA25AF8A}" dt="2023-10-12T11:38:08.274" v="295"/>
          <ac:grpSpMkLst>
            <pc:docMk/>
            <pc:sldMk cId="2376958513" sldId="260"/>
            <ac:grpSpMk id="6641" creationId="{EB8D8D12-5C66-5DD4-A1B4-81798B29B3A9}"/>
          </ac:grpSpMkLst>
        </pc:grpChg>
        <pc:grpChg chg="mod">
          <ac:chgData name="White, Alex" userId="eff6cc8c-37d8-483b-9c6c-6b27e9afa9bc" providerId="ADAL" clId="{BF04C754-5BF4-4E83-9615-DB14FA25AF8A}" dt="2023-10-12T11:38:08.274" v="295"/>
          <ac:grpSpMkLst>
            <pc:docMk/>
            <pc:sldMk cId="2376958513" sldId="260"/>
            <ac:grpSpMk id="6642" creationId="{967C5765-3527-32CB-F3D2-D1784784AB59}"/>
          </ac:grpSpMkLst>
        </pc:grpChg>
        <pc:grpChg chg="mod">
          <ac:chgData name="White, Alex" userId="eff6cc8c-37d8-483b-9c6c-6b27e9afa9bc" providerId="ADAL" clId="{BF04C754-5BF4-4E83-9615-DB14FA25AF8A}" dt="2023-10-12T11:38:08.274" v="295"/>
          <ac:grpSpMkLst>
            <pc:docMk/>
            <pc:sldMk cId="2376958513" sldId="260"/>
            <ac:grpSpMk id="6643" creationId="{3EED2918-E6A1-5B1B-B1C7-052AFD16C49D}"/>
          </ac:grpSpMkLst>
        </pc:grpChg>
        <pc:grpChg chg="add del mod">
          <ac:chgData name="White, Alex" userId="eff6cc8c-37d8-483b-9c6c-6b27e9afa9bc" providerId="ADAL" clId="{BF04C754-5BF4-4E83-9615-DB14FA25AF8A}" dt="2023-10-12T11:39:45.972" v="314" actId="478"/>
          <ac:grpSpMkLst>
            <pc:docMk/>
            <pc:sldMk cId="2376958513" sldId="260"/>
            <ac:grpSpMk id="7644" creationId="{C33AE558-2219-30EA-A4BB-81FA61632DDE}"/>
          </ac:grpSpMkLst>
        </pc:grpChg>
        <pc:grpChg chg="mod">
          <ac:chgData name="White, Alex" userId="eff6cc8c-37d8-483b-9c6c-6b27e9afa9bc" providerId="ADAL" clId="{BF04C754-5BF4-4E83-9615-DB14FA25AF8A}" dt="2023-10-12T11:38:08.274" v="295"/>
          <ac:grpSpMkLst>
            <pc:docMk/>
            <pc:sldMk cId="2376958513" sldId="260"/>
            <ac:grpSpMk id="7645" creationId="{320266EF-91E0-97C6-1CFA-77DF88F37CF6}"/>
          </ac:grpSpMkLst>
        </pc:grpChg>
        <pc:grpChg chg="mod">
          <ac:chgData name="White, Alex" userId="eff6cc8c-37d8-483b-9c6c-6b27e9afa9bc" providerId="ADAL" clId="{BF04C754-5BF4-4E83-9615-DB14FA25AF8A}" dt="2023-10-12T11:38:08.274" v="295"/>
          <ac:grpSpMkLst>
            <pc:docMk/>
            <pc:sldMk cId="2376958513" sldId="260"/>
            <ac:grpSpMk id="7646" creationId="{61700702-E1FC-1CFE-DD34-4B808D0ED817}"/>
          </ac:grpSpMkLst>
        </pc:grpChg>
        <pc:grpChg chg="mod">
          <ac:chgData name="White, Alex" userId="eff6cc8c-37d8-483b-9c6c-6b27e9afa9bc" providerId="ADAL" clId="{BF04C754-5BF4-4E83-9615-DB14FA25AF8A}" dt="2023-10-12T11:38:08.274" v="295"/>
          <ac:grpSpMkLst>
            <pc:docMk/>
            <pc:sldMk cId="2376958513" sldId="260"/>
            <ac:grpSpMk id="7647" creationId="{E17B6DEB-EB50-AA30-48EE-C826BCFD82B2}"/>
          </ac:grpSpMkLst>
        </pc:grpChg>
        <pc:grpChg chg="mod">
          <ac:chgData name="White, Alex" userId="eff6cc8c-37d8-483b-9c6c-6b27e9afa9bc" providerId="ADAL" clId="{BF04C754-5BF4-4E83-9615-DB14FA25AF8A}" dt="2023-10-12T11:38:08.274" v="295"/>
          <ac:grpSpMkLst>
            <pc:docMk/>
            <pc:sldMk cId="2376958513" sldId="260"/>
            <ac:grpSpMk id="7648" creationId="{CD083689-5FA7-4648-7AF2-77968A959A81}"/>
          </ac:grpSpMkLst>
        </pc:grpChg>
        <pc:grpChg chg="mod">
          <ac:chgData name="White, Alex" userId="eff6cc8c-37d8-483b-9c6c-6b27e9afa9bc" providerId="ADAL" clId="{BF04C754-5BF4-4E83-9615-DB14FA25AF8A}" dt="2023-10-12T11:38:08.274" v="295"/>
          <ac:grpSpMkLst>
            <pc:docMk/>
            <pc:sldMk cId="2376958513" sldId="260"/>
            <ac:grpSpMk id="7649" creationId="{28B214B3-DA63-BA46-6CEF-876894BD2724}"/>
          </ac:grpSpMkLst>
        </pc:grpChg>
        <pc:grpChg chg="mod">
          <ac:chgData name="White, Alex" userId="eff6cc8c-37d8-483b-9c6c-6b27e9afa9bc" providerId="ADAL" clId="{BF04C754-5BF4-4E83-9615-DB14FA25AF8A}" dt="2023-10-12T11:38:08.274" v="295"/>
          <ac:grpSpMkLst>
            <pc:docMk/>
            <pc:sldMk cId="2376958513" sldId="260"/>
            <ac:grpSpMk id="7650" creationId="{626FFCC1-4104-C0F0-0C4F-E3FFE884D303}"/>
          </ac:grpSpMkLst>
        </pc:grpChg>
        <pc:grpChg chg="mod">
          <ac:chgData name="White, Alex" userId="eff6cc8c-37d8-483b-9c6c-6b27e9afa9bc" providerId="ADAL" clId="{BF04C754-5BF4-4E83-9615-DB14FA25AF8A}" dt="2023-10-12T11:38:08.274" v="295"/>
          <ac:grpSpMkLst>
            <pc:docMk/>
            <pc:sldMk cId="2376958513" sldId="260"/>
            <ac:grpSpMk id="7651" creationId="{9C760158-3003-66D7-406C-BD9E0B7724B8}"/>
          </ac:grpSpMkLst>
        </pc:grpChg>
        <pc:grpChg chg="mod">
          <ac:chgData name="White, Alex" userId="eff6cc8c-37d8-483b-9c6c-6b27e9afa9bc" providerId="ADAL" clId="{BF04C754-5BF4-4E83-9615-DB14FA25AF8A}" dt="2023-10-12T11:38:08.274" v="295"/>
          <ac:grpSpMkLst>
            <pc:docMk/>
            <pc:sldMk cId="2376958513" sldId="260"/>
            <ac:grpSpMk id="7652" creationId="{76CD409A-2AD9-6EC6-4086-C4900B2E2F2D}"/>
          </ac:grpSpMkLst>
        </pc:grpChg>
        <pc:grpChg chg="mod">
          <ac:chgData name="White, Alex" userId="eff6cc8c-37d8-483b-9c6c-6b27e9afa9bc" providerId="ADAL" clId="{BF04C754-5BF4-4E83-9615-DB14FA25AF8A}" dt="2023-10-12T11:38:08.274" v="295"/>
          <ac:grpSpMkLst>
            <pc:docMk/>
            <pc:sldMk cId="2376958513" sldId="260"/>
            <ac:grpSpMk id="7653" creationId="{5D066F67-8886-4BC5-6876-7B4787C16935}"/>
          </ac:grpSpMkLst>
        </pc:grpChg>
        <pc:grpChg chg="mod">
          <ac:chgData name="White, Alex" userId="eff6cc8c-37d8-483b-9c6c-6b27e9afa9bc" providerId="ADAL" clId="{BF04C754-5BF4-4E83-9615-DB14FA25AF8A}" dt="2023-10-12T11:38:08.274" v="295"/>
          <ac:grpSpMkLst>
            <pc:docMk/>
            <pc:sldMk cId="2376958513" sldId="260"/>
            <ac:grpSpMk id="7654" creationId="{A9F326AB-7533-E164-9519-CA60798B03C7}"/>
          </ac:grpSpMkLst>
        </pc:grpChg>
        <pc:grpChg chg="add del mod">
          <ac:chgData name="White, Alex" userId="eff6cc8c-37d8-483b-9c6c-6b27e9afa9bc" providerId="ADAL" clId="{BF04C754-5BF4-4E83-9615-DB14FA25AF8A}" dt="2023-10-12T11:38:23.496" v="299"/>
          <ac:grpSpMkLst>
            <pc:docMk/>
            <pc:sldMk cId="2376958513" sldId="260"/>
            <ac:grpSpMk id="8655" creationId="{268A92E3-FE23-F42C-D7B7-C4FB5E1A5D32}"/>
          </ac:grpSpMkLst>
        </pc:grpChg>
        <pc:grpChg chg="mod">
          <ac:chgData name="White, Alex" userId="eff6cc8c-37d8-483b-9c6c-6b27e9afa9bc" providerId="ADAL" clId="{BF04C754-5BF4-4E83-9615-DB14FA25AF8A}" dt="2023-10-12T11:38:20.867" v="298"/>
          <ac:grpSpMkLst>
            <pc:docMk/>
            <pc:sldMk cId="2376958513" sldId="260"/>
            <ac:grpSpMk id="8656" creationId="{E9C65F26-0ABA-3080-8A9F-15A54EDEBA29}"/>
          </ac:grpSpMkLst>
        </pc:grpChg>
        <pc:grpChg chg="mod">
          <ac:chgData name="White, Alex" userId="eff6cc8c-37d8-483b-9c6c-6b27e9afa9bc" providerId="ADAL" clId="{BF04C754-5BF4-4E83-9615-DB14FA25AF8A}" dt="2023-10-12T11:38:20.867" v="298"/>
          <ac:grpSpMkLst>
            <pc:docMk/>
            <pc:sldMk cId="2376958513" sldId="260"/>
            <ac:grpSpMk id="8657" creationId="{6C9C266E-A463-4040-EDA4-6909FA920CB6}"/>
          </ac:grpSpMkLst>
        </pc:grpChg>
        <pc:grpChg chg="mod">
          <ac:chgData name="White, Alex" userId="eff6cc8c-37d8-483b-9c6c-6b27e9afa9bc" providerId="ADAL" clId="{BF04C754-5BF4-4E83-9615-DB14FA25AF8A}" dt="2023-10-12T11:38:20.867" v="298"/>
          <ac:grpSpMkLst>
            <pc:docMk/>
            <pc:sldMk cId="2376958513" sldId="260"/>
            <ac:grpSpMk id="8658" creationId="{B84AD128-CF20-5761-1F5F-ADD18B6BCE63}"/>
          </ac:grpSpMkLst>
        </pc:grpChg>
        <pc:grpChg chg="mod">
          <ac:chgData name="White, Alex" userId="eff6cc8c-37d8-483b-9c6c-6b27e9afa9bc" providerId="ADAL" clId="{BF04C754-5BF4-4E83-9615-DB14FA25AF8A}" dt="2023-10-12T11:38:20.867" v="298"/>
          <ac:grpSpMkLst>
            <pc:docMk/>
            <pc:sldMk cId="2376958513" sldId="260"/>
            <ac:grpSpMk id="8659" creationId="{DFA891EC-CE98-0953-3BAF-01787BCA1F8C}"/>
          </ac:grpSpMkLst>
        </pc:grpChg>
        <pc:grpChg chg="mod">
          <ac:chgData name="White, Alex" userId="eff6cc8c-37d8-483b-9c6c-6b27e9afa9bc" providerId="ADAL" clId="{BF04C754-5BF4-4E83-9615-DB14FA25AF8A}" dt="2023-10-12T11:38:20.867" v="298"/>
          <ac:grpSpMkLst>
            <pc:docMk/>
            <pc:sldMk cId="2376958513" sldId="260"/>
            <ac:grpSpMk id="8660" creationId="{09F77F28-A346-2627-C337-510CFB756DFA}"/>
          </ac:grpSpMkLst>
        </pc:grpChg>
        <pc:grpChg chg="mod">
          <ac:chgData name="White, Alex" userId="eff6cc8c-37d8-483b-9c6c-6b27e9afa9bc" providerId="ADAL" clId="{BF04C754-5BF4-4E83-9615-DB14FA25AF8A}" dt="2023-10-12T11:38:20.867" v="298"/>
          <ac:grpSpMkLst>
            <pc:docMk/>
            <pc:sldMk cId="2376958513" sldId="260"/>
            <ac:grpSpMk id="8661" creationId="{40541048-28B8-2A85-C387-86F2D3D2BCBA}"/>
          </ac:grpSpMkLst>
        </pc:grpChg>
        <pc:grpChg chg="mod">
          <ac:chgData name="White, Alex" userId="eff6cc8c-37d8-483b-9c6c-6b27e9afa9bc" providerId="ADAL" clId="{BF04C754-5BF4-4E83-9615-DB14FA25AF8A}" dt="2023-10-12T11:38:20.867" v="298"/>
          <ac:grpSpMkLst>
            <pc:docMk/>
            <pc:sldMk cId="2376958513" sldId="260"/>
            <ac:grpSpMk id="8662" creationId="{221CB5AF-A689-0DAB-21D9-D8377EB93224}"/>
          </ac:grpSpMkLst>
        </pc:grpChg>
        <pc:grpChg chg="mod">
          <ac:chgData name="White, Alex" userId="eff6cc8c-37d8-483b-9c6c-6b27e9afa9bc" providerId="ADAL" clId="{BF04C754-5BF4-4E83-9615-DB14FA25AF8A}" dt="2023-10-12T11:38:20.867" v="298"/>
          <ac:grpSpMkLst>
            <pc:docMk/>
            <pc:sldMk cId="2376958513" sldId="260"/>
            <ac:grpSpMk id="8663" creationId="{C32D207B-D676-24C7-12DC-6DC2E86515B8}"/>
          </ac:grpSpMkLst>
        </pc:grpChg>
        <pc:grpChg chg="mod">
          <ac:chgData name="White, Alex" userId="eff6cc8c-37d8-483b-9c6c-6b27e9afa9bc" providerId="ADAL" clId="{BF04C754-5BF4-4E83-9615-DB14FA25AF8A}" dt="2023-10-12T11:38:20.867" v="298"/>
          <ac:grpSpMkLst>
            <pc:docMk/>
            <pc:sldMk cId="2376958513" sldId="260"/>
            <ac:grpSpMk id="8664" creationId="{FF37C2D7-24C6-3957-92BF-8D1E6E741B15}"/>
          </ac:grpSpMkLst>
        </pc:grpChg>
        <pc:grpChg chg="mod">
          <ac:chgData name="White, Alex" userId="eff6cc8c-37d8-483b-9c6c-6b27e9afa9bc" providerId="ADAL" clId="{BF04C754-5BF4-4E83-9615-DB14FA25AF8A}" dt="2023-10-12T11:38:20.867" v="298"/>
          <ac:grpSpMkLst>
            <pc:docMk/>
            <pc:sldMk cId="2376958513" sldId="260"/>
            <ac:grpSpMk id="8665" creationId="{B2E58505-8724-A6AC-7601-2DE94A38F8BA}"/>
          </ac:grpSpMkLst>
        </pc:grpChg>
        <pc:grpChg chg="add del mod">
          <ac:chgData name="White, Alex" userId="eff6cc8c-37d8-483b-9c6c-6b27e9afa9bc" providerId="ADAL" clId="{BF04C754-5BF4-4E83-9615-DB14FA25AF8A}" dt="2023-10-12T11:38:23.496" v="299"/>
          <ac:grpSpMkLst>
            <pc:docMk/>
            <pc:sldMk cId="2376958513" sldId="260"/>
            <ac:grpSpMk id="9666" creationId="{FE7F334F-D8A7-3401-55B1-3EC2877726F1}"/>
          </ac:grpSpMkLst>
        </pc:grpChg>
        <pc:grpChg chg="mod">
          <ac:chgData name="White, Alex" userId="eff6cc8c-37d8-483b-9c6c-6b27e9afa9bc" providerId="ADAL" clId="{BF04C754-5BF4-4E83-9615-DB14FA25AF8A}" dt="2023-10-12T11:38:20.867" v="298"/>
          <ac:grpSpMkLst>
            <pc:docMk/>
            <pc:sldMk cId="2376958513" sldId="260"/>
            <ac:grpSpMk id="9667" creationId="{181F65BF-ED49-1885-96A4-C179663622C1}"/>
          </ac:grpSpMkLst>
        </pc:grpChg>
        <pc:grpChg chg="mod">
          <ac:chgData name="White, Alex" userId="eff6cc8c-37d8-483b-9c6c-6b27e9afa9bc" providerId="ADAL" clId="{BF04C754-5BF4-4E83-9615-DB14FA25AF8A}" dt="2023-10-12T11:38:20.867" v="298"/>
          <ac:grpSpMkLst>
            <pc:docMk/>
            <pc:sldMk cId="2376958513" sldId="260"/>
            <ac:grpSpMk id="9668" creationId="{C33DB55D-FABA-0F13-09E6-1A207A005D43}"/>
          </ac:grpSpMkLst>
        </pc:grpChg>
        <pc:grpChg chg="mod">
          <ac:chgData name="White, Alex" userId="eff6cc8c-37d8-483b-9c6c-6b27e9afa9bc" providerId="ADAL" clId="{BF04C754-5BF4-4E83-9615-DB14FA25AF8A}" dt="2023-10-12T11:38:20.867" v="298"/>
          <ac:grpSpMkLst>
            <pc:docMk/>
            <pc:sldMk cId="2376958513" sldId="260"/>
            <ac:grpSpMk id="9669" creationId="{96E662C9-DB37-73C2-986F-3555868B758C}"/>
          </ac:grpSpMkLst>
        </pc:grpChg>
        <pc:grpChg chg="mod">
          <ac:chgData name="White, Alex" userId="eff6cc8c-37d8-483b-9c6c-6b27e9afa9bc" providerId="ADAL" clId="{BF04C754-5BF4-4E83-9615-DB14FA25AF8A}" dt="2023-10-12T11:38:20.867" v="298"/>
          <ac:grpSpMkLst>
            <pc:docMk/>
            <pc:sldMk cId="2376958513" sldId="260"/>
            <ac:grpSpMk id="9670" creationId="{714A34D2-0401-D95F-A31A-C7F2CA49BF57}"/>
          </ac:grpSpMkLst>
        </pc:grpChg>
        <pc:grpChg chg="mod">
          <ac:chgData name="White, Alex" userId="eff6cc8c-37d8-483b-9c6c-6b27e9afa9bc" providerId="ADAL" clId="{BF04C754-5BF4-4E83-9615-DB14FA25AF8A}" dt="2023-10-12T11:38:20.867" v="298"/>
          <ac:grpSpMkLst>
            <pc:docMk/>
            <pc:sldMk cId="2376958513" sldId="260"/>
            <ac:grpSpMk id="9671" creationId="{A44F6DE6-1F55-472D-7C04-1BEF0E232C3D}"/>
          </ac:grpSpMkLst>
        </pc:grpChg>
        <pc:grpChg chg="mod">
          <ac:chgData name="White, Alex" userId="eff6cc8c-37d8-483b-9c6c-6b27e9afa9bc" providerId="ADAL" clId="{BF04C754-5BF4-4E83-9615-DB14FA25AF8A}" dt="2023-10-12T11:38:20.867" v="298"/>
          <ac:grpSpMkLst>
            <pc:docMk/>
            <pc:sldMk cId="2376958513" sldId="260"/>
            <ac:grpSpMk id="9672" creationId="{0E3565FB-7AC8-3F09-0DD5-3795E3F05E0D}"/>
          </ac:grpSpMkLst>
        </pc:grpChg>
        <pc:grpChg chg="mod">
          <ac:chgData name="White, Alex" userId="eff6cc8c-37d8-483b-9c6c-6b27e9afa9bc" providerId="ADAL" clId="{BF04C754-5BF4-4E83-9615-DB14FA25AF8A}" dt="2023-10-12T11:38:20.867" v="298"/>
          <ac:grpSpMkLst>
            <pc:docMk/>
            <pc:sldMk cId="2376958513" sldId="260"/>
            <ac:grpSpMk id="9673" creationId="{9D4BEA26-A6EA-28F7-9E0A-E1B07C1370C0}"/>
          </ac:grpSpMkLst>
        </pc:grpChg>
        <pc:grpChg chg="mod">
          <ac:chgData name="White, Alex" userId="eff6cc8c-37d8-483b-9c6c-6b27e9afa9bc" providerId="ADAL" clId="{BF04C754-5BF4-4E83-9615-DB14FA25AF8A}" dt="2023-10-12T11:38:20.867" v="298"/>
          <ac:grpSpMkLst>
            <pc:docMk/>
            <pc:sldMk cId="2376958513" sldId="260"/>
            <ac:grpSpMk id="9674" creationId="{D3719C49-A2FE-C7F1-19E8-AE0157839147}"/>
          </ac:grpSpMkLst>
        </pc:grpChg>
        <pc:grpChg chg="mod">
          <ac:chgData name="White, Alex" userId="eff6cc8c-37d8-483b-9c6c-6b27e9afa9bc" providerId="ADAL" clId="{BF04C754-5BF4-4E83-9615-DB14FA25AF8A}" dt="2023-10-12T11:38:20.867" v="298"/>
          <ac:grpSpMkLst>
            <pc:docMk/>
            <pc:sldMk cId="2376958513" sldId="260"/>
            <ac:grpSpMk id="9675" creationId="{E24151CB-0618-FDE3-DDCC-9B9AE316CFDE}"/>
          </ac:grpSpMkLst>
        </pc:grpChg>
        <pc:grpChg chg="mod">
          <ac:chgData name="White, Alex" userId="eff6cc8c-37d8-483b-9c6c-6b27e9afa9bc" providerId="ADAL" clId="{BF04C754-5BF4-4E83-9615-DB14FA25AF8A}" dt="2023-10-12T11:38:20.867" v="298"/>
          <ac:grpSpMkLst>
            <pc:docMk/>
            <pc:sldMk cId="2376958513" sldId="260"/>
            <ac:grpSpMk id="9676" creationId="{8A0B3AEA-22F5-8621-D884-04997359084D}"/>
          </ac:grpSpMkLst>
        </pc:grpChg>
        <pc:grpChg chg="add del mod">
          <ac:chgData name="White, Alex" userId="eff6cc8c-37d8-483b-9c6c-6b27e9afa9bc" providerId="ADAL" clId="{BF04C754-5BF4-4E83-9615-DB14FA25AF8A}" dt="2023-10-12T11:38:23.496" v="299"/>
          <ac:grpSpMkLst>
            <pc:docMk/>
            <pc:sldMk cId="2376958513" sldId="260"/>
            <ac:grpSpMk id="10677" creationId="{5BAAA615-D67F-8349-FBFF-6065BEE23C32}"/>
          </ac:grpSpMkLst>
        </pc:grpChg>
        <pc:grpChg chg="mod">
          <ac:chgData name="White, Alex" userId="eff6cc8c-37d8-483b-9c6c-6b27e9afa9bc" providerId="ADAL" clId="{BF04C754-5BF4-4E83-9615-DB14FA25AF8A}" dt="2023-10-12T11:38:20.867" v="298"/>
          <ac:grpSpMkLst>
            <pc:docMk/>
            <pc:sldMk cId="2376958513" sldId="260"/>
            <ac:grpSpMk id="10678" creationId="{0A2F37A8-AB52-49C5-F737-4402D55620EF}"/>
          </ac:grpSpMkLst>
        </pc:grpChg>
        <pc:grpChg chg="mod">
          <ac:chgData name="White, Alex" userId="eff6cc8c-37d8-483b-9c6c-6b27e9afa9bc" providerId="ADAL" clId="{BF04C754-5BF4-4E83-9615-DB14FA25AF8A}" dt="2023-10-12T11:38:20.867" v="298"/>
          <ac:grpSpMkLst>
            <pc:docMk/>
            <pc:sldMk cId="2376958513" sldId="260"/>
            <ac:grpSpMk id="10679" creationId="{FCE21808-06B2-9138-1D27-65E3356C04B4}"/>
          </ac:grpSpMkLst>
        </pc:grpChg>
        <pc:grpChg chg="mod">
          <ac:chgData name="White, Alex" userId="eff6cc8c-37d8-483b-9c6c-6b27e9afa9bc" providerId="ADAL" clId="{BF04C754-5BF4-4E83-9615-DB14FA25AF8A}" dt="2023-10-12T11:38:20.867" v="298"/>
          <ac:grpSpMkLst>
            <pc:docMk/>
            <pc:sldMk cId="2376958513" sldId="260"/>
            <ac:grpSpMk id="10680" creationId="{57AAEACC-29E8-6C1F-496C-940EDECBC5A9}"/>
          </ac:grpSpMkLst>
        </pc:grpChg>
        <pc:grpChg chg="mod">
          <ac:chgData name="White, Alex" userId="eff6cc8c-37d8-483b-9c6c-6b27e9afa9bc" providerId="ADAL" clId="{BF04C754-5BF4-4E83-9615-DB14FA25AF8A}" dt="2023-10-12T11:38:20.867" v="298"/>
          <ac:grpSpMkLst>
            <pc:docMk/>
            <pc:sldMk cId="2376958513" sldId="260"/>
            <ac:grpSpMk id="10681" creationId="{6A2E9BAF-5315-4E32-554A-D55CCBE36480}"/>
          </ac:grpSpMkLst>
        </pc:grpChg>
        <pc:grpChg chg="mod">
          <ac:chgData name="White, Alex" userId="eff6cc8c-37d8-483b-9c6c-6b27e9afa9bc" providerId="ADAL" clId="{BF04C754-5BF4-4E83-9615-DB14FA25AF8A}" dt="2023-10-12T11:38:20.867" v="298"/>
          <ac:grpSpMkLst>
            <pc:docMk/>
            <pc:sldMk cId="2376958513" sldId="260"/>
            <ac:grpSpMk id="10682" creationId="{7975FA90-49FC-9D11-6048-8E84981FBDC8}"/>
          </ac:grpSpMkLst>
        </pc:grpChg>
        <pc:grpChg chg="mod">
          <ac:chgData name="White, Alex" userId="eff6cc8c-37d8-483b-9c6c-6b27e9afa9bc" providerId="ADAL" clId="{BF04C754-5BF4-4E83-9615-DB14FA25AF8A}" dt="2023-10-12T11:38:20.867" v="298"/>
          <ac:grpSpMkLst>
            <pc:docMk/>
            <pc:sldMk cId="2376958513" sldId="260"/>
            <ac:grpSpMk id="10683" creationId="{2F266E8D-B680-F650-C454-3E6D0CEFB7F7}"/>
          </ac:grpSpMkLst>
        </pc:grpChg>
        <pc:grpChg chg="mod">
          <ac:chgData name="White, Alex" userId="eff6cc8c-37d8-483b-9c6c-6b27e9afa9bc" providerId="ADAL" clId="{BF04C754-5BF4-4E83-9615-DB14FA25AF8A}" dt="2023-10-12T11:38:20.867" v="298"/>
          <ac:grpSpMkLst>
            <pc:docMk/>
            <pc:sldMk cId="2376958513" sldId="260"/>
            <ac:grpSpMk id="10684" creationId="{286F8F85-7852-313B-303B-B64AE2DC784C}"/>
          </ac:grpSpMkLst>
        </pc:grpChg>
        <pc:grpChg chg="mod">
          <ac:chgData name="White, Alex" userId="eff6cc8c-37d8-483b-9c6c-6b27e9afa9bc" providerId="ADAL" clId="{BF04C754-5BF4-4E83-9615-DB14FA25AF8A}" dt="2023-10-12T11:38:20.867" v="298"/>
          <ac:grpSpMkLst>
            <pc:docMk/>
            <pc:sldMk cId="2376958513" sldId="260"/>
            <ac:grpSpMk id="10685" creationId="{55079911-A7E4-F0FE-86A3-A44E8070087F}"/>
          </ac:grpSpMkLst>
        </pc:grpChg>
        <pc:grpChg chg="mod">
          <ac:chgData name="White, Alex" userId="eff6cc8c-37d8-483b-9c6c-6b27e9afa9bc" providerId="ADAL" clId="{BF04C754-5BF4-4E83-9615-DB14FA25AF8A}" dt="2023-10-12T11:38:20.867" v="298"/>
          <ac:grpSpMkLst>
            <pc:docMk/>
            <pc:sldMk cId="2376958513" sldId="260"/>
            <ac:grpSpMk id="10686" creationId="{37A5CC40-7911-663F-76EC-AF6B3A31C529}"/>
          </ac:grpSpMkLst>
        </pc:grpChg>
        <pc:grpChg chg="mod">
          <ac:chgData name="White, Alex" userId="eff6cc8c-37d8-483b-9c6c-6b27e9afa9bc" providerId="ADAL" clId="{BF04C754-5BF4-4E83-9615-DB14FA25AF8A}" dt="2023-10-12T11:38:20.867" v="298"/>
          <ac:grpSpMkLst>
            <pc:docMk/>
            <pc:sldMk cId="2376958513" sldId="260"/>
            <ac:grpSpMk id="10687" creationId="{7506F610-BEA5-4011-FA48-ECD0EFB691B0}"/>
          </ac:grpSpMkLst>
        </pc:grpChg>
        <pc:grpChg chg="add del mod">
          <ac:chgData name="White, Alex" userId="eff6cc8c-37d8-483b-9c6c-6b27e9afa9bc" providerId="ADAL" clId="{BF04C754-5BF4-4E83-9615-DB14FA25AF8A}" dt="2023-10-12T11:38:23.496" v="299"/>
          <ac:grpSpMkLst>
            <pc:docMk/>
            <pc:sldMk cId="2376958513" sldId="260"/>
            <ac:grpSpMk id="11688" creationId="{A7B28F76-1E73-E598-4128-A53D9D616146}"/>
          </ac:grpSpMkLst>
        </pc:grpChg>
        <pc:grpChg chg="mod">
          <ac:chgData name="White, Alex" userId="eff6cc8c-37d8-483b-9c6c-6b27e9afa9bc" providerId="ADAL" clId="{BF04C754-5BF4-4E83-9615-DB14FA25AF8A}" dt="2023-10-12T11:38:20.867" v="298"/>
          <ac:grpSpMkLst>
            <pc:docMk/>
            <pc:sldMk cId="2376958513" sldId="260"/>
            <ac:grpSpMk id="11689" creationId="{A2A04F1C-EAA8-A87A-F812-341D3AE5C9BF}"/>
          </ac:grpSpMkLst>
        </pc:grpChg>
        <pc:grpChg chg="mod">
          <ac:chgData name="White, Alex" userId="eff6cc8c-37d8-483b-9c6c-6b27e9afa9bc" providerId="ADAL" clId="{BF04C754-5BF4-4E83-9615-DB14FA25AF8A}" dt="2023-10-12T11:38:20.867" v="298"/>
          <ac:grpSpMkLst>
            <pc:docMk/>
            <pc:sldMk cId="2376958513" sldId="260"/>
            <ac:grpSpMk id="11690" creationId="{1C03287B-B6CA-3C2E-FEB6-10B7FBD17DA8}"/>
          </ac:grpSpMkLst>
        </pc:grpChg>
        <pc:grpChg chg="mod">
          <ac:chgData name="White, Alex" userId="eff6cc8c-37d8-483b-9c6c-6b27e9afa9bc" providerId="ADAL" clId="{BF04C754-5BF4-4E83-9615-DB14FA25AF8A}" dt="2023-10-12T11:38:20.867" v="298"/>
          <ac:grpSpMkLst>
            <pc:docMk/>
            <pc:sldMk cId="2376958513" sldId="260"/>
            <ac:grpSpMk id="11691" creationId="{F2335351-5ACD-BD6E-43EA-338FE011D1F7}"/>
          </ac:grpSpMkLst>
        </pc:grpChg>
        <pc:grpChg chg="mod">
          <ac:chgData name="White, Alex" userId="eff6cc8c-37d8-483b-9c6c-6b27e9afa9bc" providerId="ADAL" clId="{BF04C754-5BF4-4E83-9615-DB14FA25AF8A}" dt="2023-10-12T11:38:20.867" v="298"/>
          <ac:grpSpMkLst>
            <pc:docMk/>
            <pc:sldMk cId="2376958513" sldId="260"/>
            <ac:grpSpMk id="11692" creationId="{B738DB59-1922-995E-0240-25AB5BA758D6}"/>
          </ac:grpSpMkLst>
        </pc:grpChg>
        <pc:grpChg chg="mod">
          <ac:chgData name="White, Alex" userId="eff6cc8c-37d8-483b-9c6c-6b27e9afa9bc" providerId="ADAL" clId="{BF04C754-5BF4-4E83-9615-DB14FA25AF8A}" dt="2023-10-12T11:38:20.867" v="298"/>
          <ac:grpSpMkLst>
            <pc:docMk/>
            <pc:sldMk cId="2376958513" sldId="260"/>
            <ac:grpSpMk id="11693" creationId="{FC57DDB3-75C0-F15F-BF87-2224EC24D0FA}"/>
          </ac:grpSpMkLst>
        </pc:grpChg>
        <pc:grpChg chg="mod">
          <ac:chgData name="White, Alex" userId="eff6cc8c-37d8-483b-9c6c-6b27e9afa9bc" providerId="ADAL" clId="{BF04C754-5BF4-4E83-9615-DB14FA25AF8A}" dt="2023-10-12T11:38:20.867" v="298"/>
          <ac:grpSpMkLst>
            <pc:docMk/>
            <pc:sldMk cId="2376958513" sldId="260"/>
            <ac:grpSpMk id="11694" creationId="{57A4E46A-69C6-7CB2-5FC2-88A73B6D968A}"/>
          </ac:grpSpMkLst>
        </pc:grpChg>
        <pc:grpChg chg="mod">
          <ac:chgData name="White, Alex" userId="eff6cc8c-37d8-483b-9c6c-6b27e9afa9bc" providerId="ADAL" clId="{BF04C754-5BF4-4E83-9615-DB14FA25AF8A}" dt="2023-10-12T11:38:20.867" v="298"/>
          <ac:grpSpMkLst>
            <pc:docMk/>
            <pc:sldMk cId="2376958513" sldId="260"/>
            <ac:grpSpMk id="11695" creationId="{A4340E0F-F523-F95B-5482-860117B437EA}"/>
          </ac:grpSpMkLst>
        </pc:grpChg>
        <pc:grpChg chg="mod">
          <ac:chgData name="White, Alex" userId="eff6cc8c-37d8-483b-9c6c-6b27e9afa9bc" providerId="ADAL" clId="{BF04C754-5BF4-4E83-9615-DB14FA25AF8A}" dt="2023-10-12T11:38:20.867" v="298"/>
          <ac:grpSpMkLst>
            <pc:docMk/>
            <pc:sldMk cId="2376958513" sldId="260"/>
            <ac:grpSpMk id="11696" creationId="{907D67E1-7B0C-8C5C-4A69-EC4B88635794}"/>
          </ac:grpSpMkLst>
        </pc:grpChg>
        <pc:grpChg chg="mod">
          <ac:chgData name="White, Alex" userId="eff6cc8c-37d8-483b-9c6c-6b27e9afa9bc" providerId="ADAL" clId="{BF04C754-5BF4-4E83-9615-DB14FA25AF8A}" dt="2023-10-12T11:38:20.867" v="298"/>
          <ac:grpSpMkLst>
            <pc:docMk/>
            <pc:sldMk cId="2376958513" sldId="260"/>
            <ac:grpSpMk id="11697" creationId="{AA96B111-01D5-6490-1382-F7AB14701ABF}"/>
          </ac:grpSpMkLst>
        </pc:grpChg>
        <pc:grpChg chg="mod">
          <ac:chgData name="White, Alex" userId="eff6cc8c-37d8-483b-9c6c-6b27e9afa9bc" providerId="ADAL" clId="{BF04C754-5BF4-4E83-9615-DB14FA25AF8A}" dt="2023-10-12T11:38:20.867" v="298"/>
          <ac:grpSpMkLst>
            <pc:docMk/>
            <pc:sldMk cId="2376958513" sldId="260"/>
            <ac:grpSpMk id="11698" creationId="{01CF0CDA-D57E-FFEC-5A1E-EA268FE02C46}"/>
          </ac:grpSpMkLst>
        </pc:grpChg>
        <pc:grpChg chg="add del mod">
          <ac:chgData name="White, Alex" userId="eff6cc8c-37d8-483b-9c6c-6b27e9afa9bc" providerId="ADAL" clId="{BF04C754-5BF4-4E83-9615-DB14FA25AF8A}" dt="2023-10-12T11:39:45.972" v="314" actId="478"/>
          <ac:grpSpMkLst>
            <pc:docMk/>
            <pc:sldMk cId="2376958513" sldId="260"/>
            <ac:grpSpMk id="12699" creationId="{127E3FB4-B07B-0B91-FE24-1A901480F28C}"/>
          </ac:grpSpMkLst>
        </pc:grpChg>
        <pc:grpChg chg="mod">
          <ac:chgData name="White, Alex" userId="eff6cc8c-37d8-483b-9c6c-6b27e9afa9bc" providerId="ADAL" clId="{BF04C754-5BF4-4E83-9615-DB14FA25AF8A}" dt="2023-10-12T11:38:42.377" v="307"/>
          <ac:grpSpMkLst>
            <pc:docMk/>
            <pc:sldMk cId="2376958513" sldId="260"/>
            <ac:grpSpMk id="12700" creationId="{E503F9FA-BC40-4A37-B176-440EAE8B7196}"/>
          </ac:grpSpMkLst>
        </pc:grpChg>
        <pc:grpChg chg="mod">
          <ac:chgData name="White, Alex" userId="eff6cc8c-37d8-483b-9c6c-6b27e9afa9bc" providerId="ADAL" clId="{BF04C754-5BF4-4E83-9615-DB14FA25AF8A}" dt="2023-10-12T11:38:42.377" v="307"/>
          <ac:grpSpMkLst>
            <pc:docMk/>
            <pc:sldMk cId="2376958513" sldId="260"/>
            <ac:grpSpMk id="12701" creationId="{18C5A7E3-4BFF-3CCC-6190-49CF94A5BE52}"/>
          </ac:grpSpMkLst>
        </pc:grpChg>
        <pc:grpChg chg="mod">
          <ac:chgData name="White, Alex" userId="eff6cc8c-37d8-483b-9c6c-6b27e9afa9bc" providerId="ADAL" clId="{BF04C754-5BF4-4E83-9615-DB14FA25AF8A}" dt="2023-10-12T11:38:42.377" v="307"/>
          <ac:grpSpMkLst>
            <pc:docMk/>
            <pc:sldMk cId="2376958513" sldId="260"/>
            <ac:grpSpMk id="12702" creationId="{28081AC1-24B1-380F-C991-4911F9507002}"/>
          </ac:grpSpMkLst>
        </pc:grpChg>
        <pc:grpChg chg="mod">
          <ac:chgData name="White, Alex" userId="eff6cc8c-37d8-483b-9c6c-6b27e9afa9bc" providerId="ADAL" clId="{BF04C754-5BF4-4E83-9615-DB14FA25AF8A}" dt="2023-10-12T11:38:42.377" v="307"/>
          <ac:grpSpMkLst>
            <pc:docMk/>
            <pc:sldMk cId="2376958513" sldId="260"/>
            <ac:grpSpMk id="12703" creationId="{F3CB0243-5F70-28CB-7DDA-DB94542958A6}"/>
          </ac:grpSpMkLst>
        </pc:grpChg>
        <pc:grpChg chg="mod">
          <ac:chgData name="White, Alex" userId="eff6cc8c-37d8-483b-9c6c-6b27e9afa9bc" providerId="ADAL" clId="{BF04C754-5BF4-4E83-9615-DB14FA25AF8A}" dt="2023-10-12T11:38:42.377" v="307"/>
          <ac:grpSpMkLst>
            <pc:docMk/>
            <pc:sldMk cId="2376958513" sldId="260"/>
            <ac:grpSpMk id="12704" creationId="{DAE43D91-877F-A6A0-C9B9-013C43D1BE25}"/>
          </ac:grpSpMkLst>
        </pc:grpChg>
        <pc:grpChg chg="mod">
          <ac:chgData name="White, Alex" userId="eff6cc8c-37d8-483b-9c6c-6b27e9afa9bc" providerId="ADAL" clId="{BF04C754-5BF4-4E83-9615-DB14FA25AF8A}" dt="2023-10-12T11:38:42.377" v="307"/>
          <ac:grpSpMkLst>
            <pc:docMk/>
            <pc:sldMk cId="2376958513" sldId="260"/>
            <ac:grpSpMk id="12705" creationId="{C2987963-6D21-71FF-321B-63CFDAC5FF2D}"/>
          </ac:grpSpMkLst>
        </pc:grpChg>
        <pc:grpChg chg="mod">
          <ac:chgData name="White, Alex" userId="eff6cc8c-37d8-483b-9c6c-6b27e9afa9bc" providerId="ADAL" clId="{BF04C754-5BF4-4E83-9615-DB14FA25AF8A}" dt="2023-10-12T11:38:42.377" v="307"/>
          <ac:grpSpMkLst>
            <pc:docMk/>
            <pc:sldMk cId="2376958513" sldId="260"/>
            <ac:grpSpMk id="12706" creationId="{DD5EAEA6-09B8-1F3C-628C-552AB4DD2607}"/>
          </ac:grpSpMkLst>
        </pc:grpChg>
        <pc:grpChg chg="mod">
          <ac:chgData name="White, Alex" userId="eff6cc8c-37d8-483b-9c6c-6b27e9afa9bc" providerId="ADAL" clId="{BF04C754-5BF4-4E83-9615-DB14FA25AF8A}" dt="2023-10-12T11:38:42.377" v="307"/>
          <ac:grpSpMkLst>
            <pc:docMk/>
            <pc:sldMk cId="2376958513" sldId="260"/>
            <ac:grpSpMk id="12707" creationId="{FB6660F1-59C0-776C-E7CC-4B7ECEEE2D77}"/>
          </ac:grpSpMkLst>
        </pc:grpChg>
        <pc:grpChg chg="mod">
          <ac:chgData name="White, Alex" userId="eff6cc8c-37d8-483b-9c6c-6b27e9afa9bc" providerId="ADAL" clId="{BF04C754-5BF4-4E83-9615-DB14FA25AF8A}" dt="2023-10-12T11:38:42.377" v="307"/>
          <ac:grpSpMkLst>
            <pc:docMk/>
            <pc:sldMk cId="2376958513" sldId="260"/>
            <ac:grpSpMk id="12708" creationId="{F02BDEE6-EC36-DFE9-F953-7212A8F5387E}"/>
          </ac:grpSpMkLst>
        </pc:grpChg>
        <pc:grpChg chg="mod">
          <ac:chgData name="White, Alex" userId="eff6cc8c-37d8-483b-9c6c-6b27e9afa9bc" providerId="ADAL" clId="{BF04C754-5BF4-4E83-9615-DB14FA25AF8A}" dt="2023-10-12T11:38:42.377" v="307"/>
          <ac:grpSpMkLst>
            <pc:docMk/>
            <pc:sldMk cId="2376958513" sldId="260"/>
            <ac:grpSpMk id="12709" creationId="{DFD12984-A99E-4D82-7012-ED0F355582E7}"/>
          </ac:grpSpMkLst>
        </pc:grpChg>
        <pc:grpChg chg="add del mod">
          <ac:chgData name="White, Alex" userId="eff6cc8c-37d8-483b-9c6c-6b27e9afa9bc" providerId="ADAL" clId="{BF04C754-5BF4-4E83-9615-DB14FA25AF8A}" dt="2023-10-12T11:39:45.972" v="314" actId="478"/>
          <ac:grpSpMkLst>
            <pc:docMk/>
            <pc:sldMk cId="2376958513" sldId="260"/>
            <ac:grpSpMk id="13710" creationId="{252B728D-48A5-D377-5403-C81D3AB039CB}"/>
          </ac:grpSpMkLst>
        </pc:grpChg>
        <pc:grpChg chg="mod">
          <ac:chgData name="White, Alex" userId="eff6cc8c-37d8-483b-9c6c-6b27e9afa9bc" providerId="ADAL" clId="{BF04C754-5BF4-4E83-9615-DB14FA25AF8A}" dt="2023-10-12T11:38:42.377" v="307"/>
          <ac:grpSpMkLst>
            <pc:docMk/>
            <pc:sldMk cId="2376958513" sldId="260"/>
            <ac:grpSpMk id="13711" creationId="{8F537B4C-B48A-EC1E-CAC5-ABD522785778}"/>
          </ac:grpSpMkLst>
        </pc:grpChg>
        <pc:grpChg chg="mod">
          <ac:chgData name="White, Alex" userId="eff6cc8c-37d8-483b-9c6c-6b27e9afa9bc" providerId="ADAL" clId="{BF04C754-5BF4-4E83-9615-DB14FA25AF8A}" dt="2023-10-12T11:38:42.377" v="307"/>
          <ac:grpSpMkLst>
            <pc:docMk/>
            <pc:sldMk cId="2376958513" sldId="260"/>
            <ac:grpSpMk id="13712" creationId="{CC307200-3423-1672-0B32-5BE0B7ED9B0C}"/>
          </ac:grpSpMkLst>
        </pc:grpChg>
        <pc:grpChg chg="mod">
          <ac:chgData name="White, Alex" userId="eff6cc8c-37d8-483b-9c6c-6b27e9afa9bc" providerId="ADAL" clId="{BF04C754-5BF4-4E83-9615-DB14FA25AF8A}" dt="2023-10-12T11:38:42.377" v="307"/>
          <ac:grpSpMkLst>
            <pc:docMk/>
            <pc:sldMk cId="2376958513" sldId="260"/>
            <ac:grpSpMk id="13713" creationId="{D1CB6829-4E3D-DC50-A6AE-9C89CCB39B7A}"/>
          </ac:grpSpMkLst>
        </pc:grpChg>
        <pc:grpChg chg="mod">
          <ac:chgData name="White, Alex" userId="eff6cc8c-37d8-483b-9c6c-6b27e9afa9bc" providerId="ADAL" clId="{BF04C754-5BF4-4E83-9615-DB14FA25AF8A}" dt="2023-10-12T11:38:42.377" v="307"/>
          <ac:grpSpMkLst>
            <pc:docMk/>
            <pc:sldMk cId="2376958513" sldId="260"/>
            <ac:grpSpMk id="13714" creationId="{907969ED-B571-5940-1688-D1962DC2E9D2}"/>
          </ac:grpSpMkLst>
        </pc:grpChg>
        <pc:grpChg chg="mod">
          <ac:chgData name="White, Alex" userId="eff6cc8c-37d8-483b-9c6c-6b27e9afa9bc" providerId="ADAL" clId="{BF04C754-5BF4-4E83-9615-DB14FA25AF8A}" dt="2023-10-12T11:38:42.377" v="307"/>
          <ac:grpSpMkLst>
            <pc:docMk/>
            <pc:sldMk cId="2376958513" sldId="260"/>
            <ac:grpSpMk id="13715" creationId="{295921DE-537F-8069-0403-88EB47066448}"/>
          </ac:grpSpMkLst>
        </pc:grpChg>
        <pc:grpChg chg="mod">
          <ac:chgData name="White, Alex" userId="eff6cc8c-37d8-483b-9c6c-6b27e9afa9bc" providerId="ADAL" clId="{BF04C754-5BF4-4E83-9615-DB14FA25AF8A}" dt="2023-10-12T11:38:42.377" v="307"/>
          <ac:grpSpMkLst>
            <pc:docMk/>
            <pc:sldMk cId="2376958513" sldId="260"/>
            <ac:grpSpMk id="13716" creationId="{CF4F1A97-F696-6982-E3D8-2969AC31159E}"/>
          </ac:grpSpMkLst>
        </pc:grpChg>
        <pc:grpChg chg="mod">
          <ac:chgData name="White, Alex" userId="eff6cc8c-37d8-483b-9c6c-6b27e9afa9bc" providerId="ADAL" clId="{BF04C754-5BF4-4E83-9615-DB14FA25AF8A}" dt="2023-10-12T11:38:42.377" v="307"/>
          <ac:grpSpMkLst>
            <pc:docMk/>
            <pc:sldMk cId="2376958513" sldId="260"/>
            <ac:grpSpMk id="13717" creationId="{DA650DD7-E408-C61B-8007-1D0E8E35A318}"/>
          </ac:grpSpMkLst>
        </pc:grpChg>
        <pc:grpChg chg="mod">
          <ac:chgData name="White, Alex" userId="eff6cc8c-37d8-483b-9c6c-6b27e9afa9bc" providerId="ADAL" clId="{BF04C754-5BF4-4E83-9615-DB14FA25AF8A}" dt="2023-10-12T11:38:42.377" v="307"/>
          <ac:grpSpMkLst>
            <pc:docMk/>
            <pc:sldMk cId="2376958513" sldId="260"/>
            <ac:grpSpMk id="13718" creationId="{2ED8067D-1447-8A3F-13BF-18349C0EF28F}"/>
          </ac:grpSpMkLst>
        </pc:grpChg>
        <pc:grpChg chg="mod">
          <ac:chgData name="White, Alex" userId="eff6cc8c-37d8-483b-9c6c-6b27e9afa9bc" providerId="ADAL" clId="{BF04C754-5BF4-4E83-9615-DB14FA25AF8A}" dt="2023-10-12T11:38:42.377" v="307"/>
          <ac:grpSpMkLst>
            <pc:docMk/>
            <pc:sldMk cId="2376958513" sldId="260"/>
            <ac:grpSpMk id="13719" creationId="{05B487B4-FD7E-4CD1-B8C4-306F8420A0CC}"/>
          </ac:grpSpMkLst>
        </pc:grpChg>
        <pc:grpChg chg="mod">
          <ac:chgData name="White, Alex" userId="eff6cc8c-37d8-483b-9c6c-6b27e9afa9bc" providerId="ADAL" clId="{BF04C754-5BF4-4E83-9615-DB14FA25AF8A}" dt="2023-10-12T11:38:42.377" v="307"/>
          <ac:grpSpMkLst>
            <pc:docMk/>
            <pc:sldMk cId="2376958513" sldId="260"/>
            <ac:grpSpMk id="13720" creationId="{7E890331-A8BF-A4BA-FFD8-8088D421E0EA}"/>
          </ac:grpSpMkLst>
        </pc:grpChg>
      </pc:sldChg>
      <pc:sldChg chg="new del">
        <pc:chgData name="White, Alex" userId="eff6cc8c-37d8-483b-9c6c-6b27e9afa9bc" providerId="ADAL" clId="{BF04C754-5BF4-4E83-9615-DB14FA25AF8A}" dt="2023-10-12T11:23:48.135" v="6" actId="680"/>
        <pc:sldMkLst>
          <pc:docMk/>
          <pc:sldMk cId="3463058197" sldId="260"/>
        </pc:sldMkLst>
      </pc:sldChg>
      <pc:sldChg chg="new del">
        <pc:chgData name="White, Alex" userId="eff6cc8c-37d8-483b-9c6c-6b27e9afa9bc" providerId="ADAL" clId="{BF04C754-5BF4-4E83-9615-DB14FA25AF8A}" dt="2023-10-12T12:15:41.099" v="871" actId="47"/>
        <pc:sldMkLst>
          <pc:docMk/>
          <pc:sldMk cId="4152990327" sldId="261"/>
        </pc:sldMkLst>
      </pc:sldChg>
      <pc:sldChg chg="addSp modSp add mod">
        <pc:chgData name="White, Alex" userId="eff6cc8c-37d8-483b-9c6c-6b27e9afa9bc" providerId="ADAL" clId="{BF04C754-5BF4-4E83-9615-DB14FA25AF8A}" dt="2023-10-12T12:28:12.038" v="1100" actId="14100"/>
        <pc:sldMkLst>
          <pc:docMk/>
          <pc:sldMk cId="0" sldId="269"/>
        </pc:sldMkLst>
        <pc:spChg chg="mod">
          <ac:chgData name="White, Alex" userId="eff6cc8c-37d8-483b-9c6c-6b27e9afa9bc" providerId="ADAL" clId="{BF04C754-5BF4-4E83-9615-DB14FA25AF8A}" dt="2023-10-12T11:51:13.240" v="554" actId="14100"/>
          <ac:spMkLst>
            <pc:docMk/>
            <pc:sldMk cId="0" sldId="269"/>
            <ac:spMk id="2" creationId="{00000000-0000-0000-0000-000000000000}"/>
          </ac:spMkLst>
        </pc:spChg>
        <pc:spChg chg="add mod">
          <ac:chgData name="White, Alex" userId="eff6cc8c-37d8-483b-9c6c-6b27e9afa9bc" providerId="ADAL" clId="{BF04C754-5BF4-4E83-9615-DB14FA25AF8A}" dt="2023-10-12T12:28:12.038" v="1100" actId="14100"/>
          <ac:spMkLst>
            <pc:docMk/>
            <pc:sldMk cId="0" sldId="269"/>
            <ac:spMk id="57" creationId="{71A3CF5B-066A-082A-30A4-AE8C0A7189DC}"/>
          </ac:spMkLst>
        </pc:spChg>
      </pc:sldChg>
      <pc:sldChg chg="modSp add mod ord">
        <pc:chgData name="White, Alex" userId="eff6cc8c-37d8-483b-9c6c-6b27e9afa9bc" providerId="ADAL" clId="{BF04C754-5BF4-4E83-9615-DB14FA25AF8A}" dt="2023-10-12T12:10:17.397" v="742" actId="207"/>
        <pc:sldMkLst>
          <pc:docMk/>
          <pc:sldMk cId="0" sldId="275"/>
        </pc:sldMkLst>
        <pc:spChg chg="mod">
          <ac:chgData name="White, Alex" userId="eff6cc8c-37d8-483b-9c6c-6b27e9afa9bc" providerId="ADAL" clId="{BF04C754-5BF4-4E83-9615-DB14FA25AF8A}" dt="2023-10-12T12:10:17.397" v="742" actId="207"/>
          <ac:spMkLst>
            <pc:docMk/>
            <pc:sldMk cId="0" sldId="275"/>
            <ac:spMk id="2" creationId="{00000000-0000-0000-0000-000000000000}"/>
          </ac:spMkLst>
        </pc:spChg>
      </pc:sldChg>
      <pc:sldChg chg="addSp delSp modSp add mod ord">
        <pc:chgData name="White, Alex" userId="eff6cc8c-37d8-483b-9c6c-6b27e9afa9bc" providerId="ADAL" clId="{BF04C754-5BF4-4E83-9615-DB14FA25AF8A}" dt="2023-10-12T12:09:17.222" v="738"/>
        <pc:sldMkLst>
          <pc:docMk/>
          <pc:sldMk cId="2108954759" sldId="314"/>
        </pc:sldMkLst>
        <pc:spChg chg="add mod">
          <ac:chgData name="White, Alex" userId="eff6cc8c-37d8-483b-9c6c-6b27e9afa9bc" providerId="ADAL" clId="{BF04C754-5BF4-4E83-9615-DB14FA25AF8A}" dt="2023-10-12T11:54:25.938" v="578" actId="1076"/>
          <ac:spMkLst>
            <pc:docMk/>
            <pc:sldMk cId="2108954759" sldId="314"/>
            <ac:spMk id="12" creationId="{518796ED-4302-E170-C1FB-3026894B7D01}"/>
          </ac:spMkLst>
        </pc:spChg>
        <pc:spChg chg="add mod">
          <ac:chgData name="White, Alex" userId="eff6cc8c-37d8-483b-9c6c-6b27e9afa9bc" providerId="ADAL" clId="{BF04C754-5BF4-4E83-9615-DB14FA25AF8A}" dt="2023-10-12T11:54:31.484" v="585" actId="20577"/>
          <ac:spMkLst>
            <pc:docMk/>
            <pc:sldMk cId="2108954759" sldId="314"/>
            <ac:spMk id="13" creationId="{CF0DF9C8-05C7-25A1-274D-3F23B95FC384}"/>
          </ac:spMkLst>
        </pc:spChg>
        <pc:spChg chg="add mod">
          <ac:chgData name="White, Alex" userId="eff6cc8c-37d8-483b-9c6c-6b27e9afa9bc" providerId="ADAL" clId="{BF04C754-5BF4-4E83-9615-DB14FA25AF8A}" dt="2023-10-12T11:54:43.758" v="595" actId="1076"/>
          <ac:spMkLst>
            <pc:docMk/>
            <pc:sldMk cId="2108954759" sldId="314"/>
            <ac:spMk id="14" creationId="{DC5239F4-F176-0F3D-37C3-520C9C253485}"/>
          </ac:spMkLst>
        </pc:spChg>
        <pc:grpChg chg="add mod">
          <ac:chgData name="White, Alex" userId="eff6cc8c-37d8-483b-9c6c-6b27e9afa9bc" providerId="ADAL" clId="{BF04C754-5BF4-4E83-9615-DB14FA25AF8A}" dt="2023-10-12T11:54:14.821" v="573" actId="1076"/>
          <ac:grpSpMkLst>
            <pc:docMk/>
            <pc:sldMk cId="2108954759" sldId="314"/>
            <ac:grpSpMk id="11" creationId="{4F6A79C6-B723-A585-7322-FE2889492FEC}"/>
          </ac:grpSpMkLst>
        </pc:grpChg>
        <pc:picChg chg="add mod">
          <ac:chgData name="White, Alex" userId="eff6cc8c-37d8-483b-9c6c-6b27e9afa9bc" providerId="ADAL" clId="{BF04C754-5BF4-4E83-9615-DB14FA25AF8A}" dt="2023-10-12T11:52:36.973" v="562" actId="1076"/>
          <ac:picMkLst>
            <pc:docMk/>
            <pc:sldMk cId="2108954759" sldId="314"/>
            <ac:picMk id="3" creationId="{5FB1FB02-BEB3-C408-52CC-323D85DECABC}"/>
          </ac:picMkLst>
        </pc:picChg>
        <pc:picChg chg="mod">
          <ac:chgData name="White, Alex" userId="eff6cc8c-37d8-483b-9c6c-6b27e9afa9bc" providerId="ADAL" clId="{BF04C754-5BF4-4E83-9615-DB14FA25AF8A}" dt="2023-10-12T11:52:19.065" v="557" actId="1076"/>
          <ac:picMkLst>
            <pc:docMk/>
            <pc:sldMk cId="2108954759" sldId="314"/>
            <ac:picMk id="4098" creationId="{9235C2BC-EDEC-CE5B-08E3-A53973701EA5}"/>
          </ac:picMkLst>
        </pc:picChg>
        <pc:cxnChg chg="add mod">
          <ac:chgData name="White, Alex" userId="eff6cc8c-37d8-483b-9c6c-6b27e9afa9bc" providerId="ADAL" clId="{BF04C754-5BF4-4E83-9615-DB14FA25AF8A}" dt="2023-10-12T11:54:12.178" v="572" actId="164"/>
          <ac:cxnSpMkLst>
            <pc:docMk/>
            <pc:sldMk cId="2108954759" sldId="314"/>
            <ac:cxnSpMk id="5" creationId="{E822326D-BB77-64AC-C42F-3F7AAE86A260}"/>
          </ac:cxnSpMkLst>
        </pc:cxnChg>
        <pc:cxnChg chg="add del mod">
          <ac:chgData name="White, Alex" userId="eff6cc8c-37d8-483b-9c6c-6b27e9afa9bc" providerId="ADAL" clId="{BF04C754-5BF4-4E83-9615-DB14FA25AF8A}" dt="2023-10-12T11:53:53.582" v="567"/>
          <ac:cxnSpMkLst>
            <pc:docMk/>
            <pc:sldMk cId="2108954759" sldId="314"/>
            <ac:cxnSpMk id="6" creationId="{D92BA42F-54A0-D720-B1CE-E33152240312}"/>
          </ac:cxnSpMkLst>
        </pc:cxnChg>
        <pc:cxnChg chg="add mod">
          <ac:chgData name="White, Alex" userId="eff6cc8c-37d8-483b-9c6c-6b27e9afa9bc" providerId="ADAL" clId="{BF04C754-5BF4-4E83-9615-DB14FA25AF8A}" dt="2023-10-12T11:54:12.178" v="572" actId="164"/>
          <ac:cxnSpMkLst>
            <pc:docMk/>
            <pc:sldMk cId="2108954759" sldId="314"/>
            <ac:cxnSpMk id="8" creationId="{A1D09F67-A0D8-0C50-AA4F-58EEB898D6A7}"/>
          </ac:cxnSpMkLst>
        </pc:cxnChg>
        <pc:cxnChg chg="add mod">
          <ac:chgData name="White, Alex" userId="eff6cc8c-37d8-483b-9c6c-6b27e9afa9bc" providerId="ADAL" clId="{BF04C754-5BF4-4E83-9615-DB14FA25AF8A}" dt="2023-10-12T11:54:12.178" v="572" actId="164"/>
          <ac:cxnSpMkLst>
            <pc:docMk/>
            <pc:sldMk cId="2108954759" sldId="314"/>
            <ac:cxnSpMk id="10" creationId="{DB1031AE-7C07-7BB9-BA92-8857240B7DCE}"/>
          </ac:cxnSpMkLst>
        </pc:cxnChg>
      </pc:sldChg>
      <pc:sldChg chg="new del">
        <pc:chgData name="White, Alex" userId="eff6cc8c-37d8-483b-9c6c-6b27e9afa9bc" providerId="ADAL" clId="{BF04C754-5BF4-4E83-9615-DB14FA25AF8A}" dt="2023-10-12T11:56:36.678" v="598" actId="47"/>
        <pc:sldMkLst>
          <pc:docMk/>
          <pc:sldMk cId="243982186" sldId="315"/>
        </pc:sldMkLst>
      </pc:sldChg>
      <pc:sldChg chg="addSp delSp modSp new mod modTransition">
        <pc:chgData name="White, Alex" userId="eff6cc8c-37d8-483b-9c6c-6b27e9afa9bc" providerId="ADAL" clId="{BF04C754-5BF4-4E83-9615-DB14FA25AF8A}" dt="2023-10-12T12:14:43.684" v="866"/>
        <pc:sldMkLst>
          <pc:docMk/>
          <pc:sldMk cId="3810153231" sldId="315"/>
        </pc:sldMkLst>
        <pc:spChg chg="mod">
          <ac:chgData name="White, Alex" userId="eff6cc8c-37d8-483b-9c6c-6b27e9afa9bc" providerId="ADAL" clId="{BF04C754-5BF4-4E83-9615-DB14FA25AF8A}" dt="2023-10-12T12:11:15.544" v="760" actId="20577"/>
          <ac:spMkLst>
            <pc:docMk/>
            <pc:sldMk cId="3810153231" sldId="315"/>
            <ac:spMk id="2" creationId="{50B24758-45AA-526E-EE59-269ADE420869}"/>
          </ac:spMkLst>
        </pc:spChg>
        <pc:spChg chg="del">
          <ac:chgData name="White, Alex" userId="eff6cc8c-37d8-483b-9c6c-6b27e9afa9bc" providerId="ADAL" clId="{BF04C754-5BF4-4E83-9615-DB14FA25AF8A}" dt="2023-10-12T12:08:19.503" v="726"/>
          <ac:spMkLst>
            <pc:docMk/>
            <pc:sldMk cId="3810153231" sldId="315"/>
            <ac:spMk id="3" creationId="{9EF88CF8-8ED3-78E1-1729-D218093C7C98}"/>
          </ac:spMkLst>
        </pc:spChg>
        <pc:spChg chg="add mod">
          <ac:chgData name="White, Alex" userId="eff6cc8c-37d8-483b-9c6c-6b27e9afa9bc" providerId="ADAL" clId="{BF04C754-5BF4-4E83-9615-DB14FA25AF8A}" dt="2023-10-12T12:11:35.574" v="770" actId="1076"/>
          <ac:spMkLst>
            <pc:docMk/>
            <pc:sldMk cId="3810153231" sldId="315"/>
            <ac:spMk id="5" creationId="{4A000962-2986-DD78-87CB-0CAC0C8F12EA}"/>
          </ac:spMkLst>
        </pc:spChg>
        <pc:spChg chg="add mod">
          <ac:chgData name="White, Alex" userId="eff6cc8c-37d8-483b-9c6c-6b27e9afa9bc" providerId="ADAL" clId="{BF04C754-5BF4-4E83-9615-DB14FA25AF8A}" dt="2023-10-12T12:11:46.897" v="779" actId="1076"/>
          <ac:spMkLst>
            <pc:docMk/>
            <pc:sldMk cId="3810153231" sldId="315"/>
            <ac:spMk id="6" creationId="{53BB66F4-BB96-19BE-04A4-2EBB26F76BE2}"/>
          </ac:spMkLst>
        </pc:spChg>
        <pc:spChg chg="add mod">
          <ac:chgData name="White, Alex" userId="eff6cc8c-37d8-483b-9c6c-6b27e9afa9bc" providerId="ADAL" clId="{BF04C754-5BF4-4E83-9615-DB14FA25AF8A}" dt="2023-10-12T12:12:28.853" v="800" actId="20577"/>
          <ac:spMkLst>
            <pc:docMk/>
            <pc:sldMk cId="3810153231" sldId="315"/>
            <ac:spMk id="7" creationId="{0033F94D-B7C3-383A-594A-74FB2FCE7F2E}"/>
          </ac:spMkLst>
        </pc:spChg>
        <pc:picChg chg="add mod">
          <ac:chgData name="White, Alex" userId="eff6cc8c-37d8-483b-9c6c-6b27e9afa9bc" providerId="ADAL" clId="{BF04C754-5BF4-4E83-9615-DB14FA25AF8A}" dt="2023-10-12T12:11:17.897" v="761" actId="1076"/>
          <ac:picMkLst>
            <pc:docMk/>
            <pc:sldMk cId="3810153231" sldId="315"/>
            <ac:picMk id="1026" creationId="{A5AA5675-C47F-A43D-717F-83E1B8105B56}"/>
          </ac:picMkLst>
        </pc:picChg>
        <pc:picChg chg="add mod">
          <ac:chgData name="White, Alex" userId="eff6cc8c-37d8-483b-9c6c-6b27e9afa9bc" providerId="ADAL" clId="{BF04C754-5BF4-4E83-9615-DB14FA25AF8A}" dt="2023-10-12T12:11:20.413" v="762" actId="1076"/>
          <ac:picMkLst>
            <pc:docMk/>
            <pc:sldMk cId="3810153231" sldId="315"/>
            <ac:picMk id="1028" creationId="{4F705128-DAD4-22E5-DFDE-5108D0853AEB}"/>
          </ac:picMkLst>
        </pc:picChg>
      </pc:sldChg>
      <pc:sldChg chg="addSp modSp add mod ord">
        <pc:chgData name="White, Alex" userId="eff6cc8c-37d8-483b-9c6c-6b27e9afa9bc" providerId="ADAL" clId="{BF04C754-5BF4-4E83-9615-DB14FA25AF8A}" dt="2023-10-12T12:20:51.362" v="1052" actId="20577"/>
        <pc:sldMkLst>
          <pc:docMk/>
          <pc:sldMk cId="2604037582" sldId="316"/>
        </pc:sldMkLst>
        <pc:spChg chg="mod">
          <ac:chgData name="White, Alex" userId="eff6cc8c-37d8-483b-9c6c-6b27e9afa9bc" providerId="ADAL" clId="{BF04C754-5BF4-4E83-9615-DB14FA25AF8A}" dt="2023-10-12T12:20:51.362" v="1052" actId="20577"/>
          <ac:spMkLst>
            <pc:docMk/>
            <pc:sldMk cId="2604037582" sldId="316"/>
            <ac:spMk id="2" creationId="{D166323A-6748-038E-EA6E-C73A20703E0C}"/>
          </ac:spMkLst>
        </pc:spChg>
        <pc:spChg chg="add mod">
          <ac:chgData name="White, Alex" userId="eff6cc8c-37d8-483b-9c6c-6b27e9afa9bc" providerId="ADAL" clId="{BF04C754-5BF4-4E83-9615-DB14FA25AF8A}" dt="2023-10-12T12:20:40.918" v="1040" actId="20577"/>
          <ac:spMkLst>
            <pc:docMk/>
            <pc:sldMk cId="2604037582" sldId="316"/>
            <ac:spMk id="3" creationId="{65B40B1C-16BF-E1A0-A207-0C5D82F8C357}"/>
          </ac:spMkLst>
        </pc:spChg>
        <pc:picChg chg="mod">
          <ac:chgData name="White, Alex" userId="eff6cc8c-37d8-483b-9c6c-6b27e9afa9bc" providerId="ADAL" clId="{BF04C754-5BF4-4E83-9615-DB14FA25AF8A}" dt="2023-10-12T12:19:28.601" v="877" actId="1076"/>
          <ac:picMkLst>
            <pc:docMk/>
            <pc:sldMk cId="2604037582" sldId="316"/>
            <ac:picMk id="6146" creationId="{A9F965A3-C70B-BC9C-61C1-DC2446CE56B1}"/>
          </ac:picMkLst>
        </pc:picChg>
      </pc:sldChg>
      <pc:sldChg chg="modSp new del mod">
        <pc:chgData name="White, Alex" userId="eff6cc8c-37d8-483b-9c6c-6b27e9afa9bc" providerId="ADAL" clId="{BF04C754-5BF4-4E83-9615-DB14FA25AF8A}" dt="2023-10-12T11:57:17.190" v="613" actId="47"/>
        <pc:sldMkLst>
          <pc:docMk/>
          <pc:sldMk cId="2651516636" sldId="316"/>
        </pc:sldMkLst>
        <pc:spChg chg="mod">
          <ac:chgData name="White, Alex" userId="eff6cc8c-37d8-483b-9c6c-6b27e9afa9bc" providerId="ADAL" clId="{BF04C754-5BF4-4E83-9615-DB14FA25AF8A}" dt="2023-10-12T11:56:40.200" v="608" actId="20577"/>
          <ac:spMkLst>
            <pc:docMk/>
            <pc:sldMk cId="2651516636" sldId="316"/>
            <ac:spMk id="2" creationId="{FDC7C293-CA3A-617D-9573-E702A69F7F55}"/>
          </ac:spMkLst>
        </pc:spChg>
        <pc:spChg chg="mod">
          <ac:chgData name="White, Alex" userId="eff6cc8c-37d8-483b-9c6c-6b27e9afa9bc" providerId="ADAL" clId="{BF04C754-5BF4-4E83-9615-DB14FA25AF8A}" dt="2023-10-12T11:57:02.469" v="611" actId="1076"/>
          <ac:spMkLst>
            <pc:docMk/>
            <pc:sldMk cId="2651516636" sldId="316"/>
            <ac:spMk id="3" creationId="{2D47A815-72EB-4EBA-B61D-66CEF447608A}"/>
          </ac:spMkLst>
        </pc:spChg>
      </pc:sldChg>
      <pc:sldChg chg="new del">
        <pc:chgData name="White, Alex" userId="eff6cc8c-37d8-483b-9c6c-6b27e9afa9bc" providerId="ADAL" clId="{BF04C754-5BF4-4E83-9615-DB14FA25AF8A}" dt="2023-10-12T12:11:24.770" v="764" actId="680"/>
        <pc:sldMkLst>
          <pc:docMk/>
          <pc:sldMk cId="2269775962" sldId="317"/>
        </pc:sldMkLst>
      </pc:sldChg>
      <pc:sldChg chg="modSp add mod modTransition">
        <pc:chgData name="White, Alex" userId="eff6cc8c-37d8-483b-9c6c-6b27e9afa9bc" providerId="ADAL" clId="{BF04C754-5BF4-4E83-9615-DB14FA25AF8A}" dt="2023-10-12T12:15:10.255" v="869"/>
        <pc:sldMkLst>
          <pc:docMk/>
          <pc:sldMk cId="2494809859" sldId="317"/>
        </pc:sldMkLst>
        <pc:spChg chg="mod">
          <ac:chgData name="White, Alex" userId="eff6cc8c-37d8-483b-9c6c-6b27e9afa9bc" providerId="ADAL" clId="{BF04C754-5BF4-4E83-9615-DB14FA25AF8A}" dt="2023-10-12T12:13:15.277" v="846" actId="20577"/>
          <ac:spMkLst>
            <pc:docMk/>
            <pc:sldMk cId="2494809859" sldId="317"/>
            <ac:spMk id="7" creationId="{0033F94D-B7C3-383A-594A-74FB2FCE7F2E}"/>
          </ac:spMkLst>
        </pc:spChg>
      </pc:sldChg>
      <pc:sldChg chg="addSp modSp new del mod">
        <pc:chgData name="White, Alex" userId="eff6cc8c-37d8-483b-9c6c-6b27e9afa9bc" providerId="ADAL" clId="{BF04C754-5BF4-4E83-9615-DB14FA25AF8A}" dt="2023-10-12T12:08:15.455" v="724" actId="47"/>
        <pc:sldMkLst>
          <pc:docMk/>
          <pc:sldMk cId="3874268815" sldId="317"/>
        </pc:sldMkLst>
        <pc:spChg chg="mod">
          <ac:chgData name="White, Alex" userId="eff6cc8c-37d8-483b-9c6c-6b27e9afa9bc" providerId="ADAL" clId="{BF04C754-5BF4-4E83-9615-DB14FA25AF8A}" dt="2023-10-12T11:58:40.483" v="697" actId="5793"/>
          <ac:spMkLst>
            <pc:docMk/>
            <pc:sldMk cId="3874268815" sldId="317"/>
            <ac:spMk id="2" creationId="{4F018FCA-2912-452A-BD22-297FD2C43ED5}"/>
          </ac:spMkLst>
        </pc:spChg>
        <pc:spChg chg="mod">
          <ac:chgData name="White, Alex" userId="eff6cc8c-37d8-483b-9c6c-6b27e9afa9bc" providerId="ADAL" clId="{BF04C754-5BF4-4E83-9615-DB14FA25AF8A}" dt="2023-10-12T11:58:47.441" v="723" actId="20577"/>
          <ac:spMkLst>
            <pc:docMk/>
            <pc:sldMk cId="3874268815" sldId="317"/>
            <ac:spMk id="3" creationId="{9A0662D2-54B2-B1B2-B5FC-6EF6D7E47CD3}"/>
          </ac:spMkLst>
        </pc:spChg>
        <pc:spChg chg="add mod">
          <ac:chgData name="White, Alex" userId="eff6cc8c-37d8-483b-9c6c-6b27e9afa9bc" providerId="ADAL" clId="{BF04C754-5BF4-4E83-9615-DB14FA25AF8A}" dt="2023-10-12T11:58:33.977" v="696" actId="1076"/>
          <ac:spMkLst>
            <pc:docMk/>
            <pc:sldMk cId="3874268815" sldId="317"/>
            <ac:spMk id="6" creationId="{5FC76CBA-0540-EC2C-E39A-8F805E9C865E}"/>
          </ac:spMkLst>
        </pc:spChg>
        <pc:spChg chg="add mod">
          <ac:chgData name="White, Alex" userId="eff6cc8c-37d8-483b-9c6c-6b27e9afa9bc" providerId="ADAL" clId="{BF04C754-5BF4-4E83-9615-DB14FA25AF8A}" dt="2023-10-12T11:58:33.977" v="696" actId="1076"/>
          <ac:spMkLst>
            <pc:docMk/>
            <pc:sldMk cId="3874268815" sldId="317"/>
            <ac:spMk id="7" creationId="{515CEFD1-2457-FC26-C8A8-834CE57CD456}"/>
          </ac:spMkLst>
        </pc:spChg>
      </pc:sldChg>
      <pc:sldChg chg="add del">
        <pc:chgData name="White, Alex" userId="eff6cc8c-37d8-483b-9c6c-6b27e9afa9bc" providerId="ADAL" clId="{BF04C754-5BF4-4E83-9615-DB14FA25AF8A}" dt="2023-10-12T12:14:08.825" v="848" actId="47"/>
        <pc:sldMkLst>
          <pc:docMk/>
          <pc:sldMk cId="2322145900" sldId="318"/>
        </pc:sldMkLst>
      </pc:sldChg>
      <pc:sldChg chg="modSp add mod modTransition">
        <pc:chgData name="White, Alex" userId="eff6cc8c-37d8-483b-9c6c-6b27e9afa9bc" providerId="ADAL" clId="{BF04C754-5BF4-4E83-9615-DB14FA25AF8A}" dt="2023-10-12T12:15:12.497" v="870"/>
        <pc:sldMkLst>
          <pc:docMk/>
          <pc:sldMk cId="726599912" sldId="319"/>
        </pc:sldMkLst>
        <pc:spChg chg="mod">
          <ac:chgData name="White, Alex" userId="eff6cc8c-37d8-483b-9c6c-6b27e9afa9bc" providerId="ADAL" clId="{BF04C754-5BF4-4E83-9615-DB14FA25AF8A}" dt="2023-10-12T12:14:25.086" v="864" actId="115"/>
          <ac:spMkLst>
            <pc:docMk/>
            <pc:sldMk cId="726599912" sldId="319"/>
            <ac:spMk id="7" creationId="{0033F94D-B7C3-383A-594A-74FB2FCE7F2E}"/>
          </ac:spMkLst>
        </pc:spChg>
      </pc:sldChg>
      <pc:sldChg chg="add del">
        <pc:chgData name="White, Alex" userId="eff6cc8c-37d8-483b-9c6c-6b27e9afa9bc" providerId="ADAL" clId="{BF04C754-5BF4-4E83-9615-DB14FA25AF8A}" dt="2023-10-12T12:16:53.324" v="875" actId="47"/>
        <pc:sldMkLst>
          <pc:docMk/>
          <pc:sldMk cId="1140400217" sldId="320"/>
        </pc:sldMkLst>
      </pc:sldChg>
      <pc:sldChg chg="delSp modSp add mod ord">
        <pc:chgData name="White, Alex" userId="eff6cc8c-37d8-483b-9c6c-6b27e9afa9bc" providerId="ADAL" clId="{BF04C754-5BF4-4E83-9615-DB14FA25AF8A}" dt="2023-10-12T12:23:15.382" v="1096" actId="478"/>
        <pc:sldMkLst>
          <pc:docMk/>
          <pc:sldMk cId="1329268209" sldId="320"/>
        </pc:sldMkLst>
        <pc:spChg chg="mod">
          <ac:chgData name="White, Alex" userId="eff6cc8c-37d8-483b-9c6c-6b27e9afa9bc" providerId="ADAL" clId="{BF04C754-5BF4-4E83-9615-DB14FA25AF8A}" dt="2023-10-12T12:23:12.474" v="1095" actId="20577"/>
          <ac:spMkLst>
            <pc:docMk/>
            <pc:sldMk cId="1329268209" sldId="320"/>
            <ac:spMk id="2" creationId="{D166323A-6748-038E-EA6E-C73A20703E0C}"/>
          </ac:spMkLst>
        </pc:spChg>
        <pc:spChg chg="del">
          <ac:chgData name="White, Alex" userId="eff6cc8c-37d8-483b-9c6c-6b27e9afa9bc" providerId="ADAL" clId="{BF04C754-5BF4-4E83-9615-DB14FA25AF8A}" dt="2023-10-12T12:23:15.382" v="1096" actId="478"/>
          <ac:spMkLst>
            <pc:docMk/>
            <pc:sldMk cId="1329268209" sldId="320"/>
            <ac:spMk id="3" creationId="{65B40B1C-16BF-E1A0-A207-0C5D82F8C357}"/>
          </ac:spMkLst>
        </pc:spChg>
      </pc:sldChg>
      <pc:sldChg chg="addSp modSp add mod ord">
        <pc:chgData name="White, Alex" userId="eff6cc8c-37d8-483b-9c6c-6b27e9afa9bc" providerId="ADAL" clId="{BF04C754-5BF4-4E83-9615-DB14FA25AF8A}" dt="2023-10-12T12:22:35.471" v="1062" actId="208"/>
        <pc:sldMkLst>
          <pc:docMk/>
          <pc:sldMk cId="1113175305" sldId="321"/>
        </pc:sldMkLst>
        <pc:spChg chg="add mod">
          <ac:chgData name="White, Alex" userId="eff6cc8c-37d8-483b-9c6c-6b27e9afa9bc" providerId="ADAL" clId="{BF04C754-5BF4-4E83-9615-DB14FA25AF8A}" dt="2023-10-12T12:22:35.471" v="1062" actId="208"/>
          <ac:spMkLst>
            <pc:docMk/>
            <pc:sldMk cId="1113175305" sldId="321"/>
            <ac:spMk id="4" creationId="{4883FC70-C32B-C04E-6E8E-92560A4F6B71}"/>
          </ac:spMkLst>
        </pc:spChg>
      </pc:sldChg>
      <pc:sldChg chg="modSp add mod ord">
        <pc:chgData name="White, Alex" userId="eff6cc8c-37d8-483b-9c6c-6b27e9afa9bc" providerId="ADAL" clId="{BF04C754-5BF4-4E83-9615-DB14FA25AF8A}" dt="2023-10-12T12:28:29.504" v="1105" actId="14100"/>
        <pc:sldMkLst>
          <pc:docMk/>
          <pc:sldMk cId="127988798" sldId="322"/>
        </pc:sldMkLst>
        <pc:spChg chg="mod">
          <ac:chgData name="White, Alex" userId="eff6cc8c-37d8-483b-9c6c-6b27e9afa9bc" providerId="ADAL" clId="{BF04C754-5BF4-4E83-9615-DB14FA25AF8A}" dt="2023-10-12T12:28:29.504" v="1105" actId="14100"/>
          <ac:spMkLst>
            <pc:docMk/>
            <pc:sldMk cId="127988798" sldId="322"/>
            <ac:spMk id="57" creationId="{71A3CF5B-066A-082A-30A4-AE8C0A7189DC}"/>
          </ac:spMkLst>
        </pc:sp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8933E701-CF8C-4AE0-A2B6-3CD63F9AB0F5}" type="datetimeFigureOut">
              <a:rPr lang="en-US" smtClean="0"/>
              <a:t>10/12/2023</a:t>
            </a:fld>
            <a:endParaRPr lang="en-US"/>
          </a:p>
        </p:txBody>
      </p:sp>
      <p:sp>
        <p:nvSpPr>
          <p:cNvPr id="4" name="Slide Image Placeholder 3"/>
          <p:cNvSpPr>
            <a:spLocks noGrp="1" noRot="1" noChangeAspect="1"/>
          </p:cNvSpPr>
          <p:nvPr>
            <p:ph type="sldImg" idx="2"/>
          </p:nvPr>
        </p:nvSpPr>
        <p:spPr>
          <a:xfrm>
            <a:off x="1397000" y="1154113"/>
            <a:ext cx="4156075"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AA064238-F0C7-4045-B5F1-3B564E460E2E}" type="slidenum">
              <a:rPr lang="en-US" smtClean="0"/>
              <a:t>‹#›</a:t>
            </a:fld>
            <a:endParaRPr lang="en-US"/>
          </a:p>
        </p:txBody>
      </p:sp>
    </p:spTree>
    <p:extLst>
      <p:ext uri="{BB962C8B-B14F-4D97-AF65-F5344CB8AC3E}">
        <p14:creationId xmlns:p14="http://schemas.microsoft.com/office/powerpoint/2010/main" val="51224476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4 main stages</a:t>
            </a:r>
          </a:p>
          <a:p>
            <a:r>
              <a:rPr lang="en-US" dirty="0"/>
              <a:t>Components of each stage</a:t>
            </a:r>
          </a:p>
        </p:txBody>
      </p:sp>
      <p:sp>
        <p:nvSpPr>
          <p:cNvPr id="4" name="Slide Number Placeholder 3"/>
          <p:cNvSpPr>
            <a:spLocks noGrp="1"/>
          </p:cNvSpPr>
          <p:nvPr>
            <p:ph type="sldNum" sz="quarter" idx="5"/>
          </p:nvPr>
        </p:nvSpPr>
        <p:spPr/>
        <p:txBody>
          <a:bodyPr/>
          <a:lstStyle/>
          <a:p>
            <a:fld id="{00AF076E-914D-4F66-8D96-A023467F4575}" type="slidenum">
              <a:rPr lang="en-US" smtClean="0"/>
              <a:t>9</a:t>
            </a:fld>
            <a:endParaRPr lang="en-US"/>
          </a:p>
        </p:txBody>
      </p:sp>
    </p:spTree>
    <p:extLst>
      <p:ext uri="{BB962C8B-B14F-4D97-AF65-F5344CB8AC3E}">
        <p14:creationId xmlns:p14="http://schemas.microsoft.com/office/powerpoint/2010/main" val="169147338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4 main stages</a:t>
            </a:r>
          </a:p>
          <a:p>
            <a:r>
              <a:rPr lang="en-US" dirty="0"/>
              <a:t>Components of each stage</a:t>
            </a:r>
          </a:p>
        </p:txBody>
      </p:sp>
      <p:sp>
        <p:nvSpPr>
          <p:cNvPr id="4" name="Slide Number Placeholder 3"/>
          <p:cNvSpPr>
            <a:spLocks noGrp="1"/>
          </p:cNvSpPr>
          <p:nvPr>
            <p:ph type="sldNum" sz="quarter" idx="5"/>
          </p:nvPr>
        </p:nvSpPr>
        <p:spPr/>
        <p:txBody>
          <a:bodyPr/>
          <a:lstStyle/>
          <a:p>
            <a:fld id="{00AF076E-914D-4F66-8D96-A023467F4575}" type="slidenum">
              <a:rPr lang="en-US" smtClean="0"/>
              <a:t>13</a:t>
            </a:fld>
            <a:endParaRPr lang="en-US"/>
          </a:p>
        </p:txBody>
      </p:sp>
    </p:spTree>
    <p:extLst>
      <p:ext uri="{BB962C8B-B14F-4D97-AF65-F5344CB8AC3E}">
        <p14:creationId xmlns:p14="http://schemas.microsoft.com/office/powerpoint/2010/main" val="178781250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3" Type="http://schemas.openxmlformats.org/officeDocument/2006/relationships/image" Target="../media/image9.emf"/><Relationship Id="rId7" Type="http://schemas.openxmlformats.org/officeDocument/2006/relationships/image" Target="../media/image11.emf"/><Relationship Id="rId12" Type="http://schemas.openxmlformats.org/officeDocument/2006/relationships/image" Target="../media/image6.emf"/><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3.png"/><Relationship Id="rId5" Type="http://schemas.openxmlformats.org/officeDocument/2006/relationships/image" Target="../media/image10.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2.pn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7.emf"/><Relationship Id="rId1" Type="http://schemas.openxmlformats.org/officeDocument/2006/relationships/slideMaster" Target="../slideMasters/slideMaster1.xml"/><Relationship Id="rId5" Type="http://schemas.openxmlformats.org/officeDocument/2006/relationships/image" Target="../media/image7.png"/><Relationship Id="rId4" Type="http://schemas.openxmlformats.org/officeDocument/2006/relationships/image" Target="../media/image15.jp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6.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6.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8.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7.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8.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Title Slide">
    <p:bg>
      <p:bgPr>
        <a:solidFill>
          <a:schemeClr val="accent1"/>
        </a:solidFill>
        <a:effectLst/>
      </p:bgPr>
    </p:bg>
    <p:spTree>
      <p:nvGrpSpPr>
        <p:cNvPr id="1" name=""/>
        <p:cNvGrpSpPr/>
        <p:nvPr/>
      </p:nvGrpSpPr>
      <p:grpSpPr>
        <a:xfrm>
          <a:off x="0" y="0"/>
          <a:ext cx="0" cy="0"/>
          <a:chOff x="0" y="0"/>
          <a:chExt cx="0" cy="0"/>
        </a:xfrm>
      </p:grpSpPr>
      <p:sp>
        <p:nvSpPr>
          <p:cNvPr id="34" name="TextBox 33">
            <a:extLst>
              <a:ext uri="{FF2B5EF4-FFF2-40B4-BE49-F238E27FC236}">
                <a16:creationId xmlns:a16="http://schemas.microsoft.com/office/drawing/2014/main" id="{92230A96-6C28-434A-8BC8-9631A191423E}"/>
              </a:ext>
            </a:extLst>
          </p:cNvPr>
          <p:cNvSpPr txBox="1"/>
          <p:nvPr/>
        </p:nvSpPr>
        <p:spPr>
          <a:xfrm>
            <a:off x="7946136" y="-420624"/>
            <a:ext cx="184731" cy="369332"/>
          </a:xfrm>
          <a:prstGeom prst="rect">
            <a:avLst/>
          </a:prstGeom>
          <a:noFill/>
        </p:spPr>
        <p:txBody>
          <a:bodyPr wrap="none" rtlCol="0">
            <a:spAutoFit/>
          </a:bodyPr>
          <a:lstStyle/>
          <a:p>
            <a:endParaRPr lang="en-US" dirty="0"/>
          </a:p>
        </p:txBody>
      </p:sp>
      <p:sp>
        <p:nvSpPr>
          <p:cNvPr id="17" name="Rectangle 4"/>
          <p:cNvSpPr>
            <a:spLocks noGrp="1" noChangeArrowheads="1"/>
          </p:cNvSpPr>
          <p:nvPr>
            <p:ph type="subTitle" idx="1" hasCustomPrompt="1"/>
          </p:nvPr>
        </p:nvSpPr>
        <p:spPr>
          <a:xfrm>
            <a:off x="523774" y="3110353"/>
            <a:ext cx="5810452" cy="509130"/>
          </a:xfrm>
          <a:noFill/>
        </p:spPr>
        <p:txBody>
          <a:bodyPr/>
          <a:lstStyle>
            <a:lvl1pPr marL="0" indent="0" algn="ctr">
              <a:buFontTx/>
              <a:buNone/>
              <a:defRPr sz="16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3774" y="1877882"/>
            <a:ext cx="5810452" cy="1174351"/>
          </a:xfrm>
          <a:noFill/>
        </p:spPr>
        <p:txBody>
          <a:bodyPr anchor="b"/>
          <a:lstStyle>
            <a:lvl1pPr algn="ctr">
              <a:defRPr sz="3200" b="0" i="0">
                <a:solidFill>
                  <a:schemeClr val="bg1"/>
                </a:solidFill>
                <a:latin typeface="Calibri" panose="020F0502020204030204" pitchFamily="34" charset="0"/>
                <a:cs typeface="Calibri" panose="020F0502020204030204" pitchFamily="34" charset="0"/>
              </a:defRPr>
            </a:lvl1pPr>
          </a:lstStyle>
          <a:p>
            <a:r>
              <a:rPr lang="en-US" dirty="0"/>
              <a:t>Click to Edit Title Style</a:t>
            </a:r>
          </a:p>
        </p:txBody>
      </p:sp>
      <p:pic>
        <p:nvPicPr>
          <p:cNvPr id="2" name="Picture 1">
            <a:extLst>
              <a:ext uri="{FF2B5EF4-FFF2-40B4-BE49-F238E27FC236}">
                <a16:creationId xmlns:a16="http://schemas.microsoft.com/office/drawing/2014/main" id="{0F9E219D-F0B7-46FB-709D-8B57B54DA776}"/>
              </a:ext>
            </a:extLst>
          </p:cNvPr>
          <p:cNvPicPr>
            <a:picLocks noChangeAspect="1"/>
          </p:cNvPicPr>
          <p:nvPr userDrawn="1"/>
        </p:nvPicPr>
        <p:blipFill>
          <a:blip r:embed="rId2"/>
          <a:stretch>
            <a:fillRect/>
          </a:stretch>
        </p:blipFill>
        <p:spPr>
          <a:xfrm>
            <a:off x="505129" y="585882"/>
            <a:ext cx="3213920" cy="673778"/>
          </a:xfrm>
          <a:prstGeom prst="rect">
            <a:avLst/>
          </a:prstGeom>
        </p:spPr>
      </p:pic>
      <p:sp>
        <p:nvSpPr>
          <p:cNvPr id="3" name="Right Triangle 2">
            <a:extLst>
              <a:ext uri="{FF2B5EF4-FFF2-40B4-BE49-F238E27FC236}">
                <a16:creationId xmlns:a16="http://schemas.microsoft.com/office/drawing/2014/main" id="{1FDAB869-89CB-46FA-AE3A-9E3C22107E70}"/>
              </a:ext>
            </a:extLst>
          </p:cNvPr>
          <p:cNvSpPr/>
          <p:nvPr userDrawn="1"/>
        </p:nvSpPr>
        <p:spPr bwMode="auto">
          <a:xfrm flipH="1" flipV="1">
            <a:off x="2509284" y="0"/>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 name="Rectangle 3">
            <a:extLst>
              <a:ext uri="{FF2B5EF4-FFF2-40B4-BE49-F238E27FC236}">
                <a16:creationId xmlns:a16="http://schemas.microsoft.com/office/drawing/2014/main" id="{FF391DF8-F26C-6A7E-3BAF-D18AE963C411}"/>
              </a:ext>
            </a:extLst>
          </p:cNvPr>
          <p:cNvSpPr/>
          <p:nvPr userDrawn="1"/>
        </p:nvSpPr>
        <p:spPr>
          <a:xfrm>
            <a:off x="38100" y="4768127"/>
            <a:ext cx="6819900"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1F3017DD-44E6-3E2B-3E06-E3D5C91CA86B}"/>
              </a:ext>
            </a:extLst>
          </p:cNvPr>
          <p:cNvSpPr/>
          <p:nvPr userDrawn="1"/>
        </p:nvSpPr>
        <p:spPr bwMode="auto">
          <a:xfrm>
            <a:off x="1" y="0"/>
            <a:ext cx="6857999"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7" name="Right Triangle 16">
            <a:extLst>
              <a:ext uri="{FF2B5EF4-FFF2-40B4-BE49-F238E27FC236}">
                <a16:creationId xmlns:a16="http://schemas.microsoft.com/office/drawing/2014/main" id="{50A1352D-FB26-EF8A-846A-A5543A73E66C}"/>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5" name="Picture 4" descr="Icon&#10;&#10;Description automatically generated">
            <a:extLst>
              <a:ext uri="{FF2B5EF4-FFF2-40B4-BE49-F238E27FC236}">
                <a16:creationId xmlns:a16="http://schemas.microsoft.com/office/drawing/2014/main" id="{86BA5916-B6B5-742A-9865-D2DC5523F1AD}"/>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0" name="Rectangle 9">
            <a:extLst>
              <a:ext uri="{FF2B5EF4-FFF2-40B4-BE49-F238E27FC236}">
                <a16:creationId xmlns:a16="http://schemas.microsoft.com/office/drawing/2014/main" id="{299B2AE9-0C6A-9A3D-4D4E-259DB37B9973}"/>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1" name="Text Placeholder 15">
            <a:extLst>
              <a:ext uri="{FF2B5EF4-FFF2-40B4-BE49-F238E27FC236}">
                <a16:creationId xmlns:a16="http://schemas.microsoft.com/office/drawing/2014/main" id="{DB5DF141-2070-0504-BEC4-C3A53733A74F}"/>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2" name="Picture 11" descr="Icon&#10;&#10;Description automatically generated">
            <a:extLst>
              <a:ext uri="{FF2B5EF4-FFF2-40B4-BE49-F238E27FC236}">
                <a16:creationId xmlns:a16="http://schemas.microsoft.com/office/drawing/2014/main" id="{2F16FB1B-2CEA-DE19-156D-BEE9EFCBF85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3" name="Rectangle 3">
            <a:extLst>
              <a:ext uri="{FF2B5EF4-FFF2-40B4-BE49-F238E27FC236}">
                <a16:creationId xmlns:a16="http://schemas.microsoft.com/office/drawing/2014/main" id="{5AF7DE20-56A8-5410-D922-D5CD9FDB799E}"/>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accent1"/>
                </a:solidFill>
              </a:defRPr>
            </a:lvl1pPr>
          </a:lstStyle>
          <a:p>
            <a:r>
              <a:rPr lang="en-US" dirty="0"/>
              <a:t>Click to Edit Title</a:t>
            </a:r>
          </a:p>
        </p:txBody>
      </p:sp>
      <p:sp>
        <p:nvSpPr>
          <p:cNvPr id="14" name="Rectangle 4">
            <a:extLst>
              <a:ext uri="{FF2B5EF4-FFF2-40B4-BE49-F238E27FC236}">
                <a16:creationId xmlns:a16="http://schemas.microsoft.com/office/drawing/2014/main" id="{6D06EEFD-436F-A9F0-F0AD-7140AAF9F066}"/>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accent1"/>
                </a:solidFill>
              </a:defRPr>
            </a:lvl1pPr>
          </a:lstStyle>
          <a:p>
            <a:r>
              <a:rPr lang="en-US" dirty="0"/>
              <a:t>Click to edit subtitle</a:t>
            </a:r>
          </a:p>
        </p:txBody>
      </p:sp>
      <p:sp>
        <p:nvSpPr>
          <p:cNvPr id="15" name="Slide Number Placeholder 5">
            <a:extLst>
              <a:ext uri="{FF2B5EF4-FFF2-40B4-BE49-F238E27FC236}">
                <a16:creationId xmlns:a16="http://schemas.microsoft.com/office/drawing/2014/main" id="{9095B2BA-CB95-8603-92AF-6DD7EC2193D0}"/>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80911828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342900" y="769258"/>
            <a:ext cx="3028950" cy="3744685"/>
          </a:xfrm>
        </p:spPr>
        <p:txBody>
          <a:bodyPr/>
          <a:lstStyle>
            <a:lvl1pPr>
              <a:defRPr sz="2400"/>
            </a:lvl1pPr>
            <a:lvl2pPr marL="742932" indent="-285744">
              <a:buFont typeface="Arial" panose="020B0604020202020204" pitchFamily="34" charset="0"/>
              <a:buChar char="•"/>
              <a:defRPr sz="1800"/>
            </a:lvl2pPr>
            <a:lvl3pPr>
              <a:defRPr sz="1600"/>
            </a:lvl3pPr>
            <a:lvl4pPr>
              <a:defRPr sz="1400"/>
            </a:lvl4pPr>
            <a:lvl5pPr>
              <a:defRPr sz="1400"/>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3486150" y="769258"/>
            <a:ext cx="3028950" cy="3744685"/>
          </a:xfrm>
        </p:spPr>
        <p:txBody>
          <a:bodyPr/>
          <a:lstStyle>
            <a:lvl1pPr>
              <a:defRPr sz="2400"/>
            </a:lvl1pPr>
            <a:lvl2pPr>
              <a:defRPr sz="1800"/>
            </a:lvl2pPr>
            <a:lvl3pPr>
              <a:defRPr sz="1600"/>
            </a:lvl3pPr>
            <a:lvl4pPr>
              <a:defRPr sz="1400"/>
            </a:lvl4pPr>
            <a:lvl5pPr>
              <a:defRPr sz="1400"/>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342900" y="4440832"/>
            <a:ext cx="2171700" cy="171450"/>
          </a:xfrm>
        </p:spPr>
        <p:txBody>
          <a:bodyPr/>
          <a:lstStyle>
            <a:lvl1pPr>
              <a:defRPr/>
            </a:lvl1pPr>
          </a:lstStyle>
          <a:p>
            <a:endParaRPr lang="en-US" dirty="0"/>
          </a:p>
        </p:txBody>
      </p:sp>
      <p:sp>
        <p:nvSpPr>
          <p:cNvPr id="7" name="Rectangle 4">
            <a:extLst>
              <a:ext uri="{FF2B5EF4-FFF2-40B4-BE49-F238E27FC236}">
                <a16:creationId xmlns:a16="http://schemas.microsoft.com/office/drawing/2014/main" id="{70530BFC-1493-6C45-A70A-BD6AEB6DDF67}"/>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a:lvl1pPr>
          </a:lstStyle>
          <a:p>
            <a:pPr lvl="0"/>
            <a:r>
              <a:rPr lang="en-US" dirty="0"/>
              <a:t>Click to Edit Title</a:t>
            </a:r>
          </a:p>
        </p:txBody>
      </p:sp>
      <p:sp>
        <p:nvSpPr>
          <p:cNvPr id="2" name="Slide Number Placeholder 5">
            <a:extLst>
              <a:ext uri="{FF2B5EF4-FFF2-40B4-BE49-F238E27FC236}">
                <a16:creationId xmlns:a16="http://schemas.microsoft.com/office/drawing/2014/main" id="{26344ADC-B143-15E7-C3FE-E59D267F0912}"/>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hasCustomPrompt="1"/>
          </p:nvPr>
        </p:nvSpPr>
        <p:spPr>
          <a:xfrm>
            <a:off x="342902" y="776910"/>
            <a:ext cx="3030141" cy="479822"/>
          </a:xfrm>
        </p:spPr>
        <p:txBody>
          <a:bodyPr anchor="b" anchorCtr="0"/>
          <a:lstStyle>
            <a:lvl1pPr marL="0" indent="0">
              <a:buNone/>
              <a:defRPr sz="2000" b="0" i="1">
                <a:solidFill>
                  <a:schemeClr val="accent2">
                    <a:lumMod val="50000"/>
                  </a:schemeClr>
                </a:solidFill>
                <a:latin typeface="Georgia" panose="02040502050405020303" pitchFamily="18" charset="0"/>
              </a:defRPr>
            </a:lvl1pPr>
            <a:lvl2pPr marL="457189" indent="0">
              <a:buNone/>
              <a:defRPr sz="2000" b="1"/>
            </a:lvl2pPr>
            <a:lvl3pPr marL="914377" indent="0">
              <a:buNone/>
              <a:defRPr sz="1800" b="1"/>
            </a:lvl3pPr>
            <a:lvl4pPr marL="1371566" indent="0">
              <a:buNone/>
              <a:defRPr sz="1600" b="1"/>
            </a:lvl4pPr>
            <a:lvl5pPr marL="1828754" indent="0">
              <a:buNone/>
              <a:defRPr sz="1600" b="1"/>
            </a:lvl5pPr>
            <a:lvl6pPr marL="2285943" indent="0">
              <a:buNone/>
              <a:defRPr sz="1600" b="1"/>
            </a:lvl6pPr>
            <a:lvl7pPr marL="2743131" indent="0">
              <a:buNone/>
              <a:defRPr sz="1600" b="1"/>
            </a:lvl7pPr>
            <a:lvl8pPr marL="3200320" indent="0">
              <a:buNone/>
              <a:defRPr sz="1600" b="1"/>
            </a:lvl8pPr>
            <a:lvl9pPr marL="3657509" indent="0">
              <a:buNone/>
              <a:defRPr sz="1600" b="1"/>
            </a:lvl9pPr>
          </a:lstStyle>
          <a:p>
            <a:pPr lvl="0"/>
            <a:r>
              <a:rPr lang="en-US" dirty="0"/>
              <a:t>Click to edit text</a:t>
            </a:r>
          </a:p>
        </p:txBody>
      </p:sp>
      <p:sp>
        <p:nvSpPr>
          <p:cNvPr id="4" name="Content Placeholder 3"/>
          <p:cNvSpPr>
            <a:spLocks noGrp="1"/>
          </p:cNvSpPr>
          <p:nvPr>
            <p:ph sz="half" idx="2" hasCustomPrompt="1"/>
          </p:nvPr>
        </p:nvSpPr>
        <p:spPr>
          <a:xfrm>
            <a:off x="342902" y="1295226"/>
            <a:ext cx="3030141" cy="3219623"/>
          </a:xfrm>
        </p:spPr>
        <p:txBody>
          <a:bodyPr/>
          <a:lstStyle>
            <a:lvl1pPr>
              <a:defRPr sz="1800"/>
            </a:lvl1pPr>
            <a:lvl2pPr>
              <a:defRPr sz="1800"/>
            </a:lvl2pPr>
            <a:lvl3pPr>
              <a:defRPr sz="1600"/>
            </a:lvl3pPr>
            <a:lvl4pPr>
              <a:defRPr sz="1400"/>
            </a:lvl4pPr>
            <a:lvl5pPr>
              <a:defRPr sz="1400"/>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hasCustomPrompt="1"/>
          </p:nvPr>
        </p:nvSpPr>
        <p:spPr>
          <a:xfrm>
            <a:off x="3483773" y="776910"/>
            <a:ext cx="3031331" cy="479822"/>
          </a:xfrm>
        </p:spPr>
        <p:txBody>
          <a:bodyPr anchor="b" anchorCtr="0"/>
          <a:lstStyle>
            <a:lvl1pPr marL="0" indent="0">
              <a:buNone/>
              <a:defRPr sz="2000" b="0" i="1">
                <a:solidFill>
                  <a:schemeClr val="accent2">
                    <a:lumMod val="50000"/>
                  </a:schemeClr>
                </a:solidFill>
                <a:latin typeface="Georgia" panose="02040502050405020303" pitchFamily="18" charset="0"/>
              </a:defRPr>
            </a:lvl1pPr>
            <a:lvl2pPr marL="457189" indent="0">
              <a:buNone/>
              <a:defRPr sz="2000" b="1"/>
            </a:lvl2pPr>
            <a:lvl3pPr marL="914377" indent="0">
              <a:buNone/>
              <a:defRPr sz="1800" b="1"/>
            </a:lvl3pPr>
            <a:lvl4pPr marL="1371566" indent="0">
              <a:buNone/>
              <a:defRPr sz="1600" b="1"/>
            </a:lvl4pPr>
            <a:lvl5pPr marL="1828754" indent="0">
              <a:buNone/>
              <a:defRPr sz="1600" b="1"/>
            </a:lvl5pPr>
            <a:lvl6pPr marL="2285943" indent="0">
              <a:buNone/>
              <a:defRPr sz="1600" b="1"/>
            </a:lvl6pPr>
            <a:lvl7pPr marL="2743131" indent="0">
              <a:buNone/>
              <a:defRPr sz="1600" b="1"/>
            </a:lvl7pPr>
            <a:lvl8pPr marL="3200320" indent="0">
              <a:buNone/>
              <a:defRPr sz="1600" b="1"/>
            </a:lvl8pPr>
            <a:lvl9pPr marL="3657509" indent="0">
              <a:buNone/>
              <a:defRPr sz="1600" b="1"/>
            </a:lvl9pPr>
          </a:lstStyle>
          <a:p>
            <a:pPr lvl="0"/>
            <a:r>
              <a:rPr lang="en-US" dirty="0"/>
              <a:t>Click to edit text</a:t>
            </a:r>
          </a:p>
        </p:txBody>
      </p:sp>
      <p:sp>
        <p:nvSpPr>
          <p:cNvPr id="6" name="Content Placeholder 5"/>
          <p:cNvSpPr>
            <a:spLocks noGrp="1"/>
          </p:cNvSpPr>
          <p:nvPr>
            <p:ph sz="quarter" idx="4" hasCustomPrompt="1"/>
          </p:nvPr>
        </p:nvSpPr>
        <p:spPr>
          <a:xfrm>
            <a:off x="3483773" y="1295226"/>
            <a:ext cx="3031331" cy="3219624"/>
          </a:xfrm>
        </p:spPr>
        <p:txBody>
          <a:bodyPr/>
          <a:lstStyle>
            <a:lvl1pPr>
              <a:defRPr sz="1800"/>
            </a:lvl1pPr>
            <a:lvl2pPr>
              <a:defRPr sz="1800"/>
            </a:lvl2pPr>
            <a:lvl3pPr>
              <a:defRPr sz="1600"/>
            </a:lvl3pPr>
            <a:lvl4pPr>
              <a:defRPr sz="1400"/>
            </a:lvl4pPr>
            <a:lvl5pPr>
              <a:defRPr sz="1400"/>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a:xfrm>
            <a:off x="342900" y="4455254"/>
            <a:ext cx="2171700" cy="171450"/>
          </a:xfrm>
        </p:spPr>
        <p:txBody>
          <a:bodyPr/>
          <a:lstStyle>
            <a:lvl1pPr>
              <a:defRPr/>
            </a:lvl1pPr>
          </a:lstStyle>
          <a:p>
            <a:endParaRPr lang="en-US"/>
          </a:p>
        </p:txBody>
      </p:sp>
      <p:sp>
        <p:nvSpPr>
          <p:cNvPr id="11" name="Rectangle 4">
            <a:extLst>
              <a:ext uri="{FF2B5EF4-FFF2-40B4-BE49-F238E27FC236}">
                <a16:creationId xmlns:a16="http://schemas.microsoft.com/office/drawing/2014/main" id="{9A66574B-A204-C940-B393-E356F43F2C4D}"/>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2800"/>
            </a:lvl1pPr>
          </a:lstStyle>
          <a:p>
            <a:pPr lvl="0"/>
            <a:r>
              <a:rPr lang="en-US" dirty="0"/>
              <a:t>Click to Edit Title</a:t>
            </a:r>
          </a:p>
        </p:txBody>
      </p:sp>
      <p:sp>
        <p:nvSpPr>
          <p:cNvPr id="2" name="Slide Number Placeholder 5">
            <a:extLst>
              <a:ext uri="{FF2B5EF4-FFF2-40B4-BE49-F238E27FC236}">
                <a16:creationId xmlns:a16="http://schemas.microsoft.com/office/drawing/2014/main" id="{43240E3E-A2A1-4744-B802-B1DCA5D5114C}"/>
              </a:ext>
            </a:extLst>
          </p:cNvPr>
          <p:cNvSpPr>
            <a:spLocks noGrp="1"/>
          </p:cNvSpPr>
          <p:nvPr>
            <p:ph type="sldNum" sz="quarter" idx="11"/>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7" name="Footer Placeholder 6"/>
          <p:cNvSpPr>
            <a:spLocks noGrp="1"/>
          </p:cNvSpPr>
          <p:nvPr>
            <p:ph type="ftr" sz="quarter" idx="10"/>
          </p:nvPr>
        </p:nvSpPr>
        <p:spPr>
          <a:xfrm>
            <a:off x="342900" y="4484193"/>
            <a:ext cx="2171700" cy="171450"/>
          </a:xfrm>
        </p:spPr>
        <p:txBody>
          <a:bodyPr/>
          <a:lstStyle>
            <a:lvl1pPr>
              <a:defRPr/>
            </a:lvl1pPr>
          </a:lstStyle>
          <a:p>
            <a:endParaRPr lang="en-US" dirty="0"/>
          </a:p>
        </p:txBody>
      </p:sp>
      <p:sp>
        <p:nvSpPr>
          <p:cNvPr id="11" name="Rectangle 4">
            <a:extLst>
              <a:ext uri="{FF2B5EF4-FFF2-40B4-BE49-F238E27FC236}">
                <a16:creationId xmlns:a16="http://schemas.microsoft.com/office/drawing/2014/main" id="{9A66574B-A204-C940-B393-E356F43F2C4D}"/>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2800"/>
            </a:lvl1pPr>
          </a:lstStyle>
          <a:p>
            <a:pPr lvl="0"/>
            <a:r>
              <a:rPr lang="en-US" dirty="0"/>
              <a:t>Click to Edit Title</a:t>
            </a:r>
          </a:p>
        </p:txBody>
      </p:sp>
      <p:sp>
        <p:nvSpPr>
          <p:cNvPr id="2" name="Slide Number Placeholder 5">
            <a:extLst>
              <a:ext uri="{FF2B5EF4-FFF2-40B4-BE49-F238E27FC236}">
                <a16:creationId xmlns:a16="http://schemas.microsoft.com/office/drawing/2014/main" id="{92E80C3B-08A0-0BCF-4DC6-34B4CCCEF0B7}"/>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268713902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
        <p:nvSpPr>
          <p:cNvPr id="7" name="Footer Placeholder 6"/>
          <p:cNvSpPr>
            <a:spLocks noGrp="1"/>
          </p:cNvSpPr>
          <p:nvPr>
            <p:ph type="ftr" sz="quarter" idx="10"/>
          </p:nvPr>
        </p:nvSpPr>
        <p:spPr>
          <a:xfrm>
            <a:off x="342900" y="4542063"/>
            <a:ext cx="2171700" cy="171450"/>
          </a:xfrm>
        </p:spPr>
        <p:txBody>
          <a:bodyPr/>
          <a:lstStyle>
            <a:lvl1pPr>
              <a:defRPr/>
            </a:lvl1pPr>
          </a:lstStyle>
          <a:p>
            <a:endParaRPr lang="en-US"/>
          </a:p>
        </p:txBody>
      </p:sp>
      <p:sp>
        <p:nvSpPr>
          <p:cNvPr id="2" name="Slide Number Placeholder 5">
            <a:extLst>
              <a:ext uri="{FF2B5EF4-FFF2-40B4-BE49-F238E27FC236}">
                <a16:creationId xmlns:a16="http://schemas.microsoft.com/office/drawing/2014/main" id="{2C4A4D15-4076-65C3-07B1-5115496ABEE6}"/>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72753551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42904" y="515257"/>
            <a:ext cx="2400299" cy="1306286"/>
          </a:xfrm>
        </p:spPr>
        <p:txBody>
          <a:bodyPr anchor="ctr"/>
          <a:lstStyle>
            <a:lvl1pPr algn="l">
              <a:defRPr sz="2800" b="0" i="0">
                <a:latin typeface="Calibri" panose="020F0502020204030204" pitchFamily="34" charset="0"/>
                <a:cs typeface="Calibri" panose="020F0502020204030204" pitchFamily="34" charset="0"/>
              </a:defRPr>
            </a:lvl1pPr>
          </a:lstStyle>
          <a:p>
            <a:r>
              <a:rPr lang="en-US" dirty="0"/>
              <a:t>Click to Edit Title</a:t>
            </a:r>
          </a:p>
        </p:txBody>
      </p:sp>
      <p:sp>
        <p:nvSpPr>
          <p:cNvPr id="3" name="Content Placeholder 2"/>
          <p:cNvSpPr>
            <a:spLocks noGrp="1"/>
          </p:cNvSpPr>
          <p:nvPr>
            <p:ph idx="1" hasCustomPrompt="1"/>
          </p:nvPr>
        </p:nvSpPr>
        <p:spPr>
          <a:xfrm>
            <a:off x="3086103" y="214132"/>
            <a:ext cx="3429001" cy="4162786"/>
          </a:xfrm>
        </p:spPr>
        <p:txBody>
          <a:bodyPr/>
          <a:lstStyle>
            <a:lvl1pPr marL="0" indent="0">
              <a:buFontTx/>
              <a:buNone/>
              <a:defRPr sz="2800"/>
            </a:lvl1pPr>
            <a:lvl2pPr marL="457188" indent="0">
              <a:buFontTx/>
              <a:buNone/>
              <a:defRPr sz="2000"/>
            </a:lvl2pPr>
            <a:lvl3pPr marL="914377" indent="0">
              <a:buFontTx/>
              <a:buNone/>
              <a:defRPr sz="1800"/>
            </a:lvl3pPr>
            <a:lvl4pPr marL="1371566" indent="0">
              <a:buFontTx/>
              <a:buNone/>
              <a:defRPr sz="1600"/>
            </a:lvl4pPr>
            <a:lvl5pPr marL="1828755" indent="0">
              <a:buFontTx/>
              <a:buNone/>
              <a:defRPr sz="1600"/>
            </a:lvl5pPr>
            <a:lvl6pPr>
              <a:defRPr sz="2000"/>
            </a:lvl6pPr>
            <a:lvl7pPr>
              <a:defRPr sz="2000"/>
            </a:lvl7pPr>
            <a:lvl8pPr>
              <a:defRPr sz="2000"/>
            </a:lvl8pPr>
            <a:lvl9pPr>
              <a:defRPr sz="20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3"/>
          <p:cNvSpPr>
            <a:spLocks noGrp="1"/>
          </p:cNvSpPr>
          <p:nvPr>
            <p:ph type="body" sz="half" idx="2" hasCustomPrompt="1"/>
          </p:nvPr>
        </p:nvSpPr>
        <p:spPr>
          <a:xfrm>
            <a:off x="342904" y="1942737"/>
            <a:ext cx="2400299" cy="2434178"/>
          </a:xfrm>
        </p:spPr>
        <p:txBody>
          <a:bodyPr/>
          <a:lstStyle>
            <a:lvl1pPr marL="0" indent="0">
              <a:buNone/>
              <a:defRPr sz="2000"/>
            </a:lvl1pPr>
            <a:lvl2pPr marL="457189" indent="0">
              <a:buNone/>
              <a:defRPr sz="1200"/>
            </a:lvl2pPr>
            <a:lvl3pPr marL="914377" indent="0">
              <a:buNone/>
              <a:defRPr sz="1000"/>
            </a:lvl3pPr>
            <a:lvl4pPr marL="1371566" indent="0">
              <a:buNone/>
              <a:defRPr sz="900"/>
            </a:lvl4pPr>
            <a:lvl5pPr marL="1828754" indent="0">
              <a:buNone/>
              <a:defRPr sz="900"/>
            </a:lvl5pPr>
            <a:lvl6pPr marL="2285943" indent="0">
              <a:buNone/>
              <a:defRPr sz="900"/>
            </a:lvl6pPr>
            <a:lvl7pPr marL="2743131" indent="0">
              <a:buNone/>
              <a:defRPr sz="900"/>
            </a:lvl7pPr>
            <a:lvl8pPr marL="3200320" indent="0">
              <a:buNone/>
              <a:defRPr sz="900"/>
            </a:lvl8pPr>
            <a:lvl9pPr marL="3657509" indent="0">
              <a:buNone/>
              <a:defRPr sz="900"/>
            </a:lvl9pPr>
          </a:lstStyle>
          <a:p>
            <a:pPr lvl="0"/>
            <a:r>
              <a:rPr lang="en-US" dirty="0"/>
              <a:t>Click to add content</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8" name="Text Placeholder 4">
            <a:extLst>
              <a:ext uri="{FF2B5EF4-FFF2-40B4-BE49-F238E27FC236}">
                <a16:creationId xmlns:a16="http://schemas.microsoft.com/office/drawing/2014/main" id="{C439A86F-6116-6140-AD00-CDEB43719C20}"/>
              </a:ext>
            </a:extLst>
          </p:cNvPr>
          <p:cNvSpPr>
            <a:spLocks noGrp="1"/>
          </p:cNvSpPr>
          <p:nvPr>
            <p:ph type="body" sz="quarter" idx="11" hasCustomPrompt="1"/>
          </p:nvPr>
        </p:nvSpPr>
        <p:spPr>
          <a:xfrm>
            <a:off x="342896" y="219867"/>
            <a:ext cx="2400299"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A45194B3-5BE6-77AA-5B68-6CB504D4F24C}"/>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37FBEB9-79FE-4432-252E-05353BE95C1B}"/>
              </a:ext>
            </a:extLst>
          </p:cNvPr>
          <p:cNvSpPr/>
          <p:nvPr userDrawn="1"/>
        </p:nvSpPr>
        <p:spPr bwMode="auto">
          <a:xfrm>
            <a:off x="0" y="4025505"/>
            <a:ext cx="6858000" cy="111799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6858000" cy="4025505"/>
          </a:xfrm>
        </p:spPr>
        <p:txBody>
          <a:bodyPr anchor="ctr" anchorCtr="0"/>
          <a:lstStyle>
            <a:lvl1pPr marL="0" indent="0" algn="ctr">
              <a:buNone/>
              <a:defRPr sz="3200"/>
            </a:lvl1pPr>
            <a:lvl2pPr marL="457189" indent="0">
              <a:buNone/>
              <a:defRPr sz="2800"/>
            </a:lvl2pPr>
            <a:lvl3pPr marL="914377" indent="0">
              <a:buNone/>
              <a:defRPr sz="2400"/>
            </a:lvl3pPr>
            <a:lvl4pPr marL="1371566" indent="0">
              <a:buNone/>
              <a:defRPr sz="2000"/>
            </a:lvl4pPr>
            <a:lvl5pPr marL="1828754" indent="0">
              <a:buNone/>
              <a:defRPr sz="2000"/>
            </a:lvl5pPr>
            <a:lvl6pPr marL="2285943" indent="0">
              <a:buNone/>
              <a:defRPr sz="2000"/>
            </a:lvl6pPr>
            <a:lvl7pPr marL="2743131" indent="0">
              <a:buNone/>
              <a:defRPr sz="2000"/>
            </a:lvl7pPr>
            <a:lvl8pPr marL="3200320" indent="0">
              <a:buNone/>
              <a:defRPr sz="2000"/>
            </a:lvl8pPr>
            <a:lvl9pPr marL="3657509" indent="0">
              <a:buNone/>
              <a:defRPr sz="2000"/>
            </a:lvl9pPr>
          </a:lstStyle>
          <a:p>
            <a:r>
              <a:rPr lang="en-US"/>
              <a:t>Click icon to add picture</a:t>
            </a:r>
            <a:endParaRPr lang="en-US" dirty="0"/>
          </a:p>
        </p:txBody>
      </p:sp>
      <p:pic>
        <p:nvPicPr>
          <p:cNvPr id="7" name="Picture 6" descr="Icon&#10;&#10;Description automatically generated">
            <a:extLst>
              <a:ext uri="{FF2B5EF4-FFF2-40B4-BE49-F238E27FC236}">
                <a16:creationId xmlns:a16="http://schemas.microsoft.com/office/drawing/2014/main" id="{15E87042-CDBE-1817-2CB5-45E3A9BEB6C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8" name="Rectangle 7">
            <a:extLst>
              <a:ext uri="{FF2B5EF4-FFF2-40B4-BE49-F238E27FC236}">
                <a16:creationId xmlns:a16="http://schemas.microsoft.com/office/drawing/2014/main" id="{B93938FF-2CF9-D17B-166B-0FB57821E027}"/>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9" name="Text Placeholder 15">
            <a:extLst>
              <a:ext uri="{FF2B5EF4-FFF2-40B4-BE49-F238E27FC236}">
                <a16:creationId xmlns:a16="http://schemas.microsoft.com/office/drawing/2014/main" id="{9D9A3B12-D845-AAF8-1104-E99FBCD11673}"/>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0" name="Picture 9" descr="Icon&#10;&#10;Description automatically generated">
            <a:extLst>
              <a:ext uri="{FF2B5EF4-FFF2-40B4-BE49-F238E27FC236}">
                <a16:creationId xmlns:a16="http://schemas.microsoft.com/office/drawing/2014/main" id="{D365D322-1FE4-30BF-2A8C-EB285065B1B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1" name="Slide Number Placeholder 5">
            <a:extLst>
              <a:ext uri="{FF2B5EF4-FFF2-40B4-BE49-F238E27FC236}">
                <a16:creationId xmlns:a16="http://schemas.microsoft.com/office/drawing/2014/main" id="{8A767792-DB7D-A90E-4916-8E3FD2B0E974}"/>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BC291BA4-F443-70A5-E7EF-7B0BF6D239E2}"/>
              </a:ext>
            </a:extLst>
          </p:cNvPr>
          <p:cNvSpPr/>
          <p:nvPr userDrawn="1"/>
        </p:nvSpPr>
        <p:spPr bwMode="auto">
          <a:xfrm>
            <a:off x="1" y="0"/>
            <a:ext cx="6857999"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6" name="Picture 5" descr="Icon&#10;&#10;Description automatically generated">
            <a:extLst>
              <a:ext uri="{FF2B5EF4-FFF2-40B4-BE49-F238E27FC236}">
                <a16:creationId xmlns:a16="http://schemas.microsoft.com/office/drawing/2014/main" id="{EBB346F0-4AB0-6482-4483-6B2B3319DDF7}"/>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7" name="Rectangle 6">
            <a:extLst>
              <a:ext uri="{FF2B5EF4-FFF2-40B4-BE49-F238E27FC236}">
                <a16:creationId xmlns:a16="http://schemas.microsoft.com/office/drawing/2014/main" id="{6845FF06-B7E1-EE02-2791-687B295B4CAD}"/>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8" name="Text Placeholder 15">
            <a:extLst>
              <a:ext uri="{FF2B5EF4-FFF2-40B4-BE49-F238E27FC236}">
                <a16:creationId xmlns:a16="http://schemas.microsoft.com/office/drawing/2014/main" id="{5DC52073-0624-6EE8-28BE-023036757430}"/>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9" name="Picture 8" descr="Icon&#10;&#10;Description automatically generated">
            <a:extLst>
              <a:ext uri="{FF2B5EF4-FFF2-40B4-BE49-F238E27FC236}">
                <a16:creationId xmlns:a16="http://schemas.microsoft.com/office/drawing/2014/main" id="{46B467CD-FE2D-8FE0-C078-3C74672CA35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1" name="Slide Number Placeholder 5">
            <a:extLst>
              <a:ext uri="{FF2B5EF4-FFF2-40B4-BE49-F238E27FC236}">
                <a16:creationId xmlns:a16="http://schemas.microsoft.com/office/drawing/2014/main" id="{AB41861B-55D6-B606-FEE1-251C55E78E81}"/>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12" name="Right Triangle 11">
            <a:extLst>
              <a:ext uri="{FF2B5EF4-FFF2-40B4-BE49-F238E27FC236}">
                <a16:creationId xmlns:a16="http://schemas.microsoft.com/office/drawing/2014/main" id="{DC2EED56-9DB5-BA86-B218-9E619CF37066}"/>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0" name="Rectangle 3">
            <a:extLst>
              <a:ext uri="{FF2B5EF4-FFF2-40B4-BE49-F238E27FC236}">
                <a16:creationId xmlns:a16="http://schemas.microsoft.com/office/drawing/2014/main" id="{F5825EF4-B88B-F1AA-69AE-A66A59D1FB09}"/>
              </a:ext>
            </a:extLst>
          </p:cNvPr>
          <p:cNvSpPr>
            <a:spLocks noGrp="1" noChangeArrowheads="1"/>
          </p:cNvSpPr>
          <p:nvPr>
            <p:ph type="ctrTitle" hasCustomPrompt="1"/>
          </p:nvPr>
        </p:nvSpPr>
        <p:spPr>
          <a:xfrm>
            <a:off x="428264" y="325761"/>
            <a:ext cx="5958966"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21" name="Content Placeholder 17">
            <a:extLst>
              <a:ext uri="{FF2B5EF4-FFF2-40B4-BE49-F238E27FC236}">
                <a16:creationId xmlns:a16="http://schemas.microsoft.com/office/drawing/2014/main" id="{D8453496-CCB8-36EC-2D3F-9B9840CE0C92}"/>
              </a:ext>
            </a:extLst>
          </p:cNvPr>
          <p:cNvSpPr>
            <a:spLocks noGrp="1"/>
          </p:cNvSpPr>
          <p:nvPr>
            <p:ph sz="quarter" idx="11" hasCustomPrompt="1"/>
          </p:nvPr>
        </p:nvSpPr>
        <p:spPr>
          <a:xfrm>
            <a:off x="428263" y="1066430"/>
            <a:ext cx="5958965" cy="2628116"/>
          </a:xfrm>
        </p:spPr>
        <p:txBody>
          <a:bodyPr/>
          <a:lstStyle>
            <a:lvl1pPr marL="0" indent="0" algn="ctr">
              <a:buNone/>
              <a:defRPr/>
            </a:lvl1pPr>
          </a:lstStyle>
          <a:p>
            <a:pPr lvl="0"/>
            <a:r>
              <a:rPr lang="en-US" dirty="0"/>
              <a:t>Click to add content</a:t>
            </a:r>
          </a:p>
        </p:txBody>
      </p:sp>
    </p:spTree>
    <p:extLst>
      <p:ext uri="{BB962C8B-B14F-4D97-AF65-F5344CB8AC3E}">
        <p14:creationId xmlns:p14="http://schemas.microsoft.com/office/powerpoint/2010/main" val="202635490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spTree>
      <p:nvGrpSpPr>
        <p:cNvPr id="1" name=""/>
        <p:cNvGrpSpPr/>
        <p:nvPr/>
      </p:nvGrpSpPr>
      <p:grpSpPr>
        <a:xfrm>
          <a:off x="0" y="0"/>
          <a:ext cx="0" cy="0"/>
          <a:chOff x="0" y="0"/>
          <a:chExt cx="0" cy="0"/>
        </a:xfrm>
      </p:grpSpPr>
      <p:sp>
        <p:nvSpPr>
          <p:cNvPr id="30" name="Rectangle 29">
            <a:extLst>
              <a:ext uri="{FF2B5EF4-FFF2-40B4-BE49-F238E27FC236}">
                <a16:creationId xmlns:a16="http://schemas.microsoft.com/office/drawing/2014/main" id="{FBDE3570-CB34-9246-BF0C-46D7352A9F7D}"/>
              </a:ext>
            </a:extLst>
          </p:cNvPr>
          <p:cNvSpPr/>
          <p:nvPr/>
        </p:nvSpPr>
        <p:spPr bwMode="auto">
          <a:xfrm>
            <a:off x="-53094" y="0"/>
            <a:ext cx="6911094" cy="514350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800" b="0" i="0">
                <a:solidFill>
                  <a:schemeClr val="accent1"/>
                </a:solidFill>
                <a:latin typeface="Calibri" panose="020F0502020204030204" pitchFamily="34" charset="0"/>
                <a:cs typeface="Calibri" panose="020F0502020204030204" pitchFamily="34" charset="0"/>
              </a:rPr>
              <a:t>©2022 CliftonLarsonAllen LLP. Investment advisory services are offered through CliftonLarsonAllen Wealth Advisors, LLC, an SEC-registered investment advisor.</a:t>
            </a:r>
            <a:br>
              <a:rPr lang="en-US" sz="800" b="0" i="0">
                <a:solidFill>
                  <a:schemeClr val="accent1"/>
                </a:solidFill>
                <a:latin typeface="Calibri" panose="020F0502020204030204" pitchFamily="34" charset="0"/>
                <a:cs typeface="Calibri" panose="020F0502020204030204" pitchFamily="34" charset="0"/>
              </a:rPr>
            </a:br>
            <a:r>
              <a:rPr lang="en-US" sz="800" b="0" i="0">
                <a:solidFill>
                  <a:schemeClr val="accent1"/>
                </a:solidFill>
                <a:latin typeface="Calibri" panose="020F0502020204030204" pitchFamily="34" charset="0"/>
                <a:cs typeface="Calibri" panose="020F0502020204030204" pitchFamily="34" charset="0"/>
              </a:rPr>
              <a:t> CLA (CliftonLarsonAllen LLP) is an independent network member of CLA Global. </a:t>
            </a:r>
            <a:br>
              <a:rPr lang="en-US" sz="800" b="0" i="0">
                <a:solidFill>
                  <a:schemeClr val="accent1"/>
                </a:solidFill>
                <a:latin typeface="Calibri" panose="020F0502020204030204" pitchFamily="34" charset="0"/>
                <a:cs typeface="Calibri" panose="020F0502020204030204" pitchFamily="34" charset="0"/>
              </a:rPr>
            </a:br>
            <a:r>
              <a:rPr lang="en-US" sz="800" b="0" i="0">
                <a:solidFill>
                  <a:schemeClr val="accent1"/>
                </a:solidFill>
                <a:latin typeface="Calibri" panose="020F0502020204030204" pitchFamily="34" charset="0"/>
                <a:cs typeface="Calibri" panose="020F0502020204030204" pitchFamily="34" charset="0"/>
              </a:rPr>
              <a:t>See CLAglobal.com/disclaimer. </a:t>
            </a:r>
            <a:endParaRPr lang="en-US" sz="800" b="0" i="0" dirty="0">
              <a:solidFill>
                <a:schemeClr val="accent1"/>
              </a:solidFill>
              <a:latin typeface="Calibri" panose="020F0502020204030204" pitchFamily="34" charset="0"/>
              <a:cs typeface="Calibri" panose="020F0502020204030204" pitchFamily="34" charset="0"/>
            </a:endParaRPr>
          </a:p>
        </p:txBody>
      </p:sp>
      <p:grpSp>
        <p:nvGrpSpPr>
          <p:cNvPr id="6" name="Group 5">
            <a:extLst>
              <a:ext uri="{FF2B5EF4-FFF2-40B4-BE49-F238E27FC236}">
                <a16:creationId xmlns:a16="http://schemas.microsoft.com/office/drawing/2014/main" id="{DB6A0192-629E-7F41-A97D-EE35AF035A40}"/>
              </a:ext>
            </a:extLst>
          </p:cNvPr>
          <p:cNvGrpSpPr/>
          <p:nvPr/>
        </p:nvGrpSpPr>
        <p:grpSpPr>
          <a:xfrm>
            <a:off x="1299267" y="3642939"/>
            <a:ext cx="1567010" cy="534896"/>
            <a:chOff x="1591055" y="3642939"/>
            <a:chExt cx="1567010" cy="534896"/>
          </a:xfrm>
        </p:grpSpPr>
        <p:sp>
          <p:nvSpPr>
            <p:cNvPr id="3" name="TextBox 2"/>
            <p:cNvSpPr txBox="1"/>
            <p:nvPr/>
          </p:nvSpPr>
          <p:spPr>
            <a:xfrm>
              <a:off x="1591055" y="3642939"/>
              <a:ext cx="1567009" cy="307777"/>
            </a:xfrm>
            <a:prstGeom prst="rect">
              <a:avLst/>
            </a:prstGeom>
            <a:noFill/>
          </p:spPr>
          <p:txBody>
            <a:bodyPr wrap="square" rtlCol="0">
              <a:spAutoFit/>
            </a:bodyPr>
            <a:lstStyle/>
            <a:p>
              <a:pPr algn="l"/>
              <a:r>
                <a:rPr lang="en-US" sz="1400" b="0" dirty="0" err="1">
                  <a:solidFill>
                    <a:schemeClr val="bg1"/>
                  </a:solidFill>
                  <a:latin typeface="Calibri" panose="020F0502020204030204" pitchFamily="34" charset="0"/>
                  <a:cs typeface="Calibri" panose="020F0502020204030204" pitchFamily="34" charset="0"/>
                </a:rPr>
                <a:t>CLAconnect.com</a:t>
              </a:r>
              <a:endParaRPr lang="en-US" sz="1400" b="0" dirty="0">
                <a:solidFill>
                  <a:schemeClr val="bg1"/>
                </a:solidFill>
                <a:latin typeface="Calibri" panose="020F0502020204030204" pitchFamily="34" charset="0"/>
                <a:cs typeface="Calibri" panose="020F0502020204030204" pitchFamily="34" charset="0"/>
              </a:endParaRPr>
            </a:p>
          </p:txBody>
        </p:sp>
        <p:pic>
          <p:nvPicPr>
            <p:cNvPr id="15" name="Picture 14">
              <a:hlinkClick r:id="rId2"/>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316752" y="3999930"/>
              <a:ext cx="177905" cy="177905"/>
            </a:xfrm>
            <a:prstGeom prst="rect">
              <a:avLst/>
            </a:prstGeom>
          </p:spPr>
        </p:pic>
        <p:pic>
          <p:nvPicPr>
            <p:cNvPr id="17" name="Picture 16">
              <a:hlinkClick r:id="rId4"/>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996536" y="4000272"/>
              <a:ext cx="177220" cy="177220"/>
            </a:xfrm>
            <a:prstGeom prst="rect">
              <a:avLst/>
            </a:prstGeom>
          </p:spPr>
        </p:pic>
        <p:pic>
          <p:nvPicPr>
            <p:cNvPr id="19" name="Picture 18">
              <a:hlinkClick r:id="rId6"/>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681254" y="4002739"/>
              <a:ext cx="172286" cy="172286"/>
            </a:xfrm>
            <a:prstGeom prst="rect">
              <a:avLst/>
            </a:prstGeom>
          </p:spPr>
        </p:pic>
        <p:pic>
          <p:nvPicPr>
            <p:cNvPr id="20" name="Picture 19">
              <a:hlinkClick r:id="rId8"/>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37653" y="4018482"/>
              <a:ext cx="199512" cy="140800"/>
            </a:xfrm>
            <a:prstGeom prst="rect">
              <a:avLst/>
            </a:prstGeom>
          </p:spPr>
        </p:pic>
        <p:pic>
          <p:nvPicPr>
            <p:cNvPr id="21" name="Picture 20">
              <a:hlinkClick r:id="rId10"/>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2980160" y="3999930"/>
              <a:ext cx="177905" cy="177905"/>
            </a:xfrm>
            <a:prstGeom prst="rect">
              <a:avLst/>
            </a:prstGeom>
          </p:spPr>
        </p:pic>
      </p:grpSp>
      <p:pic>
        <p:nvPicPr>
          <p:cNvPr id="14" name="Picture 13">
            <a:extLst>
              <a:ext uri="{FF2B5EF4-FFF2-40B4-BE49-F238E27FC236}">
                <a16:creationId xmlns:a16="http://schemas.microsoft.com/office/drawing/2014/main" id="{A7D310AE-3A9A-C443-8017-969C6A074BCB}"/>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460561" y="3595152"/>
            <a:ext cx="600050" cy="597570"/>
          </a:xfrm>
          <a:prstGeom prst="rect">
            <a:avLst/>
          </a:prstGeom>
        </p:spPr>
      </p:pic>
      <p:sp>
        <p:nvSpPr>
          <p:cNvPr id="16" name="Content Placeholder 3">
            <a:extLst>
              <a:ext uri="{FF2B5EF4-FFF2-40B4-BE49-F238E27FC236}">
                <a16:creationId xmlns:a16="http://schemas.microsoft.com/office/drawing/2014/main" id="{C500738B-56CD-4B44-9458-7D1250AB7E48}"/>
              </a:ext>
            </a:extLst>
          </p:cNvPr>
          <p:cNvSpPr>
            <a:spLocks noGrp="1"/>
          </p:cNvSpPr>
          <p:nvPr>
            <p:ph sz="half" idx="2" hasCustomPrompt="1"/>
          </p:nvPr>
        </p:nvSpPr>
        <p:spPr>
          <a:xfrm>
            <a:off x="1350532" y="326018"/>
            <a:ext cx="4210049" cy="2590800"/>
          </a:xfrm>
          <a:noFill/>
        </p:spPr>
        <p:txBody>
          <a:bodyPr anchor="ctr" anchorCtr="0"/>
          <a:lstStyle>
            <a:lvl1pPr marL="0" indent="3175">
              <a:spcBef>
                <a:spcPts val="0"/>
              </a:spcBef>
              <a:spcAft>
                <a:spcPts val="600"/>
              </a:spcAft>
              <a:buNone/>
              <a:defRPr sz="20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8" name="TextBox 17">
            <a:extLst>
              <a:ext uri="{FF2B5EF4-FFF2-40B4-BE49-F238E27FC236}">
                <a16:creationId xmlns:a16="http://schemas.microsoft.com/office/drawing/2014/main" id="{F7EAB613-B850-4A79-8EAE-75BFE683DB6A}"/>
              </a:ext>
            </a:extLst>
          </p:cNvPr>
          <p:cNvSpPr txBox="1"/>
          <p:nvPr userDrawn="1"/>
        </p:nvSpPr>
        <p:spPr>
          <a:xfrm>
            <a:off x="1299267" y="4283986"/>
            <a:ext cx="5094112" cy="215444"/>
          </a:xfrm>
          <a:prstGeom prst="rect">
            <a:avLst/>
          </a:prstGeom>
          <a:noFill/>
        </p:spPr>
        <p:txBody>
          <a:bodyPr wrap="square" rtlCol="0">
            <a:spAutoFit/>
          </a:bodyPr>
          <a:lstStyle/>
          <a:p>
            <a:pPr algn="l"/>
            <a:r>
              <a:rPr lang="en-US" sz="800" spc="50" dirty="0">
                <a:solidFill>
                  <a:srgbClr val="FFFFFF"/>
                </a:solidFill>
                <a:latin typeface="Calibri"/>
              </a:rPr>
              <a:t>CPAs  |  CONSULTANTS  |  WEALTH ADVISORS</a:t>
            </a:r>
          </a:p>
        </p:txBody>
      </p:sp>
      <p:sp>
        <p:nvSpPr>
          <p:cNvPr id="22" name="TextBox 21">
            <a:extLst>
              <a:ext uri="{FF2B5EF4-FFF2-40B4-BE49-F238E27FC236}">
                <a16:creationId xmlns:a16="http://schemas.microsoft.com/office/drawing/2014/main" id="{5C027372-FB59-43D5-9D79-5A0264AB3D06}"/>
              </a:ext>
            </a:extLst>
          </p:cNvPr>
          <p:cNvSpPr txBox="1"/>
          <p:nvPr userDrawn="1"/>
        </p:nvSpPr>
        <p:spPr>
          <a:xfrm>
            <a:off x="1299266" y="4541385"/>
            <a:ext cx="5478052" cy="307777"/>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is an independent network member of CLA Global. See CLAglobal.com/disclaimer.</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 </a:t>
            </a:r>
          </a:p>
        </p:txBody>
      </p:sp>
      <p:sp>
        <p:nvSpPr>
          <p:cNvPr id="2" name="Slide Number Placeholder 5">
            <a:extLst>
              <a:ext uri="{FF2B5EF4-FFF2-40B4-BE49-F238E27FC236}">
                <a16:creationId xmlns:a16="http://schemas.microsoft.com/office/drawing/2014/main" id="{371343C9-FF3A-4012-5BDB-687038AB4EB3}"/>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B60E42D-B905-0747-9D28-B55BABBC04D5}"/>
              </a:ext>
            </a:extLst>
          </p:cNvPr>
          <p:cNvPicPr>
            <a:picLocks noChangeAspect="1"/>
          </p:cNvPicPr>
          <p:nvPr/>
        </p:nvPicPr>
        <p:blipFill rotWithShape="1">
          <a:blip r:embed="rId2">
            <a:extLst>
              <a:ext uri="{28A0092B-C50C-407E-A947-70E740481C1C}">
                <a14:useLocalDpi xmlns:a14="http://schemas.microsoft.com/office/drawing/2010/main" val="0"/>
              </a:ext>
            </a:extLst>
          </a:blip>
          <a:srcRect l="3258" t="8068" r="4810"/>
          <a:stretch/>
        </p:blipFill>
        <p:spPr>
          <a:xfrm>
            <a:off x="-2" y="-13864"/>
            <a:ext cx="6858000" cy="3845665"/>
          </a:xfrm>
          <a:prstGeom prst="rect">
            <a:avLst/>
          </a:prstGeom>
        </p:spPr>
      </p:pic>
      <p:sp>
        <p:nvSpPr>
          <p:cNvPr id="3" name="Rectangle 2">
            <a:extLst>
              <a:ext uri="{FF2B5EF4-FFF2-40B4-BE49-F238E27FC236}">
                <a16:creationId xmlns:a16="http://schemas.microsoft.com/office/drawing/2014/main" id="{77DB677A-C39B-5BED-7EF2-631370B91195}"/>
              </a:ext>
            </a:extLst>
          </p:cNvPr>
          <p:cNvSpPr/>
          <p:nvPr userDrawn="1"/>
        </p:nvSpPr>
        <p:spPr bwMode="auto">
          <a:xfrm>
            <a:off x="2" y="0"/>
            <a:ext cx="6857998" cy="3831801"/>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 name="Rectangle 12"/>
          <p:cNvSpPr/>
          <p:nvPr/>
        </p:nvSpPr>
        <p:spPr bwMode="auto">
          <a:xfrm>
            <a:off x="0" y="4226035"/>
            <a:ext cx="6858000" cy="914400"/>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377"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0" name="Rectangle 4"/>
          <p:cNvSpPr>
            <a:spLocks noGrp="1" noChangeArrowheads="1"/>
          </p:cNvSpPr>
          <p:nvPr>
            <p:ph type="subTitle" idx="1" hasCustomPrompt="1"/>
          </p:nvPr>
        </p:nvSpPr>
        <p:spPr>
          <a:xfrm>
            <a:off x="333857" y="2649157"/>
            <a:ext cx="6190286" cy="367202"/>
          </a:xfrm>
          <a:noFill/>
        </p:spPr>
        <p:txBody>
          <a:bodyPr/>
          <a:lstStyle>
            <a:lvl1pPr marL="0" indent="0" algn="ctr">
              <a:buFontTx/>
              <a:buNone/>
              <a:defRPr sz="2000" b="0">
                <a:solidFill>
                  <a:schemeClr val="bg1"/>
                </a:solidFill>
              </a:defRPr>
            </a:lvl1pPr>
          </a:lstStyle>
          <a:p>
            <a:r>
              <a:rPr lang="en-US" dirty="0"/>
              <a:t>Click to edit subtitle</a:t>
            </a:r>
          </a:p>
        </p:txBody>
      </p:sp>
      <p:sp>
        <p:nvSpPr>
          <p:cNvPr id="11" name="Title 1"/>
          <p:cNvSpPr>
            <a:spLocks noGrp="1"/>
          </p:cNvSpPr>
          <p:nvPr>
            <p:ph type="title" hasCustomPrompt="1"/>
          </p:nvPr>
        </p:nvSpPr>
        <p:spPr>
          <a:xfrm>
            <a:off x="333857" y="1781985"/>
            <a:ext cx="6190286" cy="712359"/>
          </a:xfrm>
          <a:noFill/>
        </p:spPr>
        <p:txBody>
          <a:bodyPr anchor="ctr" anchorCtr="0"/>
          <a:lstStyle>
            <a:lvl1pPr algn="ctr">
              <a:defRPr sz="3600" b="0" i="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15" name="Picture 14"/>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4740264" y="4457700"/>
            <a:ext cx="1828800" cy="457200"/>
          </a:xfrm>
          <a:prstGeom prst="rect">
            <a:avLst/>
          </a:prstGeom>
        </p:spPr>
      </p:pic>
      <p:pic>
        <p:nvPicPr>
          <p:cNvPr id="16" name="Picture 15">
            <a:extLst>
              <a:ext uri="{FF2B5EF4-FFF2-40B4-BE49-F238E27FC236}">
                <a16:creationId xmlns:a16="http://schemas.microsoft.com/office/drawing/2014/main" id="{8CA46002-E585-6F43-A2AD-93DB48C65E4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70686" y="4411336"/>
            <a:ext cx="546054" cy="543797"/>
          </a:xfrm>
          <a:prstGeom prst="rect">
            <a:avLst/>
          </a:prstGeom>
        </p:spPr>
      </p:pic>
      <p:sp>
        <p:nvSpPr>
          <p:cNvPr id="2" name="TextBox 1">
            <a:extLst>
              <a:ext uri="{FF2B5EF4-FFF2-40B4-BE49-F238E27FC236}">
                <a16:creationId xmlns:a16="http://schemas.microsoft.com/office/drawing/2014/main" id="{AF6F462C-9BC9-CAE8-AE29-ED664DC594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a:xfrm>
            <a:off x="342900" y="4435627"/>
            <a:ext cx="2171700" cy="171450"/>
          </a:xfrm>
        </p:spPr>
        <p:txBody>
          <a:bodyPr/>
          <a:lstStyle>
            <a:lvl1pPr>
              <a:defRPr/>
            </a:lvl1pPr>
          </a:lstStyle>
          <a:p>
            <a:endParaRPr lang="en-US" dirty="0"/>
          </a:p>
        </p:txBody>
      </p:sp>
      <p:sp>
        <p:nvSpPr>
          <p:cNvPr id="6" name="Rectangle 4">
            <a:extLst>
              <a:ext uri="{FF2B5EF4-FFF2-40B4-BE49-F238E27FC236}">
                <a16:creationId xmlns:a16="http://schemas.microsoft.com/office/drawing/2014/main" id="{433B3808-3A11-B04C-A1B9-29E563C5D91B}"/>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a:lvl1pPr>
          </a:lstStyle>
          <a:p>
            <a:pPr lvl="0"/>
            <a:r>
              <a:rPr lang="en-US" dirty="0"/>
              <a:t>Click to Edit Title</a:t>
            </a:r>
          </a:p>
        </p:txBody>
      </p:sp>
      <p:sp>
        <p:nvSpPr>
          <p:cNvPr id="7" name="Rectangle 5">
            <a:extLst>
              <a:ext uri="{FF2B5EF4-FFF2-40B4-BE49-F238E27FC236}">
                <a16:creationId xmlns:a16="http://schemas.microsoft.com/office/drawing/2014/main" id="{AB62AF3E-CB11-054B-B1A7-CA09DA78ECFD}"/>
              </a:ext>
            </a:extLst>
          </p:cNvPr>
          <p:cNvSpPr>
            <a:spLocks noGrp="1" noChangeArrowheads="1"/>
          </p:cNvSpPr>
          <p:nvPr>
            <p:ph idx="1" hasCustomPrompt="1"/>
          </p:nvPr>
        </p:nvSpPr>
        <p:spPr bwMode="auto">
          <a:xfrm>
            <a:off x="342900" y="782541"/>
            <a:ext cx="6172200" cy="3731401"/>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vl1pPr>
            <a:lvl2pPr marL="742932" indent="-285744">
              <a:buFont typeface="Courier New" panose="02070309020205020404" pitchFamily="49" charset="0"/>
              <a:buChar char="o"/>
              <a:defRPr/>
            </a:lvl2pPr>
            <a:lvl3pPr marL="1142971" indent="-228594">
              <a:buFont typeface="Wingdings" pitchFamily="2" charset="2"/>
              <a:buChar char="§"/>
              <a:defRPr/>
            </a:lvl3pPr>
            <a:lvl4pPr>
              <a:buClr>
                <a:schemeClr val="accent1"/>
              </a:buClr>
              <a:defRPr/>
            </a:lvl4pPr>
            <a:lvl5pPr marL="2057349" indent="-228594">
              <a:buClr>
                <a:schemeClr val="accent1"/>
              </a:buClr>
              <a:buFont typeface="Arial" panose="020B0604020202020204" pitchFamily="34" charset="0"/>
              <a:buChar char="•"/>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Slide Number Placeholder 5">
            <a:extLst>
              <a:ext uri="{FF2B5EF4-FFF2-40B4-BE49-F238E27FC236}">
                <a16:creationId xmlns:a16="http://schemas.microsoft.com/office/drawing/2014/main" id="{0B9DC69F-731C-F889-39B7-C4CC42A5DD6D}"/>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Co-Sponsored Events Section Header">
    <p:spTree>
      <p:nvGrpSpPr>
        <p:cNvPr id="1" name=""/>
        <p:cNvGrpSpPr/>
        <p:nvPr/>
      </p:nvGrpSpPr>
      <p:grpSpPr>
        <a:xfrm>
          <a:off x="0" y="0"/>
          <a:ext cx="0" cy="0"/>
          <a:chOff x="0" y="0"/>
          <a:chExt cx="0" cy="0"/>
        </a:xfrm>
      </p:grpSpPr>
      <p:sp>
        <p:nvSpPr>
          <p:cNvPr id="17" name="Slide Number Placeholder 5">
            <a:extLst>
              <a:ext uri="{FF2B5EF4-FFF2-40B4-BE49-F238E27FC236}">
                <a16:creationId xmlns:a16="http://schemas.microsoft.com/office/drawing/2014/main" id="{C02CCD82-BDD9-4C42-905D-E0E3EB69C3D1}"/>
              </a:ext>
            </a:extLst>
          </p:cNvPr>
          <p:cNvSpPr>
            <a:spLocks noGrp="1"/>
          </p:cNvSpPr>
          <p:nvPr>
            <p:ph type="sldNum" sz="quarter" idx="4"/>
          </p:nvPr>
        </p:nvSpPr>
        <p:spPr>
          <a:xfrm>
            <a:off x="6439438" y="4800600"/>
            <a:ext cx="37250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pic>
        <p:nvPicPr>
          <p:cNvPr id="10" name="Picture 9">
            <a:extLst>
              <a:ext uri="{FF2B5EF4-FFF2-40B4-BE49-F238E27FC236}">
                <a16:creationId xmlns:a16="http://schemas.microsoft.com/office/drawing/2014/main" id="{DCBE2679-648C-5641-97F4-ACDE0B2126BB}"/>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228599" y="277151"/>
            <a:ext cx="704087" cy="701178"/>
          </a:xfrm>
          <a:prstGeom prst="rect">
            <a:avLst/>
          </a:prstGeom>
        </p:spPr>
      </p:pic>
      <p:pic>
        <p:nvPicPr>
          <p:cNvPr id="15" name="Picture 14">
            <a:extLst>
              <a:ext uri="{FF2B5EF4-FFF2-40B4-BE49-F238E27FC236}">
                <a16:creationId xmlns:a16="http://schemas.microsoft.com/office/drawing/2014/main" id="{9032EA90-9B81-6D48-8EEE-D71015BF3AA7}"/>
              </a:ext>
            </a:extLst>
          </p:cNvPr>
          <p:cNvPicPr>
            <a:picLocks noChangeAspect="1"/>
          </p:cNvPicPr>
          <p:nvPr/>
        </p:nvPicPr>
        <p:blipFill>
          <a:blip r:embed="rId3" cstate="print">
            <a:extLst>
              <a:ext uri="{28A0092B-C50C-407E-A947-70E740481C1C}">
                <a14:useLocalDpi xmlns:a14="http://schemas.microsoft.com/office/drawing/2010/main" val="0"/>
              </a:ext>
            </a:extLst>
          </a:blip>
          <a:srcRect/>
          <a:stretch/>
        </p:blipFill>
        <p:spPr>
          <a:xfrm>
            <a:off x="380999" y="429551"/>
            <a:ext cx="704087" cy="701178"/>
          </a:xfrm>
          <a:prstGeom prst="rect">
            <a:avLst/>
          </a:prstGeom>
        </p:spPr>
      </p:pic>
      <p:pic>
        <p:nvPicPr>
          <p:cNvPr id="18" name="Picture 17">
            <a:extLst>
              <a:ext uri="{FF2B5EF4-FFF2-40B4-BE49-F238E27FC236}">
                <a16:creationId xmlns:a16="http://schemas.microsoft.com/office/drawing/2014/main" id="{E09D544C-8166-C742-A268-B84C736888A0}"/>
              </a:ext>
            </a:extLst>
          </p:cNvPr>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1432423" y="545087"/>
            <a:ext cx="1880421" cy="470105"/>
          </a:xfrm>
          <a:prstGeom prst="rect">
            <a:avLst/>
          </a:prstGeom>
        </p:spPr>
      </p:pic>
      <p:sp>
        <p:nvSpPr>
          <p:cNvPr id="19" name="Rectangle 4">
            <a:extLst>
              <a:ext uri="{FF2B5EF4-FFF2-40B4-BE49-F238E27FC236}">
                <a16:creationId xmlns:a16="http://schemas.microsoft.com/office/drawing/2014/main" id="{6F669476-5B23-0547-ABC0-4C4FD83C28EB}"/>
              </a:ext>
            </a:extLst>
          </p:cNvPr>
          <p:cNvSpPr>
            <a:spLocks noGrp="1" noChangeArrowheads="1"/>
          </p:cNvSpPr>
          <p:nvPr>
            <p:ph type="subTitle" idx="1" hasCustomPrompt="1"/>
          </p:nvPr>
        </p:nvSpPr>
        <p:spPr>
          <a:xfrm>
            <a:off x="387454" y="2914993"/>
            <a:ext cx="3284221"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20" name="Rectangle 3">
            <a:extLst>
              <a:ext uri="{FF2B5EF4-FFF2-40B4-BE49-F238E27FC236}">
                <a16:creationId xmlns:a16="http://schemas.microsoft.com/office/drawing/2014/main" id="{9654A619-3C0F-D147-A5AD-A8DECD686E3C}"/>
              </a:ext>
            </a:extLst>
          </p:cNvPr>
          <p:cNvSpPr>
            <a:spLocks noGrp="1" noChangeArrowheads="1"/>
          </p:cNvSpPr>
          <p:nvPr>
            <p:ph type="ctrTitle" hasCustomPrompt="1"/>
          </p:nvPr>
        </p:nvSpPr>
        <p:spPr>
          <a:xfrm>
            <a:off x="387455" y="1691053"/>
            <a:ext cx="3284220" cy="1167503"/>
          </a:xfrm>
          <a:noFill/>
        </p:spPr>
        <p:txBody>
          <a:bodyPr anchor="b" anchorCtr="0"/>
          <a:lstStyle>
            <a:lvl1pPr algn="l">
              <a:defRPr sz="2000">
                <a:solidFill>
                  <a:schemeClr val="accent1"/>
                </a:solidFill>
              </a:defRPr>
            </a:lvl1pPr>
          </a:lstStyle>
          <a:p>
            <a:r>
              <a:rPr lang="en-US" dirty="0"/>
              <a:t>Section Header Layout for </a:t>
            </a:r>
            <a:br>
              <a:rPr lang="en-US" dirty="0"/>
            </a:br>
            <a:r>
              <a:rPr lang="en-US" dirty="0"/>
              <a:t>Co-Sponsored Events </a:t>
            </a:r>
          </a:p>
        </p:txBody>
      </p:sp>
      <p:sp>
        <p:nvSpPr>
          <p:cNvPr id="12" name="Rectangle 11">
            <a:extLst>
              <a:ext uri="{FF2B5EF4-FFF2-40B4-BE49-F238E27FC236}">
                <a16:creationId xmlns:a16="http://schemas.microsoft.com/office/drawing/2014/main" id="{94960EFE-57FB-C4E8-B243-C4318BE2D024}"/>
              </a:ext>
            </a:extLst>
          </p:cNvPr>
          <p:cNvSpPr/>
          <p:nvPr userDrawn="1"/>
        </p:nvSpPr>
        <p:spPr>
          <a:xfrm>
            <a:off x="114689" y="477303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
        <p:nvSpPr>
          <p:cNvPr id="3" name="Slide Number Placeholder 5">
            <a:extLst>
              <a:ext uri="{FF2B5EF4-FFF2-40B4-BE49-F238E27FC236}">
                <a16:creationId xmlns:a16="http://schemas.microsoft.com/office/drawing/2014/main" id="{B88FEB6C-7178-31D7-2FED-31F6761C8E38}"/>
              </a:ext>
            </a:extLst>
          </p:cNvPr>
          <p:cNvSpPr txBox="1">
            <a:spLocks/>
          </p:cNvSpPr>
          <p:nvPr userDrawn="1"/>
        </p:nvSpPr>
        <p:spPr>
          <a:xfrm>
            <a:off x="6387227" y="479367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Calibri" panose="020F0502020204030204" pitchFamily="34" charset="0"/>
                <a:ea typeface="+mn-ea"/>
                <a:cs typeface="Calibri" panose="020F050202020403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8E24598-D429-A34B-B4A6-5808099B37D3}" type="slidenum">
              <a:rPr lang="en-US" smtClean="0"/>
              <a:pPr/>
              <a:t>‹#›</a:t>
            </a:fld>
            <a:endParaRPr lang="en-US" dirty="0"/>
          </a:p>
        </p:txBody>
      </p:sp>
      <p:pic>
        <p:nvPicPr>
          <p:cNvPr id="4" name="Picture 3">
            <a:extLst>
              <a:ext uri="{FF2B5EF4-FFF2-40B4-BE49-F238E27FC236}">
                <a16:creationId xmlns:a16="http://schemas.microsoft.com/office/drawing/2014/main" id="{6F60C23A-BC49-BCE5-1725-13CD5FC3754E}"/>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l="18200" t="-4096" r="34077" b="4096"/>
          <a:stretch/>
        </p:blipFill>
        <p:spPr>
          <a:xfrm>
            <a:off x="3623188" y="277151"/>
            <a:ext cx="3234811" cy="4516524"/>
          </a:xfrm>
          <a:prstGeom prst="rect">
            <a:avLst/>
          </a:prstGeom>
        </p:spPr>
      </p:pic>
    </p:spTree>
    <p:extLst>
      <p:ext uri="{BB962C8B-B14F-4D97-AF65-F5344CB8AC3E}">
        <p14:creationId xmlns:p14="http://schemas.microsoft.com/office/powerpoint/2010/main" val="38876689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1_Opening Disclaimers Layout">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DCBE2679-648C-5641-97F4-ACDE0B2126BB}"/>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228599" y="277151"/>
            <a:ext cx="704087" cy="701178"/>
          </a:xfrm>
          <a:prstGeom prst="rect">
            <a:avLst/>
          </a:prstGeom>
        </p:spPr>
      </p:pic>
      <p:sp>
        <p:nvSpPr>
          <p:cNvPr id="12" name="Date Placeholder 3">
            <a:extLst>
              <a:ext uri="{FF2B5EF4-FFF2-40B4-BE49-F238E27FC236}">
                <a16:creationId xmlns:a16="http://schemas.microsoft.com/office/drawing/2014/main" id="{24FFF2E6-5C63-5D43-A40A-2D0825511976}"/>
              </a:ext>
            </a:extLst>
          </p:cNvPr>
          <p:cNvSpPr txBox="1">
            <a:spLocks/>
          </p:cNvSpPr>
          <p:nvPr/>
        </p:nvSpPr>
        <p:spPr>
          <a:xfrm>
            <a:off x="4937193" y="4890788"/>
            <a:ext cx="1771652" cy="233752"/>
          </a:xfrm>
          <a:prstGeom prst="rect">
            <a:avLst/>
          </a:prstGeom>
        </p:spPr>
        <p:txBody>
          <a:bodyPr vert="horz" lIns="91440" tIns="45720" rIns="91440" bIns="45720" rtlCol="0" anchor="ctr"/>
          <a:lstStyle>
            <a:defPPr>
              <a:defRPr lang="en-US"/>
            </a:defPPr>
            <a:lvl1pPr marL="0" algn="l" defTabSz="457200" rtl="0" eaLnBrk="1" latinLnBrk="0" hangingPunct="1">
              <a:defRPr sz="800" kern="1200">
                <a:solidFill>
                  <a:schemeClr val="tx1">
                    <a:tint val="75000"/>
                  </a:schemeClr>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US" sz="800" b="0" i="0" dirty="0">
                <a:solidFill>
                  <a:schemeClr val="accent1"/>
                </a:solidFill>
                <a:latin typeface="Calibri" panose="020F0502020204030204" pitchFamily="34" charset="0"/>
                <a:cs typeface="Calibri" panose="020F0502020204030204" pitchFamily="34" charset="0"/>
              </a:rPr>
              <a:t>©2023 CliftonLarsonAllen LLP</a:t>
            </a:r>
          </a:p>
        </p:txBody>
      </p:sp>
      <p:pic>
        <p:nvPicPr>
          <p:cNvPr id="24" name="Picture 23">
            <a:extLst>
              <a:ext uri="{FF2B5EF4-FFF2-40B4-BE49-F238E27FC236}">
                <a16:creationId xmlns:a16="http://schemas.microsoft.com/office/drawing/2014/main" id="{B0313ED5-FE58-4047-81D2-496D43C854F6}"/>
              </a:ext>
            </a:extLst>
          </p:cNvPr>
          <p:cNvPicPr>
            <a:picLocks noChangeAspect="1"/>
          </p:cNvPicPr>
          <p:nvPr/>
        </p:nvPicPr>
        <p:blipFill>
          <a:blip r:embed="rId3"/>
          <a:srcRect/>
          <a:stretch/>
        </p:blipFill>
        <p:spPr>
          <a:xfrm>
            <a:off x="284662" y="222665"/>
            <a:ext cx="668631" cy="668631"/>
          </a:xfrm>
          <a:prstGeom prst="rect">
            <a:avLst/>
          </a:prstGeom>
        </p:spPr>
      </p:pic>
      <p:grpSp>
        <p:nvGrpSpPr>
          <p:cNvPr id="26" name="Group 25">
            <a:extLst>
              <a:ext uri="{FF2B5EF4-FFF2-40B4-BE49-F238E27FC236}">
                <a16:creationId xmlns:a16="http://schemas.microsoft.com/office/drawing/2014/main" id="{683AA8BE-3403-4D8B-B22A-23AB3B3BB0C1}"/>
              </a:ext>
            </a:extLst>
          </p:cNvPr>
          <p:cNvGrpSpPr/>
          <p:nvPr/>
        </p:nvGrpSpPr>
        <p:grpSpPr>
          <a:xfrm>
            <a:off x="200688" y="1062112"/>
            <a:ext cx="6407984" cy="3804238"/>
            <a:chOff x="161778" y="1062112"/>
            <a:chExt cx="6407984" cy="3804238"/>
          </a:xfrm>
        </p:grpSpPr>
        <p:sp>
          <p:nvSpPr>
            <p:cNvPr id="27" name="Content Placeholder 5">
              <a:extLst>
                <a:ext uri="{FF2B5EF4-FFF2-40B4-BE49-F238E27FC236}">
                  <a16:creationId xmlns:a16="http://schemas.microsoft.com/office/drawing/2014/main" id="{A213FA37-3060-4333-A479-42C73EF1CE9C}"/>
                </a:ext>
              </a:extLst>
            </p:cNvPr>
            <p:cNvSpPr txBox="1">
              <a:spLocks/>
            </p:cNvSpPr>
            <p:nvPr/>
          </p:nvSpPr>
          <p:spPr>
            <a:xfrm>
              <a:off x="161778" y="1062112"/>
              <a:ext cx="3203992" cy="3804238"/>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150" kern="0" dirty="0">
                  <a:solidFill>
                    <a:schemeClr val="accent1"/>
                  </a:solidFill>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28" name="Content Placeholder 2">
              <a:extLst>
                <a:ext uri="{FF2B5EF4-FFF2-40B4-BE49-F238E27FC236}">
                  <a16:creationId xmlns:a16="http://schemas.microsoft.com/office/drawing/2014/main" id="{9526E791-2C83-41CE-8523-931FC27BFFCC}"/>
                </a:ext>
              </a:extLst>
            </p:cNvPr>
            <p:cNvSpPr txBox="1">
              <a:spLocks/>
            </p:cNvSpPr>
            <p:nvPr/>
          </p:nvSpPr>
          <p:spPr>
            <a:xfrm>
              <a:off x="3365770" y="1062112"/>
              <a:ext cx="3203992" cy="3804238"/>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150" kern="0" dirty="0">
                  <a:solidFill>
                    <a:schemeClr val="accent1"/>
                  </a:solidFill>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spTree>
    <p:extLst>
      <p:ext uri="{BB962C8B-B14F-4D97-AF65-F5344CB8AC3E}">
        <p14:creationId xmlns:p14="http://schemas.microsoft.com/office/powerpoint/2010/main" val="321582109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4F60F57E-E832-1DB0-21D2-DB4601C766C9}"/>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6617" t="24533" r="30376"/>
          <a:stretch/>
        </p:blipFill>
        <p:spPr>
          <a:xfrm>
            <a:off x="4450466" y="0"/>
            <a:ext cx="2440687" cy="5143500"/>
          </a:xfrm>
          <a:prstGeom prst="rect">
            <a:avLst/>
          </a:prstGeom>
        </p:spPr>
      </p:pic>
      <p:pic>
        <p:nvPicPr>
          <p:cNvPr id="7" name="Picture 6" descr="Text&#10;&#10;Description automatically generated">
            <a:extLst>
              <a:ext uri="{FF2B5EF4-FFF2-40B4-BE49-F238E27FC236}">
                <a16:creationId xmlns:a16="http://schemas.microsoft.com/office/drawing/2014/main" id="{29F4976F-C27E-8BD8-23E5-DAC05B97F68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338034"/>
            <a:ext cx="3265438" cy="727083"/>
          </a:xfrm>
          <a:prstGeom prst="rect">
            <a:avLst/>
          </a:prstGeom>
        </p:spPr>
      </p:pic>
      <p:sp>
        <p:nvSpPr>
          <p:cNvPr id="8" name="Rectangle 7">
            <a:extLst>
              <a:ext uri="{FF2B5EF4-FFF2-40B4-BE49-F238E27FC236}">
                <a16:creationId xmlns:a16="http://schemas.microsoft.com/office/drawing/2014/main" id="{36438D68-8E29-C158-5881-2CF6D96B426F}"/>
              </a:ext>
            </a:extLst>
          </p:cNvPr>
          <p:cNvSpPr/>
          <p:nvPr userDrawn="1"/>
        </p:nvSpPr>
        <p:spPr>
          <a:xfrm>
            <a:off x="74991" y="4672037"/>
            <a:ext cx="4120314" cy="415498"/>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Investment advisory services are offered through CliftonLarsonAllen Wealth Advisors, LLC, an SEC-registered investment advisor.</a:t>
            </a:r>
          </a:p>
        </p:txBody>
      </p:sp>
      <p:sp>
        <p:nvSpPr>
          <p:cNvPr id="34" name="TextBox 33">
            <a:extLst>
              <a:ext uri="{FF2B5EF4-FFF2-40B4-BE49-F238E27FC236}">
                <a16:creationId xmlns:a16="http://schemas.microsoft.com/office/drawing/2014/main" id="{92230A96-6C28-434A-8BC8-9631A191423E}"/>
              </a:ext>
            </a:extLst>
          </p:cNvPr>
          <p:cNvSpPr txBox="1"/>
          <p:nvPr/>
        </p:nvSpPr>
        <p:spPr>
          <a:xfrm>
            <a:off x="7946136" y="-420624"/>
            <a:ext cx="184731" cy="369332"/>
          </a:xfrm>
          <a:prstGeom prst="rect">
            <a:avLst/>
          </a:prstGeom>
          <a:noFill/>
        </p:spPr>
        <p:txBody>
          <a:bodyPr wrap="none" rtlCol="0">
            <a:spAutoFit/>
          </a:bodyPr>
          <a:lstStyle/>
          <a:p>
            <a:endParaRPr lang="en-US" dirty="0"/>
          </a:p>
        </p:txBody>
      </p:sp>
      <p:sp>
        <p:nvSpPr>
          <p:cNvPr id="17" name="Rectangle 4"/>
          <p:cNvSpPr>
            <a:spLocks noGrp="1" noChangeArrowheads="1"/>
          </p:cNvSpPr>
          <p:nvPr>
            <p:ph type="subTitle" idx="1" hasCustomPrompt="1"/>
          </p:nvPr>
        </p:nvSpPr>
        <p:spPr>
          <a:xfrm>
            <a:off x="439965" y="1955225"/>
            <a:ext cx="3706734" cy="550691"/>
          </a:xfrm>
          <a:noFill/>
        </p:spPr>
        <p:txBody>
          <a:bodyPr/>
          <a:lstStyle>
            <a:lvl1pPr marL="0" indent="0" algn="l">
              <a:buFontTx/>
              <a:buNone/>
              <a:defRPr sz="16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439965" y="551892"/>
            <a:ext cx="3706734" cy="1360602"/>
          </a:xfrm>
          <a:noFill/>
        </p:spPr>
        <p:txBody>
          <a:bodyPr anchor="b"/>
          <a:lstStyle>
            <a:lvl1pPr>
              <a:defRPr sz="3200" b="0" i="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4" name="Slide Number Placeholder 5">
            <a:extLst>
              <a:ext uri="{FF2B5EF4-FFF2-40B4-BE49-F238E27FC236}">
                <a16:creationId xmlns:a16="http://schemas.microsoft.com/office/drawing/2014/main" id="{39CEF4DD-1BF8-A893-7220-DE0FBD92CD30}"/>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86616882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A2B6AE2-7E66-A4B5-B23A-729ADBF9FF2A}"/>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0177" t="47874" r="14812" b="5276"/>
          <a:stretch/>
        </p:blipFill>
        <p:spPr>
          <a:xfrm>
            <a:off x="1" y="-761"/>
            <a:ext cx="6857999" cy="5144261"/>
          </a:xfrm>
          <a:prstGeom prst="rect">
            <a:avLst/>
          </a:prstGeom>
        </p:spPr>
      </p:pic>
      <p:sp>
        <p:nvSpPr>
          <p:cNvPr id="6" name="Rectangle 5">
            <a:extLst>
              <a:ext uri="{FF2B5EF4-FFF2-40B4-BE49-F238E27FC236}">
                <a16:creationId xmlns:a16="http://schemas.microsoft.com/office/drawing/2014/main" id="{844C05E7-2991-618D-657C-3121C787A1CC}"/>
              </a:ext>
            </a:extLst>
          </p:cNvPr>
          <p:cNvSpPr/>
          <p:nvPr userDrawn="1"/>
        </p:nvSpPr>
        <p:spPr bwMode="auto">
          <a:xfrm>
            <a:off x="3" y="-761"/>
            <a:ext cx="6857997" cy="5144261"/>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7" name="Rectangle 6">
            <a:extLst>
              <a:ext uri="{FF2B5EF4-FFF2-40B4-BE49-F238E27FC236}">
                <a16:creationId xmlns:a16="http://schemas.microsoft.com/office/drawing/2014/main" id="{DE3F6E87-1F4A-F51A-CD6E-3161986238B4}"/>
              </a:ext>
            </a:extLst>
          </p:cNvPr>
          <p:cNvSpPr/>
          <p:nvPr userDrawn="1"/>
        </p:nvSpPr>
        <p:spPr bwMode="auto">
          <a:xfrm flipV="1">
            <a:off x="1358" y="-767"/>
            <a:ext cx="6856639" cy="1653465"/>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8" name="Picture 7">
            <a:extLst>
              <a:ext uri="{FF2B5EF4-FFF2-40B4-BE49-F238E27FC236}">
                <a16:creationId xmlns:a16="http://schemas.microsoft.com/office/drawing/2014/main" id="{09618F78-A59E-2FCA-86B9-65C8D40B7470}"/>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0155" y="449110"/>
            <a:ext cx="3265921" cy="727190"/>
          </a:xfrm>
          <a:prstGeom prst="rect">
            <a:avLst/>
          </a:prstGeom>
        </p:spPr>
      </p:pic>
      <p:sp>
        <p:nvSpPr>
          <p:cNvPr id="14" name="Rectangle 13">
            <a:extLst>
              <a:ext uri="{FF2B5EF4-FFF2-40B4-BE49-F238E27FC236}">
                <a16:creationId xmlns:a16="http://schemas.microsoft.com/office/drawing/2014/main" id="{3069D025-69B8-79F8-E3D3-4CAB12E2FAA1}"/>
              </a:ext>
            </a:extLst>
          </p:cNvPr>
          <p:cNvSpPr/>
          <p:nvPr userDrawn="1"/>
        </p:nvSpPr>
        <p:spPr>
          <a:xfrm>
            <a:off x="0" y="4768071"/>
            <a:ext cx="6856639" cy="307823"/>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65C3C4BE-7AB5-3C38-F1B8-9178451CB683}"/>
              </a:ext>
            </a:extLst>
          </p:cNvPr>
          <p:cNvSpPr>
            <a:spLocks noGrp="1"/>
          </p:cNvSpPr>
          <p:nvPr userDrawn="1">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2" name="Rectangle 4">
            <a:extLst>
              <a:ext uri="{FF2B5EF4-FFF2-40B4-BE49-F238E27FC236}">
                <a16:creationId xmlns:a16="http://schemas.microsoft.com/office/drawing/2014/main" id="{56967897-50A9-CEFD-2033-80DEC598ACF0}"/>
              </a:ext>
            </a:extLst>
          </p:cNvPr>
          <p:cNvSpPr>
            <a:spLocks noGrp="1" noChangeArrowheads="1"/>
          </p:cNvSpPr>
          <p:nvPr>
            <p:ph type="subTitle" idx="1" hasCustomPrompt="1"/>
          </p:nvPr>
        </p:nvSpPr>
        <p:spPr>
          <a:xfrm>
            <a:off x="523774" y="3110353"/>
            <a:ext cx="5810452" cy="509130"/>
          </a:xfrm>
          <a:noFill/>
        </p:spPr>
        <p:txBody>
          <a:bodyPr/>
          <a:lstStyle>
            <a:lvl1pPr marL="0" indent="0" algn="ctr">
              <a:buFontTx/>
              <a:buNone/>
              <a:defRPr sz="16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3" name="Title 1">
            <a:extLst>
              <a:ext uri="{FF2B5EF4-FFF2-40B4-BE49-F238E27FC236}">
                <a16:creationId xmlns:a16="http://schemas.microsoft.com/office/drawing/2014/main" id="{21B070C2-7867-B665-ED82-2431E07C0EF9}"/>
              </a:ext>
            </a:extLst>
          </p:cNvPr>
          <p:cNvSpPr>
            <a:spLocks noGrp="1"/>
          </p:cNvSpPr>
          <p:nvPr>
            <p:ph type="title" hasCustomPrompt="1"/>
          </p:nvPr>
        </p:nvSpPr>
        <p:spPr>
          <a:xfrm>
            <a:off x="523774" y="1877882"/>
            <a:ext cx="5810452" cy="1174351"/>
          </a:xfrm>
          <a:noFill/>
        </p:spPr>
        <p:txBody>
          <a:bodyPr anchor="b"/>
          <a:lstStyle>
            <a:lvl1pPr algn="ctr">
              <a:defRPr sz="3200" b="0" i="0">
                <a:solidFill>
                  <a:schemeClr val="bg1"/>
                </a:solidFill>
                <a:latin typeface="Calibri" panose="020F0502020204030204" pitchFamily="34" charset="0"/>
                <a:cs typeface="Calibri" panose="020F0502020204030204" pitchFamily="34" charset="0"/>
              </a:defRPr>
            </a:lvl1pPr>
          </a:lstStyle>
          <a:p>
            <a:r>
              <a:rPr lang="en-US" dirty="0"/>
              <a:t>Click to Edit Title Style</a:t>
            </a:r>
          </a:p>
        </p:txBody>
      </p:sp>
    </p:spTree>
    <p:extLst>
      <p:ext uri="{BB962C8B-B14F-4D97-AF65-F5344CB8AC3E}">
        <p14:creationId xmlns:p14="http://schemas.microsoft.com/office/powerpoint/2010/main" val="133126234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a:xfrm>
            <a:off x="342900" y="4437991"/>
            <a:ext cx="2171700" cy="171450"/>
          </a:xfrm>
        </p:spPr>
        <p:txBody>
          <a:bodyPr/>
          <a:lstStyle>
            <a:lvl1pPr>
              <a:defRPr/>
            </a:lvl1pPr>
          </a:lstStyle>
          <a:p>
            <a:endParaRPr lang="en-US" dirty="0"/>
          </a:p>
        </p:txBody>
      </p:sp>
      <p:sp>
        <p:nvSpPr>
          <p:cNvPr id="8" name="Rectangle 5">
            <a:extLst>
              <a:ext uri="{FF2B5EF4-FFF2-40B4-BE49-F238E27FC236}">
                <a16:creationId xmlns:a16="http://schemas.microsoft.com/office/drawing/2014/main" id="{D3E32CB0-1E6C-544E-B9A6-D6B1D66FAE2A}"/>
              </a:ext>
            </a:extLst>
          </p:cNvPr>
          <p:cNvSpPr>
            <a:spLocks noGrp="1" noChangeArrowheads="1"/>
          </p:cNvSpPr>
          <p:nvPr>
            <p:ph idx="1" hasCustomPrompt="1"/>
          </p:nvPr>
        </p:nvSpPr>
        <p:spPr bwMode="auto">
          <a:xfrm>
            <a:off x="326572" y="1056822"/>
            <a:ext cx="6204856" cy="345622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vl1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Title 1">
            <a:extLst>
              <a:ext uri="{FF2B5EF4-FFF2-40B4-BE49-F238E27FC236}">
                <a16:creationId xmlns:a16="http://schemas.microsoft.com/office/drawing/2014/main" id="{CB91640D-FA9F-AB42-98C7-6848D9E29E77}"/>
              </a:ext>
            </a:extLst>
          </p:cNvPr>
          <p:cNvSpPr>
            <a:spLocks noGrp="1"/>
          </p:cNvSpPr>
          <p:nvPr>
            <p:ph type="title" hasCustomPrompt="1"/>
          </p:nvPr>
        </p:nvSpPr>
        <p:spPr>
          <a:xfrm>
            <a:off x="326572" y="296785"/>
            <a:ext cx="6204856" cy="685800"/>
          </a:xfrm>
        </p:spPr>
        <p:txBody>
          <a:bodyPr/>
          <a:lstStyle>
            <a:lvl1pPr>
              <a:defRPr/>
            </a:lvl1pPr>
          </a:lstStyle>
          <a:p>
            <a:r>
              <a:rPr lang="en-US" dirty="0"/>
              <a:t>Click to Edit Title</a:t>
            </a:r>
          </a:p>
        </p:txBody>
      </p:sp>
      <p:sp>
        <p:nvSpPr>
          <p:cNvPr id="10" name="Text Placeholder 4">
            <a:extLst>
              <a:ext uri="{FF2B5EF4-FFF2-40B4-BE49-F238E27FC236}">
                <a16:creationId xmlns:a16="http://schemas.microsoft.com/office/drawing/2014/main" id="{8EA144C1-D3D8-3841-947F-A25730FB17D7}"/>
              </a:ext>
            </a:extLst>
          </p:cNvPr>
          <p:cNvSpPr>
            <a:spLocks noGrp="1"/>
          </p:cNvSpPr>
          <p:nvPr>
            <p:ph type="body" sz="quarter" idx="11" hasCustomPrompt="1"/>
          </p:nvPr>
        </p:nvSpPr>
        <p:spPr>
          <a:xfrm>
            <a:off x="326571" y="181284"/>
            <a:ext cx="6204857"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2" name="Slide Number Placeholder 5">
            <a:extLst>
              <a:ext uri="{FF2B5EF4-FFF2-40B4-BE49-F238E27FC236}">
                <a16:creationId xmlns:a16="http://schemas.microsoft.com/office/drawing/2014/main" id="{A472313C-5D3E-9DE5-C557-888D0848ED45}"/>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426147561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ection Header">
    <p:bg>
      <p:bgPr>
        <a:solidFill>
          <a:schemeClr val="accent1"/>
        </a:solidFill>
        <a:effectLst/>
      </p:bgPr>
    </p:bg>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1FBA063F-F8BB-8B84-2A80-529EB63B5A6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29380" y="322725"/>
            <a:ext cx="599941" cy="597462"/>
          </a:xfrm>
          <a:prstGeom prst="rect">
            <a:avLst/>
          </a:prstGeom>
        </p:spPr>
      </p:pic>
      <p:sp>
        <p:nvSpPr>
          <p:cNvPr id="3" name="Rectangle 2">
            <a:extLst>
              <a:ext uri="{FF2B5EF4-FFF2-40B4-BE49-F238E27FC236}">
                <a16:creationId xmlns:a16="http://schemas.microsoft.com/office/drawing/2014/main" id="{1510DA24-9151-4C43-E74C-B8B4373F0AF3}"/>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sp>
        <p:nvSpPr>
          <p:cNvPr id="5" name="Rectangle 3">
            <a:extLst>
              <a:ext uri="{FF2B5EF4-FFF2-40B4-BE49-F238E27FC236}">
                <a16:creationId xmlns:a16="http://schemas.microsoft.com/office/drawing/2014/main" id="{724CAF90-94B0-2FEF-851A-C43D506C5D98}"/>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bg1"/>
                </a:solidFill>
              </a:defRPr>
            </a:lvl1pPr>
          </a:lstStyle>
          <a:p>
            <a:r>
              <a:rPr lang="en-US" dirty="0"/>
              <a:t>Click to Edit Title</a:t>
            </a:r>
          </a:p>
        </p:txBody>
      </p:sp>
      <p:sp>
        <p:nvSpPr>
          <p:cNvPr id="6" name="Rectangle 4">
            <a:extLst>
              <a:ext uri="{FF2B5EF4-FFF2-40B4-BE49-F238E27FC236}">
                <a16:creationId xmlns:a16="http://schemas.microsoft.com/office/drawing/2014/main" id="{865C23E6-07C9-275E-64CA-BD5090DA01B7}"/>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7" name="Slide Number Placeholder 5">
            <a:extLst>
              <a:ext uri="{FF2B5EF4-FFF2-40B4-BE49-F238E27FC236}">
                <a16:creationId xmlns:a16="http://schemas.microsoft.com/office/drawing/2014/main" id="{D5E1D497-CCF7-8AF8-EF90-5C1ED9448C1B}"/>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pic>
        <p:nvPicPr>
          <p:cNvPr id="8" name="Picture 7">
            <a:extLst>
              <a:ext uri="{FF2B5EF4-FFF2-40B4-BE49-F238E27FC236}">
                <a16:creationId xmlns:a16="http://schemas.microsoft.com/office/drawing/2014/main" id="{06F30949-16B7-E21B-F452-DCA9EE0A6F93}"/>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25433424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2_Section Header">
    <p:bg>
      <p:bgPr>
        <a:solidFill>
          <a:schemeClr val="accent2"/>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6795990-03A4-3D20-E4CF-2E04D9CCEA24}"/>
              </a:ext>
            </a:extLst>
          </p:cNvPr>
          <p:cNvPicPr>
            <a:picLocks noChangeAspect="1"/>
          </p:cNvPicPr>
          <p:nvPr userDrawn="1"/>
        </p:nvPicPr>
        <p:blipFill>
          <a:blip r:embed="rId2"/>
          <a:stretch>
            <a:fillRect/>
          </a:stretch>
        </p:blipFill>
        <p:spPr>
          <a:xfrm>
            <a:off x="329380" y="321760"/>
            <a:ext cx="594360" cy="594360"/>
          </a:xfrm>
          <a:prstGeom prst="rect">
            <a:avLst/>
          </a:prstGeom>
        </p:spPr>
      </p:pic>
      <p:sp>
        <p:nvSpPr>
          <p:cNvPr id="5" name="Rectangle 3">
            <a:extLst>
              <a:ext uri="{FF2B5EF4-FFF2-40B4-BE49-F238E27FC236}">
                <a16:creationId xmlns:a16="http://schemas.microsoft.com/office/drawing/2014/main" id="{E64D47E1-65EF-DC1F-1EB5-6BE566CDD84C}"/>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accent1"/>
                </a:solidFill>
              </a:defRPr>
            </a:lvl1pPr>
          </a:lstStyle>
          <a:p>
            <a:r>
              <a:rPr lang="en-US" dirty="0"/>
              <a:t>Click to Edit Title</a:t>
            </a:r>
          </a:p>
        </p:txBody>
      </p:sp>
      <p:sp>
        <p:nvSpPr>
          <p:cNvPr id="6" name="Rectangle 4">
            <a:extLst>
              <a:ext uri="{FF2B5EF4-FFF2-40B4-BE49-F238E27FC236}">
                <a16:creationId xmlns:a16="http://schemas.microsoft.com/office/drawing/2014/main" id="{62F61E17-168E-93BD-596C-23615A74E8B0}"/>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3" name="Slide Number Placeholder 5">
            <a:extLst>
              <a:ext uri="{FF2B5EF4-FFF2-40B4-BE49-F238E27FC236}">
                <a16:creationId xmlns:a16="http://schemas.microsoft.com/office/drawing/2014/main" id="{9033A403-20BB-B8BD-66E8-DF06818EA605}"/>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8" name="Rectangle 7">
            <a:extLst>
              <a:ext uri="{FF2B5EF4-FFF2-40B4-BE49-F238E27FC236}">
                <a16:creationId xmlns:a16="http://schemas.microsoft.com/office/drawing/2014/main" id="{A47AA86D-8A9E-4CF3-31FC-BB6D5095D60C}"/>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pic>
        <p:nvPicPr>
          <p:cNvPr id="10" name="Picture 9">
            <a:extLst>
              <a:ext uri="{FF2B5EF4-FFF2-40B4-BE49-F238E27FC236}">
                <a16:creationId xmlns:a16="http://schemas.microsoft.com/office/drawing/2014/main" id="{34D2C7D9-0913-4019-76C9-DF3D4452CF82}"/>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248430059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1_Section Header">
    <p:bg>
      <p:bgPr>
        <a:solidFill>
          <a:schemeClr val="accent3"/>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6795990-03A4-3D20-E4CF-2E04D9CCEA24}"/>
              </a:ext>
            </a:extLst>
          </p:cNvPr>
          <p:cNvPicPr>
            <a:picLocks noChangeAspect="1"/>
          </p:cNvPicPr>
          <p:nvPr userDrawn="1"/>
        </p:nvPicPr>
        <p:blipFill>
          <a:blip r:embed="rId2"/>
          <a:stretch>
            <a:fillRect/>
          </a:stretch>
        </p:blipFill>
        <p:spPr>
          <a:xfrm>
            <a:off x="329380" y="321760"/>
            <a:ext cx="594360" cy="594360"/>
          </a:xfrm>
          <a:prstGeom prst="rect">
            <a:avLst/>
          </a:prstGeom>
        </p:spPr>
      </p:pic>
      <p:sp>
        <p:nvSpPr>
          <p:cNvPr id="5" name="Rectangle 3">
            <a:extLst>
              <a:ext uri="{FF2B5EF4-FFF2-40B4-BE49-F238E27FC236}">
                <a16:creationId xmlns:a16="http://schemas.microsoft.com/office/drawing/2014/main" id="{EF352410-5E2F-219E-F2A8-3A1475071F7A}"/>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accent1"/>
                </a:solidFill>
              </a:defRPr>
            </a:lvl1pPr>
          </a:lstStyle>
          <a:p>
            <a:r>
              <a:rPr lang="en-US" dirty="0"/>
              <a:t>Click to Edit Title</a:t>
            </a:r>
          </a:p>
        </p:txBody>
      </p:sp>
      <p:sp>
        <p:nvSpPr>
          <p:cNvPr id="6" name="Rectangle 4">
            <a:extLst>
              <a:ext uri="{FF2B5EF4-FFF2-40B4-BE49-F238E27FC236}">
                <a16:creationId xmlns:a16="http://schemas.microsoft.com/office/drawing/2014/main" id="{E3BBA8AE-1ED5-22A6-875A-381B9C5E340C}"/>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3" name="Slide Number Placeholder 5">
            <a:extLst>
              <a:ext uri="{FF2B5EF4-FFF2-40B4-BE49-F238E27FC236}">
                <a16:creationId xmlns:a16="http://schemas.microsoft.com/office/drawing/2014/main" id="{2608A66C-5F39-DA94-2229-10EB4A6FED1A}"/>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8" name="Rectangle 7">
            <a:extLst>
              <a:ext uri="{FF2B5EF4-FFF2-40B4-BE49-F238E27FC236}">
                <a16:creationId xmlns:a16="http://schemas.microsoft.com/office/drawing/2014/main" id="{9D610BC9-20AA-FEDF-B9A5-8C7FE683B81C}"/>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pic>
        <p:nvPicPr>
          <p:cNvPr id="10" name="Picture 9">
            <a:extLst>
              <a:ext uri="{FF2B5EF4-FFF2-40B4-BE49-F238E27FC236}">
                <a16:creationId xmlns:a16="http://schemas.microsoft.com/office/drawing/2014/main" id="{4EC7E393-F099-56A9-442E-4F913DA54C6C}"/>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15485763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F5560AF4-1474-8A0E-3A9A-F31E63F10D2F}"/>
              </a:ext>
            </a:extLst>
          </p:cNvPr>
          <p:cNvSpPr/>
          <p:nvPr userDrawn="1"/>
        </p:nvSpPr>
        <p:spPr bwMode="auto">
          <a:xfrm>
            <a:off x="1" y="0"/>
            <a:ext cx="6857999"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1" name="Right Triangle 10">
            <a:extLst>
              <a:ext uri="{FF2B5EF4-FFF2-40B4-BE49-F238E27FC236}">
                <a16:creationId xmlns:a16="http://schemas.microsoft.com/office/drawing/2014/main" id="{2D28377F-5331-236B-83BF-334BBFBBDCA2}"/>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7" name="Picture 6" descr="Icon&#10;&#10;Description automatically generated">
            <a:extLst>
              <a:ext uri="{FF2B5EF4-FFF2-40B4-BE49-F238E27FC236}">
                <a16:creationId xmlns:a16="http://schemas.microsoft.com/office/drawing/2014/main" id="{5B42DA90-C264-C432-49C4-3B495E43D02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8" name="Rectangle 7">
            <a:extLst>
              <a:ext uri="{FF2B5EF4-FFF2-40B4-BE49-F238E27FC236}">
                <a16:creationId xmlns:a16="http://schemas.microsoft.com/office/drawing/2014/main" id="{801E8B4E-E48E-A44C-A13C-3924443C4766}"/>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9" name="Text Placeholder 15">
            <a:extLst>
              <a:ext uri="{FF2B5EF4-FFF2-40B4-BE49-F238E27FC236}">
                <a16:creationId xmlns:a16="http://schemas.microsoft.com/office/drawing/2014/main" id="{52AD9CD2-5091-5F99-2299-CDD9D594DE87}"/>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0" name="Picture 9" descr="Icon&#10;&#10;Description automatically generated">
            <a:extLst>
              <a:ext uri="{FF2B5EF4-FFF2-40B4-BE49-F238E27FC236}">
                <a16:creationId xmlns:a16="http://schemas.microsoft.com/office/drawing/2014/main" id="{D7C49013-5330-47C0-0365-655AE055AD8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20" name="Rectangle 3">
            <a:extLst>
              <a:ext uri="{FF2B5EF4-FFF2-40B4-BE49-F238E27FC236}">
                <a16:creationId xmlns:a16="http://schemas.microsoft.com/office/drawing/2014/main" id="{D0E724F4-B659-4CCC-A31D-48DB9E770B99}"/>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bg1"/>
                </a:solidFill>
              </a:defRPr>
            </a:lvl1pPr>
          </a:lstStyle>
          <a:p>
            <a:r>
              <a:rPr lang="en-US" dirty="0"/>
              <a:t>Click to Edit Title</a:t>
            </a:r>
          </a:p>
        </p:txBody>
      </p:sp>
      <p:sp>
        <p:nvSpPr>
          <p:cNvPr id="21" name="Rectangle 4">
            <a:extLst>
              <a:ext uri="{FF2B5EF4-FFF2-40B4-BE49-F238E27FC236}">
                <a16:creationId xmlns:a16="http://schemas.microsoft.com/office/drawing/2014/main" id="{9F12DB70-47B5-4F13-8C1D-A5236E4304C1}"/>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bg1"/>
                </a:solidFill>
              </a:defRPr>
            </a:lvl1pPr>
          </a:lstStyle>
          <a:p>
            <a:r>
              <a:rPr lang="en-US" dirty="0"/>
              <a:t>Click to edit subtitle</a:t>
            </a:r>
          </a:p>
        </p:txBody>
      </p:sp>
      <p:sp>
        <p:nvSpPr>
          <p:cNvPr id="2" name="Slide Number Placeholder 5">
            <a:extLst>
              <a:ext uri="{FF2B5EF4-FFF2-40B4-BE49-F238E27FC236}">
                <a16:creationId xmlns:a16="http://schemas.microsoft.com/office/drawing/2014/main" id="{764374D4-E7CB-AEF1-DD2D-80ED95209565}"/>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254748420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2E443B03-3331-C2C0-0A16-453CC40BBA40}"/>
              </a:ext>
            </a:extLst>
          </p:cNvPr>
          <p:cNvSpPr/>
          <p:nvPr userDrawn="1"/>
        </p:nvSpPr>
        <p:spPr bwMode="auto">
          <a:xfrm>
            <a:off x="1" y="0"/>
            <a:ext cx="6857999"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10" name="Picture 9" descr="Icon&#10;&#10;Description automatically generated">
            <a:extLst>
              <a:ext uri="{FF2B5EF4-FFF2-40B4-BE49-F238E27FC236}">
                <a16:creationId xmlns:a16="http://schemas.microsoft.com/office/drawing/2014/main" id="{447BCA9B-0D32-5974-F699-21FD3414BB78}"/>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1" name="Rectangle 10">
            <a:extLst>
              <a:ext uri="{FF2B5EF4-FFF2-40B4-BE49-F238E27FC236}">
                <a16:creationId xmlns:a16="http://schemas.microsoft.com/office/drawing/2014/main" id="{CA4040BE-A75B-3A38-4F24-D0CE5BF52456}"/>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2" name="Text Placeholder 15">
            <a:extLst>
              <a:ext uri="{FF2B5EF4-FFF2-40B4-BE49-F238E27FC236}">
                <a16:creationId xmlns:a16="http://schemas.microsoft.com/office/drawing/2014/main" id="{32C7F161-C00B-5BA3-32FF-FDD24E6E9946}"/>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3" name="Picture 12" descr="Icon&#10;&#10;Description automatically generated">
            <a:extLst>
              <a:ext uri="{FF2B5EF4-FFF2-40B4-BE49-F238E27FC236}">
                <a16:creationId xmlns:a16="http://schemas.microsoft.com/office/drawing/2014/main" id="{EC4A3855-3B79-AD0D-57CA-476EC429744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4" name="Rectangle 3">
            <a:extLst>
              <a:ext uri="{FF2B5EF4-FFF2-40B4-BE49-F238E27FC236}">
                <a16:creationId xmlns:a16="http://schemas.microsoft.com/office/drawing/2014/main" id="{315EEE25-1BA7-75C4-B3A8-FE8ABB22486F}"/>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accent1"/>
                </a:solidFill>
              </a:defRPr>
            </a:lvl1pPr>
          </a:lstStyle>
          <a:p>
            <a:r>
              <a:rPr lang="en-US" dirty="0"/>
              <a:t>Click to Edit Title</a:t>
            </a:r>
          </a:p>
        </p:txBody>
      </p:sp>
      <p:sp>
        <p:nvSpPr>
          <p:cNvPr id="15" name="Rectangle 4">
            <a:extLst>
              <a:ext uri="{FF2B5EF4-FFF2-40B4-BE49-F238E27FC236}">
                <a16:creationId xmlns:a16="http://schemas.microsoft.com/office/drawing/2014/main" id="{11CA7D2C-013E-5406-76C5-64A018619002}"/>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accent1"/>
                </a:solidFill>
              </a:defRPr>
            </a:lvl1pPr>
          </a:lstStyle>
          <a:p>
            <a:r>
              <a:rPr lang="en-US" dirty="0"/>
              <a:t>Click to edit subtitle</a:t>
            </a:r>
          </a:p>
        </p:txBody>
      </p:sp>
      <p:sp>
        <p:nvSpPr>
          <p:cNvPr id="16" name="Slide Number Placeholder 5">
            <a:extLst>
              <a:ext uri="{FF2B5EF4-FFF2-40B4-BE49-F238E27FC236}">
                <a16:creationId xmlns:a16="http://schemas.microsoft.com/office/drawing/2014/main" id="{93B736BF-C4EC-B396-4AFE-C2D1775A1B7F}"/>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17" name="Right Triangle 16">
            <a:extLst>
              <a:ext uri="{FF2B5EF4-FFF2-40B4-BE49-F238E27FC236}">
                <a16:creationId xmlns:a16="http://schemas.microsoft.com/office/drawing/2014/main" id="{1033C95C-7429-8AF2-6630-4631A23A50C2}"/>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extLst>
      <p:ext uri="{BB962C8B-B14F-4D97-AF65-F5344CB8AC3E}">
        <p14:creationId xmlns:p14="http://schemas.microsoft.com/office/powerpoint/2010/main" val="95265953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74084" name="Rectangle 4"/>
          <p:cNvSpPr>
            <a:spLocks noGrp="1" noChangeArrowheads="1"/>
          </p:cNvSpPr>
          <p:nvPr>
            <p:ph type="title"/>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342900" y="782541"/>
            <a:ext cx="6172200" cy="3702099"/>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74087" name="Rectangle 7"/>
          <p:cNvSpPr>
            <a:spLocks noGrp="1" noChangeArrowheads="1"/>
          </p:cNvSpPr>
          <p:nvPr>
            <p:ph type="ftr" sz="quarter" idx="3"/>
          </p:nvPr>
        </p:nvSpPr>
        <p:spPr bwMode="auto">
          <a:xfrm>
            <a:off x="342900" y="4416437"/>
            <a:ext cx="21717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800">
                <a:solidFill>
                  <a:schemeClr val="tx2"/>
                </a:solidFill>
                <a:latin typeface="Calibri" pitchFamily="34" charset="0"/>
                <a:cs typeface="Calibri" pitchFamily="34" charset="0"/>
              </a:defRPr>
            </a:lvl1pPr>
          </a:lstStyle>
          <a:p>
            <a:endParaRPr lang="en-US" dirty="0"/>
          </a:p>
        </p:txBody>
      </p:sp>
      <p:sp>
        <p:nvSpPr>
          <p:cNvPr id="13" name="Slide Number Placeholder 5">
            <a:extLst>
              <a:ext uri="{FF2B5EF4-FFF2-40B4-BE49-F238E27FC236}">
                <a16:creationId xmlns:a16="http://schemas.microsoft.com/office/drawing/2014/main" id="{E5582F19-340B-4986-839E-DF8EAFF34F86}"/>
              </a:ext>
            </a:extLst>
          </p:cNvPr>
          <p:cNvSpPr>
            <a:spLocks noGrp="1"/>
          </p:cNvSpPr>
          <p:nvPr>
            <p:ph type="sldNum" sz="quarter" idx="4"/>
          </p:nvPr>
        </p:nvSpPr>
        <p:spPr>
          <a:xfrm>
            <a:off x="6387227" y="4747002"/>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2" name="TextBox 1">
            <a:extLst>
              <a:ext uri="{FF2B5EF4-FFF2-40B4-BE49-F238E27FC236}">
                <a16:creationId xmlns:a16="http://schemas.microsoft.com/office/drawing/2014/main" id="{F2B37C42-3508-38A4-6FA5-8C6B8DE9C2E6}"/>
              </a:ext>
            </a:extLst>
          </p:cNvPr>
          <p:cNvSpPr txBox="1"/>
          <p:nvPr userDrawn="1"/>
        </p:nvSpPr>
        <p:spPr>
          <a:xfrm>
            <a:off x="885177" y="4818425"/>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pic>
        <p:nvPicPr>
          <p:cNvPr id="3" name="Picture 2" descr="Icon&#10;&#10;Description automatically generated">
            <a:extLst>
              <a:ext uri="{FF2B5EF4-FFF2-40B4-BE49-F238E27FC236}">
                <a16:creationId xmlns:a16="http://schemas.microsoft.com/office/drawing/2014/main" id="{C90216F5-6598-2D49-B794-9FC41A4471A5}"/>
              </a:ext>
            </a:extLst>
          </p:cNvPr>
          <p:cNvPicPr>
            <a:picLocks noChangeAspect="1"/>
          </p:cNvPicPr>
          <p:nvPr userDrawn="1"/>
        </p:nvPicPr>
        <p:blipFill>
          <a:blip r:embed="rId24">
            <a:extLst>
              <a:ext uri="{28A0092B-C50C-407E-A947-70E740481C1C}">
                <a14:useLocalDpi xmlns:a14="http://schemas.microsoft.com/office/drawing/2010/main" val="0"/>
              </a:ext>
            </a:extLst>
          </a:blip>
          <a:stretch>
            <a:fillRect/>
          </a:stretch>
        </p:blipFill>
        <p:spPr>
          <a:xfrm>
            <a:off x="5889939" y="4833244"/>
            <a:ext cx="423476" cy="170417"/>
          </a:xfrm>
          <a:prstGeom prst="rect">
            <a:avLst/>
          </a:prstGeom>
        </p:spPr>
      </p:pic>
      <p:pic>
        <p:nvPicPr>
          <p:cNvPr id="4" name="Picture 3" descr="Icon&#10;&#10;Description automatically generated">
            <a:extLst>
              <a:ext uri="{FF2B5EF4-FFF2-40B4-BE49-F238E27FC236}">
                <a16:creationId xmlns:a16="http://schemas.microsoft.com/office/drawing/2014/main" id="{C66CB084-84D7-25CB-31A8-6DD8262E38DA}"/>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129762" y="4788918"/>
            <a:ext cx="259690" cy="259069"/>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698" r:id="rId3"/>
    <p:sldLayoutId id="2147483686" r:id="rId4"/>
    <p:sldLayoutId id="2147483677" r:id="rId5"/>
    <p:sldLayoutId id="2147483699" r:id="rId6"/>
    <p:sldLayoutId id="2147483700" r:id="rId7"/>
    <p:sldLayoutId id="2147483689" r:id="rId8"/>
    <p:sldLayoutId id="2147483690" r:id="rId9"/>
    <p:sldLayoutId id="2147483691" r:id="rId10"/>
    <p:sldLayoutId id="2147483664" r:id="rId11"/>
    <p:sldLayoutId id="2147483665" r:id="rId12"/>
    <p:sldLayoutId id="2147483692" r:id="rId13"/>
    <p:sldLayoutId id="2147483693" r:id="rId14"/>
    <p:sldLayoutId id="2147483668" r:id="rId15"/>
    <p:sldLayoutId id="2147483669" r:id="rId16"/>
    <p:sldLayoutId id="2147483694" r:id="rId17"/>
    <p:sldLayoutId id="2147483670" r:id="rId18"/>
    <p:sldLayoutId id="2147483675" r:id="rId19"/>
    <p:sldLayoutId id="2147483695" r:id="rId20"/>
    <p:sldLayoutId id="2147483697" r:id="rId21"/>
    <p:sldLayoutId id="2147483685" r:id="rId22"/>
  </p:sldLayoutIdLst>
  <p:hf hdr="0" ftr="0" dt="0"/>
  <p:txStyles>
    <p:titleStyle>
      <a:lvl1pPr algn="l" rtl="0" eaLnBrk="1" fontAlgn="base" hangingPunct="1">
        <a:spcBef>
          <a:spcPct val="0"/>
        </a:spcBef>
        <a:spcAft>
          <a:spcPct val="0"/>
        </a:spcAft>
        <a:defRPr sz="2800" b="0" i="0">
          <a:solidFill>
            <a:srgbClr val="344562"/>
          </a:solidFill>
          <a:latin typeface="Calibri" panose="020F0502020204030204" pitchFamily="34" charset="0"/>
          <a:ea typeface="+mj-ea"/>
          <a:cs typeface="Calibri"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189"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377"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566"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754"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891" indent="-342891" algn="l" rtl="0" eaLnBrk="1" fontAlgn="base" hangingPunct="1">
        <a:spcBef>
          <a:spcPct val="20000"/>
        </a:spcBef>
        <a:spcAft>
          <a:spcPct val="0"/>
        </a:spcAft>
        <a:buClr>
          <a:srgbClr val="87C1C3"/>
        </a:buClr>
        <a:buChar char="•"/>
        <a:defRPr sz="2400" b="0" i="0">
          <a:solidFill>
            <a:schemeClr val="tx2"/>
          </a:solidFill>
          <a:latin typeface="Calibri" panose="020F0502020204030204" pitchFamily="34" charset="0"/>
          <a:ea typeface="+mn-ea"/>
          <a:cs typeface="Calibri" pitchFamily="34" charset="0"/>
        </a:defRPr>
      </a:lvl1pPr>
      <a:lvl2pPr marL="742932" indent="-285744" algn="l" rtl="0" eaLnBrk="1" fontAlgn="base" hangingPunct="1">
        <a:spcBef>
          <a:spcPct val="20000"/>
        </a:spcBef>
        <a:spcAft>
          <a:spcPct val="0"/>
        </a:spcAft>
        <a:buClr>
          <a:srgbClr val="87C1C3"/>
        </a:buClr>
        <a:buFont typeface="Courier New" panose="02070309020205020404" pitchFamily="49" charset="0"/>
        <a:buChar char="o"/>
        <a:defRPr sz="1800" b="0" i="0">
          <a:solidFill>
            <a:schemeClr val="tx2"/>
          </a:solidFill>
          <a:latin typeface="Calibri" panose="020F0502020204030204" pitchFamily="34" charset="0"/>
          <a:ea typeface="+mn-ea"/>
          <a:cs typeface="Calibri" pitchFamily="34" charset="0"/>
        </a:defRPr>
      </a:lvl2pPr>
      <a:lvl3pPr marL="1142971" indent="-228594" algn="l" rtl="0" eaLnBrk="1" fontAlgn="base" hangingPunct="1">
        <a:spcBef>
          <a:spcPct val="20000"/>
        </a:spcBef>
        <a:spcAft>
          <a:spcPct val="0"/>
        </a:spcAft>
        <a:buClr>
          <a:srgbClr val="87C1C3"/>
        </a:buClr>
        <a:buSzPct val="85000"/>
        <a:buFont typeface="Wingdings" pitchFamily="2" charset="2"/>
        <a:buChar char="§"/>
        <a:defRPr sz="1600" b="0" i="0">
          <a:solidFill>
            <a:schemeClr val="tx2"/>
          </a:solidFill>
          <a:latin typeface="Calibri" panose="020F0502020204030204" pitchFamily="34" charset="0"/>
          <a:ea typeface="+mn-ea"/>
          <a:cs typeface="Calibri" pitchFamily="34" charset="0"/>
        </a:defRPr>
      </a:lvl3pPr>
      <a:lvl4pPr marL="1600160" indent="-228594" algn="l" rtl="0" eaLnBrk="1" fontAlgn="base" hangingPunct="1">
        <a:spcBef>
          <a:spcPct val="20000"/>
        </a:spcBef>
        <a:spcAft>
          <a:spcPct val="0"/>
        </a:spcAft>
        <a:buClr>
          <a:schemeClr val="accent1"/>
        </a:buClr>
        <a:buChar char="•"/>
        <a:defRPr sz="1400" b="0" i="0">
          <a:solidFill>
            <a:schemeClr val="tx2"/>
          </a:solidFill>
          <a:latin typeface="Calibri" panose="020F0502020204030204" pitchFamily="34" charset="0"/>
          <a:ea typeface="+mn-ea"/>
          <a:cs typeface="Calibri" pitchFamily="34" charset="0"/>
        </a:defRPr>
      </a:lvl4pPr>
      <a:lvl5pPr marL="2057349" indent="-228594" algn="l" rtl="0" eaLnBrk="1" fontAlgn="base" hangingPunct="1">
        <a:spcBef>
          <a:spcPct val="20000"/>
        </a:spcBef>
        <a:spcAft>
          <a:spcPct val="0"/>
        </a:spcAft>
        <a:buClr>
          <a:schemeClr val="accent1"/>
        </a:buClr>
        <a:buFont typeface="Arial" panose="020B0604020202020204" pitchFamily="34" charset="0"/>
        <a:buChar char="•"/>
        <a:defRPr sz="1400" b="0" i="0">
          <a:solidFill>
            <a:schemeClr val="tx2"/>
          </a:solidFill>
          <a:latin typeface="Calibri" panose="020F0502020204030204" pitchFamily="34" charset="0"/>
          <a:ea typeface="+mn-ea"/>
          <a:cs typeface="Calibri" pitchFamily="34" charset="0"/>
        </a:defRPr>
      </a:lvl5pPr>
      <a:lvl6pPr marL="2514537" indent="-228594" algn="l" rtl="0" eaLnBrk="1" fontAlgn="base" hangingPunct="1">
        <a:spcBef>
          <a:spcPct val="20000"/>
        </a:spcBef>
        <a:spcAft>
          <a:spcPct val="0"/>
        </a:spcAft>
        <a:buFont typeface="Arial" charset="0"/>
        <a:buChar char="–"/>
        <a:defRPr>
          <a:solidFill>
            <a:schemeClr val="tx1"/>
          </a:solidFill>
          <a:latin typeface="+mn-lt"/>
          <a:ea typeface="+mn-ea"/>
        </a:defRPr>
      </a:lvl6pPr>
      <a:lvl7pPr marL="2971726" indent="-228594" algn="l" rtl="0" eaLnBrk="1" fontAlgn="base" hangingPunct="1">
        <a:spcBef>
          <a:spcPct val="20000"/>
        </a:spcBef>
        <a:spcAft>
          <a:spcPct val="0"/>
        </a:spcAft>
        <a:buFont typeface="Arial" charset="0"/>
        <a:buChar char="–"/>
        <a:defRPr>
          <a:solidFill>
            <a:schemeClr val="tx1"/>
          </a:solidFill>
          <a:latin typeface="+mn-lt"/>
          <a:ea typeface="+mn-ea"/>
        </a:defRPr>
      </a:lvl7pPr>
      <a:lvl8pPr marL="3428914" indent="-228594" algn="l" rtl="0" eaLnBrk="1" fontAlgn="base" hangingPunct="1">
        <a:spcBef>
          <a:spcPct val="20000"/>
        </a:spcBef>
        <a:spcAft>
          <a:spcPct val="0"/>
        </a:spcAft>
        <a:buFont typeface="Arial" charset="0"/>
        <a:buChar char="–"/>
        <a:defRPr>
          <a:solidFill>
            <a:schemeClr val="tx1"/>
          </a:solidFill>
          <a:latin typeface="+mn-lt"/>
          <a:ea typeface="+mn-ea"/>
        </a:defRPr>
      </a:lvl8pPr>
      <a:lvl9pPr marL="3886103" indent="-228594"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3.xml"/></Relationships>
</file>

<file path=ppt/slides/_rels/slide10.xml.rels><?xml version="1.0" encoding="UTF-8" standalone="yes"?>
<Relationships xmlns="http://schemas.openxmlformats.org/package/2006/relationships"><Relationship Id="rId8" Type="http://schemas.openxmlformats.org/officeDocument/2006/relationships/image" Target="../media/image75.png"/><Relationship Id="rId13" Type="http://schemas.openxmlformats.org/officeDocument/2006/relationships/image" Target="../media/image80.png"/><Relationship Id="rId3" Type="http://schemas.openxmlformats.org/officeDocument/2006/relationships/image" Target="../media/image70.png"/><Relationship Id="rId7" Type="http://schemas.openxmlformats.org/officeDocument/2006/relationships/image" Target="../media/image74.png"/><Relationship Id="rId12" Type="http://schemas.openxmlformats.org/officeDocument/2006/relationships/image" Target="../media/image79.png"/><Relationship Id="rId17" Type="http://schemas.openxmlformats.org/officeDocument/2006/relationships/image" Target="../media/image84.png"/><Relationship Id="rId2" Type="http://schemas.openxmlformats.org/officeDocument/2006/relationships/image" Target="../media/image69.png"/><Relationship Id="rId16" Type="http://schemas.openxmlformats.org/officeDocument/2006/relationships/image" Target="../media/image83.png"/><Relationship Id="rId1" Type="http://schemas.openxmlformats.org/officeDocument/2006/relationships/slideLayout" Target="../slideLayouts/slideLayout2.xml"/><Relationship Id="rId6" Type="http://schemas.openxmlformats.org/officeDocument/2006/relationships/image" Target="../media/image73.png"/><Relationship Id="rId11" Type="http://schemas.openxmlformats.org/officeDocument/2006/relationships/image" Target="../media/image78.png"/><Relationship Id="rId5" Type="http://schemas.openxmlformats.org/officeDocument/2006/relationships/image" Target="../media/image72.png"/><Relationship Id="rId15" Type="http://schemas.openxmlformats.org/officeDocument/2006/relationships/image" Target="../media/image82.png"/><Relationship Id="rId10" Type="http://schemas.openxmlformats.org/officeDocument/2006/relationships/image" Target="../media/image77.png"/><Relationship Id="rId4" Type="http://schemas.openxmlformats.org/officeDocument/2006/relationships/image" Target="../media/image71.png"/><Relationship Id="rId9" Type="http://schemas.openxmlformats.org/officeDocument/2006/relationships/image" Target="../media/image76.png"/><Relationship Id="rId14" Type="http://schemas.openxmlformats.org/officeDocument/2006/relationships/image" Target="../media/image81.png"/></Relationships>
</file>

<file path=ppt/slides/_rels/slide11.xml.rels><?xml version="1.0" encoding="UTF-8" standalone="yes"?>
<Relationships xmlns="http://schemas.openxmlformats.org/package/2006/relationships"><Relationship Id="rId2" Type="http://schemas.openxmlformats.org/officeDocument/2006/relationships/image" Target="../media/image26.png"/><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13" Type="http://schemas.openxmlformats.org/officeDocument/2006/relationships/image" Target="../media/image37.png"/><Relationship Id="rId18" Type="http://schemas.openxmlformats.org/officeDocument/2006/relationships/image" Target="../media/image42.png"/><Relationship Id="rId26" Type="http://schemas.openxmlformats.org/officeDocument/2006/relationships/image" Target="../media/image50.png"/><Relationship Id="rId39" Type="http://schemas.openxmlformats.org/officeDocument/2006/relationships/image" Target="../media/image63.png"/><Relationship Id="rId21" Type="http://schemas.openxmlformats.org/officeDocument/2006/relationships/image" Target="../media/image45.png"/><Relationship Id="rId34" Type="http://schemas.openxmlformats.org/officeDocument/2006/relationships/image" Target="../media/image58.png"/><Relationship Id="rId42" Type="http://schemas.openxmlformats.org/officeDocument/2006/relationships/image" Target="../media/image66.png"/><Relationship Id="rId7" Type="http://schemas.openxmlformats.org/officeDocument/2006/relationships/image" Target="../media/image31.png"/><Relationship Id="rId2" Type="http://schemas.openxmlformats.org/officeDocument/2006/relationships/notesSlide" Target="../notesSlides/notesSlide2.xml"/><Relationship Id="rId16" Type="http://schemas.openxmlformats.org/officeDocument/2006/relationships/image" Target="../media/image40.png"/><Relationship Id="rId20" Type="http://schemas.openxmlformats.org/officeDocument/2006/relationships/image" Target="../media/image44.png"/><Relationship Id="rId29" Type="http://schemas.openxmlformats.org/officeDocument/2006/relationships/image" Target="../media/image53.png"/><Relationship Id="rId41" Type="http://schemas.openxmlformats.org/officeDocument/2006/relationships/image" Target="../media/image65.png"/><Relationship Id="rId1" Type="http://schemas.openxmlformats.org/officeDocument/2006/relationships/slideLayout" Target="../slideLayouts/slideLayout2.xml"/><Relationship Id="rId6" Type="http://schemas.openxmlformats.org/officeDocument/2006/relationships/image" Target="../media/image30.png"/><Relationship Id="rId11" Type="http://schemas.openxmlformats.org/officeDocument/2006/relationships/image" Target="../media/image35.png"/><Relationship Id="rId24" Type="http://schemas.openxmlformats.org/officeDocument/2006/relationships/image" Target="../media/image48.png"/><Relationship Id="rId32" Type="http://schemas.openxmlformats.org/officeDocument/2006/relationships/image" Target="../media/image56.png"/><Relationship Id="rId37" Type="http://schemas.openxmlformats.org/officeDocument/2006/relationships/image" Target="../media/image61.png"/><Relationship Id="rId40" Type="http://schemas.openxmlformats.org/officeDocument/2006/relationships/image" Target="../media/image64.png"/><Relationship Id="rId5" Type="http://schemas.openxmlformats.org/officeDocument/2006/relationships/image" Target="../media/image29.png"/><Relationship Id="rId15" Type="http://schemas.openxmlformats.org/officeDocument/2006/relationships/image" Target="../media/image39.png"/><Relationship Id="rId23" Type="http://schemas.openxmlformats.org/officeDocument/2006/relationships/image" Target="../media/image47.png"/><Relationship Id="rId28" Type="http://schemas.openxmlformats.org/officeDocument/2006/relationships/image" Target="../media/image52.png"/><Relationship Id="rId36" Type="http://schemas.openxmlformats.org/officeDocument/2006/relationships/image" Target="../media/image60.png"/><Relationship Id="rId10" Type="http://schemas.openxmlformats.org/officeDocument/2006/relationships/image" Target="../media/image34.png"/><Relationship Id="rId19" Type="http://schemas.openxmlformats.org/officeDocument/2006/relationships/image" Target="../media/image43.png"/><Relationship Id="rId31" Type="http://schemas.openxmlformats.org/officeDocument/2006/relationships/image" Target="../media/image55.png"/><Relationship Id="rId44" Type="http://schemas.openxmlformats.org/officeDocument/2006/relationships/image" Target="../media/image68.png"/><Relationship Id="rId4" Type="http://schemas.openxmlformats.org/officeDocument/2006/relationships/image" Target="../media/image28.png"/><Relationship Id="rId9" Type="http://schemas.openxmlformats.org/officeDocument/2006/relationships/image" Target="../media/image33.png"/><Relationship Id="rId14" Type="http://schemas.openxmlformats.org/officeDocument/2006/relationships/image" Target="../media/image38.png"/><Relationship Id="rId22" Type="http://schemas.openxmlformats.org/officeDocument/2006/relationships/image" Target="../media/image46.png"/><Relationship Id="rId27" Type="http://schemas.openxmlformats.org/officeDocument/2006/relationships/image" Target="../media/image51.png"/><Relationship Id="rId30" Type="http://schemas.openxmlformats.org/officeDocument/2006/relationships/image" Target="../media/image54.png"/><Relationship Id="rId35" Type="http://schemas.openxmlformats.org/officeDocument/2006/relationships/image" Target="../media/image59.png"/><Relationship Id="rId43" Type="http://schemas.openxmlformats.org/officeDocument/2006/relationships/image" Target="../media/image67.png"/><Relationship Id="rId8" Type="http://schemas.openxmlformats.org/officeDocument/2006/relationships/image" Target="../media/image32.png"/><Relationship Id="rId3" Type="http://schemas.openxmlformats.org/officeDocument/2006/relationships/image" Target="../media/image27.png"/><Relationship Id="rId12" Type="http://schemas.openxmlformats.org/officeDocument/2006/relationships/image" Target="../media/image36.png"/><Relationship Id="rId17" Type="http://schemas.openxmlformats.org/officeDocument/2006/relationships/image" Target="../media/image41.png"/><Relationship Id="rId25" Type="http://schemas.openxmlformats.org/officeDocument/2006/relationships/image" Target="../media/image49.png"/><Relationship Id="rId33" Type="http://schemas.openxmlformats.org/officeDocument/2006/relationships/image" Target="../media/image57.png"/><Relationship Id="rId38" Type="http://schemas.openxmlformats.org/officeDocument/2006/relationships/image" Target="../media/image62.png"/></Relationships>
</file>

<file path=ppt/slides/_rels/slide2.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jpeg"/><Relationship Id="rId1" Type="http://schemas.openxmlformats.org/officeDocument/2006/relationships/slideLayout" Target="../slideLayouts/slideLayout11.xml"/><Relationship Id="rId4" Type="http://schemas.openxmlformats.org/officeDocument/2006/relationships/image" Target="../media/image22.png"/></Relationships>
</file>

<file path=ppt/slides/_rels/slide3.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11.xml"/></Relationships>
</file>

<file path=ppt/slides/_rels/slide7.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2" Type="http://schemas.openxmlformats.org/officeDocument/2006/relationships/image" Target="../media/image26.png"/><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13" Type="http://schemas.openxmlformats.org/officeDocument/2006/relationships/image" Target="../media/image37.png"/><Relationship Id="rId18" Type="http://schemas.openxmlformats.org/officeDocument/2006/relationships/image" Target="../media/image42.png"/><Relationship Id="rId26" Type="http://schemas.openxmlformats.org/officeDocument/2006/relationships/image" Target="../media/image50.png"/><Relationship Id="rId39" Type="http://schemas.openxmlformats.org/officeDocument/2006/relationships/image" Target="../media/image63.png"/><Relationship Id="rId21" Type="http://schemas.openxmlformats.org/officeDocument/2006/relationships/image" Target="../media/image45.png"/><Relationship Id="rId34" Type="http://schemas.openxmlformats.org/officeDocument/2006/relationships/image" Target="../media/image58.png"/><Relationship Id="rId42" Type="http://schemas.openxmlformats.org/officeDocument/2006/relationships/image" Target="../media/image66.png"/><Relationship Id="rId7" Type="http://schemas.openxmlformats.org/officeDocument/2006/relationships/image" Target="../media/image31.png"/><Relationship Id="rId2" Type="http://schemas.openxmlformats.org/officeDocument/2006/relationships/notesSlide" Target="../notesSlides/notesSlide1.xml"/><Relationship Id="rId16" Type="http://schemas.openxmlformats.org/officeDocument/2006/relationships/image" Target="../media/image40.png"/><Relationship Id="rId20" Type="http://schemas.openxmlformats.org/officeDocument/2006/relationships/image" Target="../media/image44.png"/><Relationship Id="rId29" Type="http://schemas.openxmlformats.org/officeDocument/2006/relationships/image" Target="../media/image53.png"/><Relationship Id="rId41" Type="http://schemas.openxmlformats.org/officeDocument/2006/relationships/image" Target="../media/image65.png"/><Relationship Id="rId1" Type="http://schemas.openxmlformats.org/officeDocument/2006/relationships/slideLayout" Target="../slideLayouts/slideLayout2.xml"/><Relationship Id="rId6" Type="http://schemas.openxmlformats.org/officeDocument/2006/relationships/image" Target="../media/image30.png"/><Relationship Id="rId11" Type="http://schemas.openxmlformats.org/officeDocument/2006/relationships/image" Target="../media/image35.png"/><Relationship Id="rId24" Type="http://schemas.openxmlformats.org/officeDocument/2006/relationships/image" Target="../media/image48.png"/><Relationship Id="rId32" Type="http://schemas.openxmlformats.org/officeDocument/2006/relationships/image" Target="../media/image56.png"/><Relationship Id="rId37" Type="http://schemas.openxmlformats.org/officeDocument/2006/relationships/image" Target="../media/image61.png"/><Relationship Id="rId40" Type="http://schemas.openxmlformats.org/officeDocument/2006/relationships/image" Target="../media/image64.png"/><Relationship Id="rId5" Type="http://schemas.openxmlformats.org/officeDocument/2006/relationships/image" Target="../media/image29.png"/><Relationship Id="rId15" Type="http://schemas.openxmlformats.org/officeDocument/2006/relationships/image" Target="../media/image39.png"/><Relationship Id="rId23" Type="http://schemas.openxmlformats.org/officeDocument/2006/relationships/image" Target="../media/image47.png"/><Relationship Id="rId28" Type="http://schemas.openxmlformats.org/officeDocument/2006/relationships/image" Target="../media/image52.png"/><Relationship Id="rId36" Type="http://schemas.openxmlformats.org/officeDocument/2006/relationships/image" Target="../media/image60.png"/><Relationship Id="rId10" Type="http://schemas.openxmlformats.org/officeDocument/2006/relationships/image" Target="../media/image34.png"/><Relationship Id="rId19" Type="http://schemas.openxmlformats.org/officeDocument/2006/relationships/image" Target="../media/image43.png"/><Relationship Id="rId31" Type="http://schemas.openxmlformats.org/officeDocument/2006/relationships/image" Target="../media/image55.png"/><Relationship Id="rId44" Type="http://schemas.openxmlformats.org/officeDocument/2006/relationships/image" Target="../media/image68.png"/><Relationship Id="rId4" Type="http://schemas.openxmlformats.org/officeDocument/2006/relationships/image" Target="../media/image28.png"/><Relationship Id="rId9" Type="http://schemas.openxmlformats.org/officeDocument/2006/relationships/image" Target="../media/image33.png"/><Relationship Id="rId14" Type="http://schemas.openxmlformats.org/officeDocument/2006/relationships/image" Target="../media/image38.png"/><Relationship Id="rId22" Type="http://schemas.openxmlformats.org/officeDocument/2006/relationships/image" Target="../media/image46.png"/><Relationship Id="rId27" Type="http://schemas.openxmlformats.org/officeDocument/2006/relationships/image" Target="../media/image51.png"/><Relationship Id="rId30" Type="http://schemas.openxmlformats.org/officeDocument/2006/relationships/image" Target="../media/image54.png"/><Relationship Id="rId35" Type="http://schemas.openxmlformats.org/officeDocument/2006/relationships/image" Target="../media/image59.png"/><Relationship Id="rId43" Type="http://schemas.openxmlformats.org/officeDocument/2006/relationships/image" Target="../media/image67.png"/><Relationship Id="rId8" Type="http://schemas.openxmlformats.org/officeDocument/2006/relationships/image" Target="../media/image32.png"/><Relationship Id="rId3" Type="http://schemas.openxmlformats.org/officeDocument/2006/relationships/image" Target="../media/image27.png"/><Relationship Id="rId12" Type="http://schemas.openxmlformats.org/officeDocument/2006/relationships/image" Target="../media/image36.png"/><Relationship Id="rId17" Type="http://schemas.openxmlformats.org/officeDocument/2006/relationships/image" Target="../media/image41.png"/><Relationship Id="rId25" Type="http://schemas.openxmlformats.org/officeDocument/2006/relationships/image" Target="../media/image49.png"/><Relationship Id="rId33" Type="http://schemas.openxmlformats.org/officeDocument/2006/relationships/image" Target="../media/image57.png"/><Relationship Id="rId38" Type="http://schemas.openxmlformats.org/officeDocument/2006/relationships/image" Target="../media/image6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ubtitle 6">
            <a:extLst>
              <a:ext uri="{FF2B5EF4-FFF2-40B4-BE49-F238E27FC236}">
                <a16:creationId xmlns:a16="http://schemas.microsoft.com/office/drawing/2014/main" id="{36894C3F-B788-D478-200A-E58241597270}"/>
              </a:ext>
            </a:extLst>
          </p:cNvPr>
          <p:cNvSpPr>
            <a:spLocks noGrp="1"/>
          </p:cNvSpPr>
          <p:nvPr>
            <p:ph type="subTitle" idx="1"/>
          </p:nvPr>
        </p:nvSpPr>
        <p:spPr/>
        <p:txBody>
          <a:bodyPr/>
          <a:lstStyle/>
          <a:p>
            <a:r>
              <a:rPr lang="en-US" b="0" i="0" dirty="0">
                <a:solidFill>
                  <a:srgbClr val="D1D5DB"/>
                </a:solidFill>
                <a:effectLst/>
                <a:latin typeface="Söhne"/>
              </a:rPr>
              <a:t>An overview of the journey from custom model training to leveraging pre-trained models</a:t>
            </a:r>
            <a:endParaRPr lang="en-US" dirty="0"/>
          </a:p>
        </p:txBody>
      </p:sp>
      <p:sp>
        <p:nvSpPr>
          <p:cNvPr id="6" name="Title 5">
            <a:extLst>
              <a:ext uri="{FF2B5EF4-FFF2-40B4-BE49-F238E27FC236}">
                <a16:creationId xmlns:a16="http://schemas.microsoft.com/office/drawing/2014/main" id="{8D49F7DD-C651-8029-A3E1-9F5C18F39DC7}"/>
              </a:ext>
            </a:extLst>
          </p:cNvPr>
          <p:cNvSpPr>
            <a:spLocks noGrp="1"/>
          </p:cNvSpPr>
          <p:nvPr>
            <p:ph type="title"/>
          </p:nvPr>
        </p:nvSpPr>
        <p:spPr/>
        <p:txBody>
          <a:bodyPr/>
          <a:lstStyle/>
          <a:p>
            <a:r>
              <a:rPr lang="en-US" dirty="0"/>
              <a:t>From Scratch to Fine-Tuning: The Evolution of Deep Learning</a:t>
            </a:r>
          </a:p>
        </p:txBody>
      </p:sp>
    </p:spTree>
    <p:custDataLst>
      <p:custData r:id="rId1"/>
      <p:custData r:id="rId2"/>
    </p:custDataLst>
    <p:extLst>
      <p:ext uri="{BB962C8B-B14F-4D97-AF65-F5344CB8AC3E}">
        <p14:creationId xmlns:p14="http://schemas.microsoft.com/office/powerpoint/2010/main" val="15901383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bject 2"/>
          <p:cNvSpPr txBox="1"/>
          <p:nvPr/>
        </p:nvSpPr>
        <p:spPr>
          <a:xfrm>
            <a:off x="323753" y="2267426"/>
            <a:ext cx="825104" cy="548492"/>
          </a:xfrm>
          <a:prstGeom prst="rect">
            <a:avLst/>
          </a:prstGeom>
        </p:spPr>
        <p:txBody>
          <a:bodyPr vert="horz" wrap="square" lIns="0" tIns="1786" rIns="0" bIns="0" rtlCol="0">
            <a:spAutoFit/>
          </a:bodyPr>
          <a:lstStyle/>
          <a:p>
            <a:pPr marL="7144" marR="2858" defTabSz="514350">
              <a:lnSpc>
                <a:spcPct val="101899"/>
              </a:lnSpc>
              <a:spcBef>
                <a:spcPts val="14"/>
              </a:spcBef>
            </a:pPr>
            <a:r>
              <a:rPr b="1" kern="0" spc="-51" dirty="0">
                <a:latin typeface="Segoe UI Semibold"/>
                <a:cs typeface="Segoe UI Semibold"/>
              </a:rPr>
              <a:t>Training </a:t>
            </a:r>
            <a:r>
              <a:rPr b="1" kern="0" spc="-6" dirty="0">
                <a:latin typeface="Segoe UI Semibold"/>
                <a:cs typeface="Segoe UI Semibold"/>
              </a:rPr>
              <a:t>process</a:t>
            </a:r>
            <a:endParaRPr kern="0" dirty="0">
              <a:latin typeface="Segoe UI Semibold"/>
              <a:cs typeface="Segoe UI Semibold"/>
            </a:endParaRPr>
          </a:p>
        </p:txBody>
      </p:sp>
      <p:grpSp>
        <p:nvGrpSpPr>
          <p:cNvPr id="3" name="object 3"/>
          <p:cNvGrpSpPr/>
          <p:nvPr/>
        </p:nvGrpSpPr>
        <p:grpSpPr>
          <a:xfrm>
            <a:off x="1481583" y="985943"/>
            <a:ext cx="5374958" cy="3171825"/>
            <a:chOff x="2633925" y="609787"/>
            <a:chExt cx="9555480" cy="5638800"/>
          </a:xfrm>
        </p:grpSpPr>
        <p:pic>
          <p:nvPicPr>
            <p:cNvPr id="4" name="object 4"/>
            <p:cNvPicPr/>
            <p:nvPr/>
          </p:nvPicPr>
          <p:blipFill>
            <a:blip r:embed="rId2" cstate="print"/>
            <a:stretch>
              <a:fillRect/>
            </a:stretch>
          </p:blipFill>
          <p:spPr>
            <a:xfrm>
              <a:off x="2776728" y="960119"/>
              <a:ext cx="9412224" cy="5288280"/>
            </a:xfrm>
            <a:prstGeom prst="rect">
              <a:avLst/>
            </a:prstGeom>
          </p:spPr>
        </p:pic>
        <p:pic>
          <p:nvPicPr>
            <p:cNvPr id="5" name="object 5"/>
            <p:cNvPicPr/>
            <p:nvPr/>
          </p:nvPicPr>
          <p:blipFill>
            <a:blip r:embed="rId3" cstate="print"/>
            <a:stretch>
              <a:fillRect/>
            </a:stretch>
          </p:blipFill>
          <p:spPr>
            <a:xfrm>
              <a:off x="2657856" y="633983"/>
              <a:ext cx="4684776" cy="5114544"/>
            </a:xfrm>
            <a:prstGeom prst="rect">
              <a:avLst/>
            </a:prstGeom>
          </p:spPr>
        </p:pic>
        <p:sp>
          <p:nvSpPr>
            <p:cNvPr id="6" name="object 6"/>
            <p:cNvSpPr/>
            <p:nvPr/>
          </p:nvSpPr>
          <p:spPr>
            <a:xfrm>
              <a:off x="2643450" y="619312"/>
              <a:ext cx="4535170" cy="4966335"/>
            </a:xfrm>
            <a:custGeom>
              <a:avLst/>
              <a:gdLst/>
              <a:ahLst/>
              <a:cxnLst/>
              <a:rect l="l" t="t" r="r" b="b"/>
              <a:pathLst>
                <a:path w="4535170" h="4966335">
                  <a:moveTo>
                    <a:pt x="4449734" y="0"/>
                  </a:moveTo>
                  <a:lnTo>
                    <a:pt x="85304" y="0"/>
                  </a:lnTo>
                  <a:lnTo>
                    <a:pt x="52100" y="6703"/>
                  </a:lnTo>
                  <a:lnTo>
                    <a:pt x="24985" y="24984"/>
                  </a:lnTo>
                  <a:lnTo>
                    <a:pt x="6703" y="52099"/>
                  </a:lnTo>
                  <a:lnTo>
                    <a:pt x="0" y="85303"/>
                  </a:lnTo>
                  <a:lnTo>
                    <a:pt x="0" y="4880414"/>
                  </a:lnTo>
                  <a:lnTo>
                    <a:pt x="6703" y="4913618"/>
                  </a:lnTo>
                  <a:lnTo>
                    <a:pt x="24985" y="4940733"/>
                  </a:lnTo>
                  <a:lnTo>
                    <a:pt x="52100" y="4959014"/>
                  </a:lnTo>
                  <a:lnTo>
                    <a:pt x="85304" y="4965717"/>
                  </a:lnTo>
                  <a:lnTo>
                    <a:pt x="4449734" y="4965717"/>
                  </a:lnTo>
                  <a:lnTo>
                    <a:pt x="4482938" y="4959014"/>
                  </a:lnTo>
                  <a:lnTo>
                    <a:pt x="4510053" y="4940733"/>
                  </a:lnTo>
                  <a:lnTo>
                    <a:pt x="4528334" y="4913618"/>
                  </a:lnTo>
                  <a:lnTo>
                    <a:pt x="4535037" y="4880414"/>
                  </a:lnTo>
                  <a:lnTo>
                    <a:pt x="4535037" y="85303"/>
                  </a:lnTo>
                  <a:lnTo>
                    <a:pt x="4528334" y="52099"/>
                  </a:lnTo>
                  <a:lnTo>
                    <a:pt x="4510053" y="24984"/>
                  </a:lnTo>
                  <a:lnTo>
                    <a:pt x="4482938" y="6703"/>
                  </a:lnTo>
                  <a:lnTo>
                    <a:pt x="4449734" y="0"/>
                  </a:lnTo>
                  <a:close/>
                </a:path>
              </a:pathLst>
            </a:custGeom>
            <a:solidFill>
              <a:srgbClr val="1E1E1E"/>
            </a:solidFill>
          </p:spPr>
          <p:txBody>
            <a:bodyPr wrap="square" lIns="0" tIns="0" rIns="0" bIns="0" rtlCol="0"/>
            <a:lstStyle/>
            <a:p>
              <a:pPr defTabSz="514350"/>
              <a:endParaRPr sz="1013" kern="0">
                <a:solidFill>
                  <a:sysClr val="windowText" lastClr="000000"/>
                </a:solidFill>
              </a:endParaRPr>
            </a:p>
          </p:txBody>
        </p:sp>
        <p:sp>
          <p:nvSpPr>
            <p:cNvPr id="7" name="object 7"/>
            <p:cNvSpPr/>
            <p:nvPr/>
          </p:nvSpPr>
          <p:spPr>
            <a:xfrm>
              <a:off x="2643450" y="619312"/>
              <a:ext cx="4535170" cy="4966335"/>
            </a:xfrm>
            <a:custGeom>
              <a:avLst/>
              <a:gdLst/>
              <a:ahLst/>
              <a:cxnLst/>
              <a:rect l="l" t="t" r="r" b="b"/>
              <a:pathLst>
                <a:path w="4535170" h="4966335">
                  <a:moveTo>
                    <a:pt x="0" y="85303"/>
                  </a:moveTo>
                  <a:lnTo>
                    <a:pt x="6703" y="52099"/>
                  </a:lnTo>
                  <a:lnTo>
                    <a:pt x="24984" y="24984"/>
                  </a:lnTo>
                  <a:lnTo>
                    <a:pt x="52099" y="6703"/>
                  </a:lnTo>
                  <a:lnTo>
                    <a:pt x="85303" y="0"/>
                  </a:lnTo>
                  <a:lnTo>
                    <a:pt x="4449734" y="0"/>
                  </a:lnTo>
                  <a:lnTo>
                    <a:pt x="4482938" y="6703"/>
                  </a:lnTo>
                  <a:lnTo>
                    <a:pt x="4510053" y="24984"/>
                  </a:lnTo>
                  <a:lnTo>
                    <a:pt x="4528334" y="52099"/>
                  </a:lnTo>
                  <a:lnTo>
                    <a:pt x="4535038" y="85303"/>
                  </a:lnTo>
                  <a:lnTo>
                    <a:pt x="4535038" y="4880415"/>
                  </a:lnTo>
                  <a:lnTo>
                    <a:pt x="4528334" y="4913619"/>
                  </a:lnTo>
                  <a:lnTo>
                    <a:pt x="4510053" y="4940733"/>
                  </a:lnTo>
                  <a:lnTo>
                    <a:pt x="4482938" y="4959014"/>
                  </a:lnTo>
                  <a:lnTo>
                    <a:pt x="4449734" y="4965718"/>
                  </a:lnTo>
                  <a:lnTo>
                    <a:pt x="85303" y="4965718"/>
                  </a:lnTo>
                  <a:lnTo>
                    <a:pt x="52099" y="4959014"/>
                  </a:lnTo>
                  <a:lnTo>
                    <a:pt x="24984" y="4940733"/>
                  </a:lnTo>
                  <a:lnTo>
                    <a:pt x="6703" y="4913619"/>
                  </a:lnTo>
                  <a:lnTo>
                    <a:pt x="0" y="4880415"/>
                  </a:lnTo>
                  <a:lnTo>
                    <a:pt x="0" y="85303"/>
                  </a:lnTo>
                  <a:close/>
                </a:path>
              </a:pathLst>
            </a:custGeom>
            <a:ln w="19050">
              <a:solidFill>
                <a:srgbClr val="FFE399"/>
              </a:solidFill>
            </a:ln>
          </p:spPr>
          <p:txBody>
            <a:bodyPr wrap="square" lIns="0" tIns="0" rIns="0" bIns="0" rtlCol="0"/>
            <a:lstStyle/>
            <a:p>
              <a:pPr defTabSz="514350"/>
              <a:endParaRPr sz="1013" kern="0">
                <a:solidFill>
                  <a:sysClr val="windowText" lastClr="000000"/>
                </a:solidFill>
              </a:endParaRPr>
            </a:p>
          </p:txBody>
        </p:sp>
      </p:grpSp>
      <p:sp>
        <p:nvSpPr>
          <p:cNvPr id="8" name="object 8"/>
          <p:cNvSpPr txBox="1">
            <a:spLocks noGrp="1"/>
          </p:cNvSpPr>
          <p:nvPr>
            <p:ph type="title"/>
          </p:nvPr>
        </p:nvSpPr>
        <p:spPr>
          <a:xfrm>
            <a:off x="1581316" y="1032954"/>
            <a:ext cx="1264801" cy="128465"/>
          </a:xfrm>
          <a:prstGeom prst="rect">
            <a:avLst/>
          </a:prstGeom>
        </p:spPr>
        <p:txBody>
          <a:bodyPr vert="horz" wrap="square" lIns="0" tIns="7144" rIns="0" bIns="0" numCol="1" rtlCol="0" anchor="ctr" anchorCtr="0" compatLnSpc="1">
            <a:prstTxWarp prst="textNoShape">
              <a:avLst/>
            </a:prstTxWarp>
            <a:spAutoFit/>
          </a:bodyPr>
          <a:lstStyle/>
          <a:p>
            <a:pPr marL="7144">
              <a:spcBef>
                <a:spcPts val="56"/>
              </a:spcBef>
            </a:pPr>
            <a:r>
              <a:rPr sz="788" spc="-6" dirty="0">
                <a:solidFill>
                  <a:srgbClr val="FFE399"/>
                </a:solidFill>
              </a:rPr>
              <a:t>Training</a:t>
            </a:r>
            <a:r>
              <a:rPr sz="788" spc="-34" dirty="0">
                <a:solidFill>
                  <a:srgbClr val="FFE399"/>
                </a:solidFill>
              </a:rPr>
              <a:t> </a:t>
            </a:r>
            <a:r>
              <a:rPr sz="788" dirty="0">
                <a:solidFill>
                  <a:srgbClr val="FFE399"/>
                </a:solidFill>
              </a:rPr>
              <a:t>data</a:t>
            </a:r>
            <a:r>
              <a:rPr sz="788" spc="-31" dirty="0">
                <a:solidFill>
                  <a:srgbClr val="FFE399"/>
                </a:solidFill>
              </a:rPr>
              <a:t> </a:t>
            </a:r>
            <a:r>
              <a:rPr sz="788" spc="-6" dirty="0">
                <a:solidFill>
                  <a:srgbClr val="FFE399"/>
                </a:solidFill>
              </a:rPr>
              <a:t>(Shakespeare)</a:t>
            </a:r>
            <a:endParaRPr sz="788"/>
          </a:p>
        </p:txBody>
      </p:sp>
      <p:sp>
        <p:nvSpPr>
          <p:cNvPr id="9" name="object 9"/>
          <p:cNvSpPr txBox="1"/>
          <p:nvPr/>
        </p:nvSpPr>
        <p:spPr>
          <a:xfrm>
            <a:off x="1581316" y="2315432"/>
            <a:ext cx="1086922" cy="128465"/>
          </a:xfrm>
          <a:prstGeom prst="rect">
            <a:avLst/>
          </a:prstGeom>
        </p:spPr>
        <p:txBody>
          <a:bodyPr vert="horz" wrap="square" lIns="0" tIns="7144" rIns="0" bIns="0" rtlCol="0">
            <a:spAutoFit/>
          </a:bodyPr>
          <a:lstStyle/>
          <a:p>
            <a:pPr marL="7144" defTabSz="514350">
              <a:spcBef>
                <a:spcPts val="56"/>
              </a:spcBef>
            </a:pPr>
            <a:r>
              <a:rPr sz="788" b="1" kern="0" dirty="0">
                <a:solidFill>
                  <a:srgbClr val="FFFFFF"/>
                </a:solidFill>
                <a:latin typeface="Segoe UI Semibold"/>
                <a:cs typeface="Segoe UI Semibold"/>
              </a:rPr>
              <a:t>Samples</a:t>
            </a:r>
            <a:r>
              <a:rPr sz="788" b="1" kern="0" spc="-14" dirty="0">
                <a:solidFill>
                  <a:srgbClr val="FFFFFF"/>
                </a:solidFill>
                <a:latin typeface="Segoe UI Semibold"/>
                <a:cs typeface="Segoe UI Semibold"/>
              </a:rPr>
              <a:t> </a:t>
            </a:r>
            <a:r>
              <a:rPr sz="788" b="1" kern="0" dirty="0">
                <a:solidFill>
                  <a:srgbClr val="FFFFFF"/>
                </a:solidFill>
                <a:latin typeface="Segoe UI Semibold"/>
                <a:cs typeface="Segoe UI Semibold"/>
              </a:rPr>
              <a:t>at</a:t>
            </a:r>
            <a:r>
              <a:rPr sz="788" b="1" kern="0" spc="-11" dirty="0">
                <a:solidFill>
                  <a:srgbClr val="FFFFFF"/>
                </a:solidFill>
                <a:latin typeface="Segoe UI Semibold"/>
                <a:cs typeface="Segoe UI Semibold"/>
              </a:rPr>
              <a:t> </a:t>
            </a:r>
            <a:r>
              <a:rPr sz="788" b="1" kern="0" spc="-6" dirty="0">
                <a:solidFill>
                  <a:srgbClr val="FFFFFF"/>
                </a:solidFill>
                <a:latin typeface="Segoe UI Semibold"/>
                <a:cs typeface="Segoe UI Semibold"/>
              </a:rPr>
              <a:t>initialization</a:t>
            </a:r>
            <a:endParaRPr sz="788" kern="0">
              <a:solidFill>
                <a:sysClr val="windowText" lastClr="000000"/>
              </a:solidFill>
              <a:latin typeface="Segoe UI Semibold"/>
              <a:cs typeface="Segoe UI Semibold"/>
            </a:endParaRPr>
          </a:p>
        </p:txBody>
      </p:sp>
      <p:grpSp>
        <p:nvGrpSpPr>
          <p:cNvPr id="10" name="object 10"/>
          <p:cNvGrpSpPr/>
          <p:nvPr/>
        </p:nvGrpSpPr>
        <p:grpSpPr>
          <a:xfrm>
            <a:off x="1588459" y="985239"/>
            <a:ext cx="5034915" cy="3260051"/>
            <a:chOff x="2823927" y="608535"/>
            <a:chExt cx="8950960" cy="5795645"/>
          </a:xfrm>
        </p:grpSpPr>
        <p:pic>
          <p:nvPicPr>
            <p:cNvPr id="11" name="object 11"/>
            <p:cNvPicPr/>
            <p:nvPr/>
          </p:nvPicPr>
          <p:blipFill>
            <a:blip r:embed="rId4" cstate="print"/>
            <a:stretch>
              <a:fillRect/>
            </a:stretch>
          </p:blipFill>
          <p:spPr>
            <a:xfrm>
              <a:off x="2953512" y="5715000"/>
              <a:ext cx="1926336" cy="292608"/>
            </a:xfrm>
            <a:prstGeom prst="rect">
              <a:avLst/>
            </a:prstGeom>
          </p:spPr>
        </p:pic>
        <p:pic>
          <p:nvPicPr>
            <p:cNvPr id="12" name="object 12"/>
            <p:cNvPicPr/>
            <p:nvPr/>
          </p:nvPicPr>
          <p:blipFill>
            <a:blip r:embed="rId5" cstate="print"/>
            <a:stretch>
              <a:fillRect/>
            </a:stretch>
          </p:blipFill>
          <p:spPr>
            <a:xfrm>
              <a:off x="7458455" y="633983"/>
              <a:ext cx="4315967" cy="5769864"/>
            </a:xfrm>
            <a:prstGeom prst="rect">
              <a:avLst/>
            </a:prstGeom>
          </p:spPr>
        </p:pic>
        <p:sp>
          <p:nvSpPr>
            <p:cNvPr id="13" name="object 13"/>
            <p:cNvSpPr/>
            <p:nvPr/>
          </p:nvSpPr>
          <p:spPr>
            <a:xfrm>
              <a:off x="7443902" y="618060"/>
              <a:ext cx="4165600" cy="5622290"/>
            </a:xfrm>
            <a:custGeom>
              <a:avLst/>
              <a:gdLst/>
              <a:ahLst/>
              <a:cxnLst/>
              <a:rect l="l" t="t" r="r" b="b"/>
              <a:pathLst>
                <a:path w="4165600" h="5622290">
                  <a:moveTo>
                    <a:pt x="4087131" y="0"/>
                  </a:moveTo>
                  <a:lnTo>
                    <a:pt x="78351" y="0"/>
                  </a:lnTo>
                  <a:lnTo>
                    <a:pt x="47853" y="6157"/>
                  </a:lnTo>
                  <a:lnTo>
                    <a:pt x="22948" y="22949"/>
                  </a:lnTo>
                  <a:lnTo>
                    <a:pt x="6157" y="47854"/>
                  </a:lnTo>
                  <a:lnTo>
                    <a:pt x="0" y="78352"/>
                  </a:lnTo>
                  <a:lnTo>
                    <a:pt x="0" y="5543525"/>
                  </a:lnTo>
                  <a:lnTo>
                    <a:pt x="6157" y="5574024"/>
                  </a:lnTo>
                  <a:lnTo>
                    <a:pt x="22948" y="5598929"/>
                  </a:lnTo>
                  <a:lnTo>
                    <a:pt x="47853" y="5615720"/>
                  </a:lnTo>
                  <a:lnTo>
                    <a:pt x="78351" y="5621878"/>
                  </a:lnTo>
                  <a:lnTo>
                    <a:pt x="4087131" y="5621878"/>
                  </a:lnTo>
                  <a:lnTo>
                    <a:pt x="4117630" y="5615720"/>
                  </a:lnTo>
                  <a:lnTo>
                    <a:pt x="4142535" y="5598929"/>
                  </a:lnTo>
                  <a:lnTo>
                    <a:pt x="4159327" y="5574024"/>
                  </a:lnTo>
                  <a:lnTo>
                    <a:pt x="4165484" y="5543525"/>
                  </a:lnTo>
                  <a:lnTo>
                    <a:pt x="4165484" y="78352"/>
                  </a:lnTo>
                  <a:lnTo>
                    <a:pt x="4159327" y="47854"/>
                  </a:lnTo>
                  <a:lnTo>
                    <a:pt x="4142535" y="22949"/>
                  </a:lnTo>
                  <a:lnTo>
                    <a:pt x="4117630" y="6157"/>
                  </a:lnTo>
                  <a:lnTo>
                    <a:pt x="4087131" y="0"/>
                  </a:lnTo>
                  <a:close/>
                </a:path>
              </a:pathLst>
            </a:custGeom>
            <a:solidFill>
              <a:srgbClr val="1E1E1E"/>
            </a:solidFill>
          </p:spPr>
          <p:txBody>
            <a:bodyPr wrap="square" lIns="0" tIns="0" rIns="0" bIns="0" rtlCol="0"/>
            <a:lstStyle/>
            <a:p>
              <a:pPr defTabSz="514350"/>
              <a:endParaRPr sz="1013" kern="0">
                <a:solidFill>
                  <a:sysClr val="windowText" lastClr="000000"/>
                </a:solidFill>
              </a:endParaRPr>
            </a:p>
          </p:txBody>
        </p:sp>
        <p:sp>
          <p:nvSpPr>
            <p:cNvPr id="14" name="object 14"/>
            <p:cNvSpPr/>
            <p:nvPr/>
          </p:nvSpPr>
          <p:spPr>
            <a:xfrm>
              <a:off x="7443902" y="618060"/>
              <a:ext cx="4165600" cy="5622290"/>
            </a:xfrm>
            <a:custGeom>
              <a:avLst/>
              <a:gdLst/>
              <a:ahLst/>
              <a:cxnLst/>
              <a:rect l="l" t="t" r="r" b="b"/>
              <a:pathLst>
                <a:path w="4165600" h="5622290">
                  <a:moveTo>
                    <a:pt x="0" y="78352"/>
                  </a:moveTo>
                  <a:lnTo>
                    <a:pt x="6157" y="47853"/>
                  </a:lnTo>
                  <a:lnTo>
                    <a:pt x="22948" y="22948"/>
                  </a:lnTo>
                  <a:lnTo>
                    <a:pt x="47853" y="6157"/>
                  </a:lnTo>
                  <a:lnTo>
                    <a:pt x="78352" y="0"/>
                  </a:lnTo>
                  <a:lnTo>
                    <a:pt x="4087133" y="0"/>
                  </a:lnTo>
                  <a:lnTo>
                    <a:pt x="4117630" y="6157"/>
                  </a:lnTo>
                  <a:lnTo>
                    <a:pt x="4142536" y="22948"/>
                  </a:lnTo>
                  <a:lnTo>
                    <a:pt x="4159327" y="47853"/>
                  </a:lnTo>
                  <a:lnTo>
                    <a:pt x="4165485" y="78352"/>
                  </a:lnTo>
                  <a:lnTo>
                    <a:pt x="4165485" y="5543526"/>
                  </a:lnTo>
                  <a:lnTo>
                    <a:pt x="4159327" y="5574023"/>
                  </a:lnTo>
                  <a:lnTo>
                    <a:pt x="4142536" y="5598929"/>
                  </a:lnTo>
                  <a:lnTo>
                    <a:pt x="4117630" y="5615720"/>
                  </a:lnTo>
                  <a:lnTo>
                    <a:pt x="4087133" y="5621878"/>
                  </a:lnTo>
                  <a:lnTo>
                    <a:pt x="78352" y="5621878"/>
                  </a:lnTo>
                  <a:lnTo>
                    <a:pt x="47853" y="5615720"/>
                  </a:lnTo>
                  <a:lnTo>
                    <a:pt x="22948" y="5598929"/>
                  </a:lnTo>
                  <a:lnTo>
                    <a:pt x="6157" y="5574023"/>
                  </a:lnTo>
                  <a:lnTo>
                    <a:pt x="0" y="5543526"/>
                  </a:lnTo>
                  <a:lnTo>
                    <a:pt x="0" y="78352"/>
                  </a:lnTo>
                  <a:close/>
                </a:path>
              </a:pathLst>
            </a:custGeom>
            <a:ln w="19050">
              <a:solidFill>
                <a:srgbClr val="FFE399"/>
              </a:solidFill>
            </a:ln>
          </p:spPr>
          <p:txBody>
            <a:bodyPr wrap="square" lIns="0" tIns="0" rIns="0" bIns="0" rtlCol="0"/>
            <a:lstStyle/>
            <a:p>
              <a:pPr defTabSz="514350"/>
              <a:endParaRPr sz="1013" kern="0">
                <a:solidFill>
                  <a:sysClr val="windowText" lastClr="000000"/>
                </a:solidFill>
              </a:endParaRPr>
            </a:p>
          </p:txBody>
        </p:sp>
        <p:pic>
          <p:nvPicPr>
            <p:cNvPr id="15" name="object 15"/>
            <p:cNvPicPr/>
            <p:nvPr/>
          </p:nvPicPr>
          <p:blipFill>
            <a:blip r:embed="rId6" cstate="print"/>
            <a:stretch>
              <a:fillRect/>
            </a:stretch>
          </p:blipFill>
          <p:spPr>
            <a:xfrm>
              <a:off x="2849880" y="1030223"/>
              <a:ext cx="3096768" cy="2002536"/>
            </a:xfrm>
            <a:prstGeom prst="rect">
              <a:avLst/>
            </a:prstGeom>
          </p:spPr>
        </p:pic>
        <p:pic>
          <p:nvPicPr>
            <p:cNvPr id="16" name="object 16"/>
            <p:cNvPicPr/>
            <p:nvPr/>
          </p:nvPicPr>
          <p:blipFill>
            <a:blip r:embed="rId7" cstate="print"/>
            <a:stretch>
              <a:fillRect/>
            </a:stretch>
          </p:blipFill>
          <p:spPr>
            <a:xfrm>
              <a:off x="2823927" y="1006767"/>
              <a:ext cx="2968793" cy="1871484"/>
            </a:xfrm>
            <a:prstGeom prst="rect">
              <a:avLst/>
            </a:prstGeom>
          </p:spPr>
        </p:pic>
        <p:pic>
          <p:nvPicPr>
            <p:cNvPr id="17" name="object 17"/>
            <p:cNvPicPr/>
            <p:nvPr/>
          </p:nvPicPr>
          <p:blipFill>
            <a:blip r:embed="rId8" cstate="print"/>
            <a:stretch>
              <a:fillRect/>
            </a:stretch>
          </p:blipFill>
          <p:spPr>
            <a:xfrm>
              <a:off x="2849880" y="3300983"/>
              <a:ext cx="4285488" cy="2228088"/>
            </a:xfrm>
            <a:prstGeom prst="rect">
              <a:avLst/>
            </a:prstGeom>
          </p:spPr>
        </p:pic>
        <p:pic>
          <p:nvPicPr>
            <p:cNvPr id="18" name="object 18"/>
            <p:cNvPicPr/>
            <p:nvPr/>
          </p:nvPicPr>
          <p:blipFill>
            <a:blip r:embed="rId9" cstate="print"/>
            <a:stretch>
              <a:fillRect/>
            </a:stretch>
          </p:blipFill>
          <p:spPr>
            <a:xfrm>
              <a:off x="2823927" y="3275813"/>
              <a:ext cx="4157571" cy="2097445"/>
            </a:xfrm>
            <a:prstGeom prst="rect">
              <a:avLst/>
            </a:prstGeom>
          </p:spPr>
        </p:pic>
        <p:pic>
          <p:nvPicPr>
            <p:cNvPr id="19" name="object 19"/>
            <p:cNvPicPr/>
            <p:nvPr/>
          </p:nvPicPr>
          <p:blipFill>
            <a:blip r:embed="rId10" cstate="print"/>
            <a:stretch>
              <a:fillRect/>
            </a:stretch>
          </p:blipFill>
          <p:spPr>
            <a:xfrm>
              <a:off x="7650479" y="1030223"/>
              <a:ext cx="3938016" cy="850391"/>
            </a:xfrm>
            <a:prstGeom prst="rect">
              <a:avLst/>
            </a:prstGeom>
          </p:spPr>
        </p:pic>
        <p:pic>
          <p:nvPicPr>
            <p:cNvPr id="20" name="object 20"/>
            <p:cNvPicPr/>
            <p:nvPr/>
          </p:nvPicPr>
          <p:blipFill>
            <a:blip r:embed="rId11" cstate="print"/>
            <a:stretch>
              <a:fillRect/>
            </a:stretch>
          </p:blipFill>
          <p:spPr>
            <a:xfrm>
              <a:off x="7624376" y="1006768"/>
              <a:ext cx="3810081" cy="719999"/>
            </a:xfrm>
            <a:prstGeom prst="rect">
              <a:avLst/>
            </a:prstGeom>
          </p:spPr>
        </p:pic>
        <p:pic>
          <p:nvPicPr>
            <p:cNvPr id="21" name="object 21"/>
            <p:cNvPicPr/>
            <p:nvPr/>
          </p:nvPicPr>
          <p:blipFill>
            <a:blip r:embed="rId12" cstate="print"/>
            <a:stretch>
              <a:fillRect/>
            </a:stretch>
          </p:blipFill>
          <p:spPr>
            <a:xfrm>
              <a:off x="7650479" y="2212847"/>
              <a:ext cx="3919728" cy="1130808"/>
            </a:xfrm>
            <a:prstGeom prst="rect">
              <a:avLst/>
            </a:prstGeom>
          </p:spPr>
        </p:pic>
        <p:pic>
          <p:nvPicPr>
            <p:cNvPr id="22" name="object 22"/>
            <p:cNvPicPr/>
            <p:nvPr/>
          </p:nvPicPr>
          <p:blipFill>
            <a:blip r:embed="rId13" cstate="print"/>
            <a:stretch>
              <a:fillRect/>
            </a:stretch>
          </p:blipFill>
          <p:spPr>
            <a:xfrm>
              <a:off x="7624376" y="2188963"/>
              <a:ext cx="3789620" cy="998979"/>
            </a:xfrm>
            <a:prstGeom prst="rect">
              <a:avLst/>
            </a:prstGeom>
          </p:spPr>
        </p:pic>
        <p:pic>
          <p:nvPicPr>
            <p:cNvPr id="23" name="object 23"/>
            <p:cNvPicPr/>
            <p:nvPr/>
          </p:nvPicPr>
          <p:blipFill>
            <a:blip r:embed="rId14" cstate="print"/>
            <a:stretch>
              <a:fillRect/>
            </a:stretch>
          </p:blipFill>
          <p:spPr>
            <a:xfrm>
              <a:off x="7650479" y="3685032"/>
              <a:ext cx="3898391" cy="975359"/>
            </a:xfrm>
            <a:prstGeom prst="rect">
              <a:avLst/>
            </a:prstGeom>
          </p:spPr>
        </p:pic>
        <p:pic>
          <p:nvPicPr>
            <p:cNvPr id="24" name="object 24"/>
            <p:cNvPicPr/>
            <p:nvPr/>
          </p:nvPicPr>
          <p:blipFill>
            <a:blip r:embed="rId15" cstate="print"/>
            <a:stretch>
              <a:fillRect/>
            </a:stretch>
          </p:blipFill>
          <p:spPr>
            <a:xfrm>
              <a:off x="7624376" y="3660715"/>
              <a:ext cx="3769159" cy="844360"/>
            </a:xfrm>
            <a:prstGeom prst="rect">
              <a:avLst/>
            </a:prstGeom>
          </p:spPr>
        </p:pic>
        <p:pic>
          <p:nvPicPr>
            <p:cNvPr id="25" name="object 25"/>
            <p:cNvPicPr/>
            <p:nvPr/>
          </p:nvPicPr>
          <p:blipFill>
            <a:blip r:embed="rId16" cstate="print"/>
            <a:stretch>
              <a:fillRect/>
            </a:stretch>
          </p:blipFill>
          <p:spPr>
            <a:xfrm>
              <a:off x="7650479" y="5023103"/>
              <a:ext cx="3898391" cy="1072895"/>
            </a:xfrm>
            <a:prstGeom prst="rect">
              <a:avLst/>
            </a:prstGeom>
          </p:spPr>
        </p:pic>
        <p:pic>
          <p:nvPicPr>
            <p:cNvPr id="26" name="object 26"/>
            <p:cNvPicPr/>
            <p:nvPr/>
          </p:nvPicPr>
          <p:blipFill>
            <a:blip r:embed="rId17" cstate="print"/>
            <a:stretch>
              <a:fillRect/>
            </a:stretch>
          </p:blipFill>
          <p:spPr>
            <a:xfrm>
              <a:off x="7624376" y="4997698"/>
              <a:ext cx="3769158" cy="943461"/>
            </a:xfrm>
            <a:prstGeom prst="rect">
              <a:avLst/>
            </a:prstGeom>
          </p:spPr>
        </p:pic>
      </p:grpSp>
      <p:sp>
        <p:nvSpPr>
          <p:cNvPr id="27" name="object 27"/>
          <p:cNvSpPr txBox="1"/>
          <p:nvPr/>
        </p:nvSpPr>
        <p:spPr>
          <a:xfrm>
            <a:off x="4281568" y="1032986"/>
            <a:ext cx="1779866" cy="128465"/>
          </a:xfrm>
          <a:prstGeom prst="rect">
            <a:avLst/>
          </a:prstGeom>
        </p:spPr>
        <p:txBody>
          <a:bodyPr vert="horz" wrap="square" lIns="0" tIns="7144" rIns="0" bIns="0" rtlCol="0">
            <a:spAutoFit/>
          </a:bodyPr>
          <a:lstStyle/>
          <a:p>
            <a:pPr marL="7144" defTabSz="514350">
              <a:spcBef>
                <a:spcPts val="56"/>
              </a:spcBef>
            </a:pPr>
            <a:r>
              <a:rPr sz="788" b="1" kern="0" dirty="0">
                <a:solidFill>
                  <a:srgbClr val="FFFFFF"/>
                </a:solidFill>
                <a:latin typeface="Segoe UI Semibold"/>
                <a:cs typeface="Segoe UI Semibold"/>
              </a:rPr>
              <a:t>Samples</a:t>
            </a:r>
            <a:r>
              <a:rPr sz="788" b="1" kern="0" spc="-23" dirty="0">
                <a:solidFill>
                  <a:srgbClr val="FFFFFF"/>
                </a:solidFill>
                <a:latin typeface="Segoe UI Semibold"/>
                <a:cs typeface="Segoe UI Semibold"/>
              </a:rPr>
              <a:t> </a:t>
            </a:r>
            <a:r>
              <a:rPr sz="788" b="1" kern="0" dirty="0">
                <a:solidFill>
                  <a:srgbClr val="FFFFFF"/>
                </a:solidFill>
                <a:latin typeface="Segoe UI Semibold"/>
                <a:cs typeface="Segoe UI Semibold"/>
              </a:rPr>
              <a:t>after</a:t>
            </a:r>
            <a:r>
              <a:rPr sz="788" b="1" kern="0" spc="-14" dirty="0">
                <a:solidFill>
                  <a:srgbClr val="FFFFFF"/>
                </a:solidFill>
                <a:latin typeface="Segoe UI Semibold"/>
                <a:cs typeface="Segoe UI Semibold"/>
              </a:rPr>
              <a:t> </a:t>
            </a:r>
            <a:r>
              <a:rPr sz="788" b="1" kern="0" dirty="0">
                <a:solidFill>
                  <a:srgbClr val="FFE399"/>
                </a:solidFill>
                <a:latin typeface="Segoe UI Semibold"/>
                <a:cs typeface="Segoe UI Semibold"/>
              </a:rPr>
              <a:t>250</a:t>
            </a:r>
            <a:r>
              <a:rPr sz="788" b="1" kern="0" spc="-11" dirty="0">
                <a:solidFill>
                  <a:srgbClr val="FFE399"/>
                </a:solidFill>
                <a:latin typeface="Segoe UI Semibold"/>
                <a:cs typeface="Segoe UI Semibold"/>
              </a:rPr>
              <a:t> </a:t>
            </a:r>
            <a:r>
              <a:rPr sz="788" b="1" kern="0" dirty="0">
                <a:solidFill>
                  <a:srgbClr val="FFFFFF"/>
                </a:solidFill>
                <a:latin typeface="Segoe UI Semibold"/>
                <a:cs typeface="Segoe UI Semibold"/>
              </a:rPr>
              <a:t>iterations</a:t>
            </a:r>
            <a:r>
              <a:rPr sz="788" b="1" kern="0" spc="-14" dirty="0">
                <a:solidFill>
                  <a:srgbClr val="FFFFFF"/>
                </a:solidFill>
                <a:latin typeface="Segoe UI Semibold"/>
                <a:cs typeface="Segoe UI Semibold"/>
              </a:rPr>
              <a:t> </a:t>
            </a:r>
            <a:r>
              <a:rPr sz="788" b="1" kern="0" dirty="0">
                <a:solidFill>
                  <a:srgbClr val="FFFFFF"/>
                </a:solidFill>
                <a:latin typeface="Segoe UI Semibold"/>
                <a:cs typeface="Segoe UI Semibold"/>
              </a:rPr>
              <a:t>of</a:t>
            </a:r>
            <a:r>
              <a:rPr sz="788" b="1" kern="0" spc="-8" dirty="0">
                <a:solidFill>
                  <a:srgbClr val="FFFFFF"/>
                </a:solidFill>
                <a:latin typeface="Segoe UI Semibold"/>
                <a:cs typeface="Segoe UI Semibold"/>
              </a:rPr>
              <a:t> </a:t>
            </a:r>
            <a:r>
              <a:rPr sz="788" b="1" kern="0" spc="-6" dirty="0">
                <a:solidFill>
                  <a:srgbClr val="FFFFFF"/>
                </a:solidFill>
                <a:latin typeface="Segoe UI Semibold"/>
                <a:cs typeface="Segoe UI Semibold"/>
              </a:rPr>
              <a:t>training</a:t>
            </a:r>
            <a:endParaRPr sz="788" kern="0">
              <a:solidFill>
                <a:sysClr val="windowText" lastClr="000000"/>
              </a:solidFill>
              <a:latin typeface="Segoe UI Semibold"/>
              <a:cs typeface="Segoe UI Semibold"/>
            </a:endParaRPr>
          </a:p>
        </p:txBody>
      </p:sp>
      <p:sp>
        <p:nvSpPr>
          <p:cNvPr id="28" name="object 28"/>
          <p:cNvSpPr txBox="1"/>
          <p:nvPr/>
        </p:nvSpPr>
        <p:spPr>
          <a:xfrm>
            <a:off x="4281568" y="1710214"/>
            <a:ext cx="1779866" cy="128465"/>
          </a:xfrm>
          <a:prstGeom prst="rect">
            <a:avLst/>
          </a:prstGeom>
        </p:spPr>
        <p:txBody>
          <a:bodyPr vert="horz" wrap="square" lIns="0" tIns="7144" rIns="0" bIns="0" rtlCol="0">
            <a:spAutoFit/>
          </a:bodyPr>
          <a:lstStyle/>
          <a:p>
            <a:pPr marL="7144" defTabSz="514350">
              <a:spcBef>
                <a:spcPts val="56"/>
              </a:spcBef>
            </a:pPr>
            <a:r>
              <a:rPr sz="788" b="1" kern="0" dirty="0">
                <a:solidFill>
                  <a:srgbClr val="FFFFFF"/>
                </a:solidFill>
                <a:latin typeface="Segoe UI Semibold"/>
                <a:cs typeface="Segoe UI Semibold"/>
              </a:rPr>
              <a:t>Samples</a:t>
            </a:r>
            <a:r>
              <a:rPr sz="788" b="1" kern="0" spc="-23" dirty="0">
                <a:solidFill>
                  <a:srgbClr val="FFFFFF"/>
                </a:solidFill>
                <a:latin typeface="Segoe UI Semibold"/>
                <a:cs typeface="Segoe UI Semibold"/>
              </a:rPr>
              <a:t> </a:t>
            </a:r>
            <a:r>
              <a:rPr sz="788" b="1" kern="0" dirty="0">
                <a:solidFill>
                  <a:srgbClr val="FFFFFF"/>
                </a:solidFill>
                <a:latin typeface="Segoe UI Semibold"/>
                <a:cs typeface="Segoe UI Semibold"/>
              </a:rPr>
              <a:t>after</a:t>
            </a:r>
            <a:r>
              <a:rPr sz="788" b="1" kern="0" spc="-14" dirty="0">
                <a:solidFill>
                  <a:srgbClr val="FFFFFF"/>
                </a:solidFill>
                <a:latin typeface="Segoe UI Semibold"/>
                <a:cs typeface="Segoe UI Semibold"/>
              </a:rPr>
              <a:t> </a:t>
            </a:r>
            <a:r>
              <a:rPr sz="788" b="1" kern="0" dirty="0">
                <a:solidFill>
                  <a:srgbClr val="FFE399"/>
                </a:solidFill>
                <a:latin typeface="Segoe UI Semibold"/>
                <a:cs typeface="Segoe UI Semibold"/>
              </a:rPr>
              <a:t>500</a:t>
            </a:r>
            <a:r>
              <a:rPr sz="788" b="1" kern="0" spc="-11" dirty="0">
                <a:solidFill>
                  <a:srgbClr val="FFE399"/>
                </a:solidFill>
                <a:latin typeface="Segoe UI Semibold"/>
                <a:cs typeface="Segoe UI Semibold"/>
              </a:rPr>
              <a:t> </a:t>
            </a:r>
            <a:r>
              <a:rPr sz="788" b="1" kern="0" dirty="0">
                <a:solidFill>
                  <a:srgbClr val="FFFFFF"/>
                </a:solidFill>
                <a:latin typeface="Segoe UI Semibold"/>
                <a:cs typeface="Segoe UI Semibold"/>
              </a:rPr>
              <a:t>iterations</a:t>
            </a:r>
            <a:r>
              <a:rPr sz="788" b="1" kern="0" spc="-14" dirty="0">
                <a:solidFill>
                  <a:srgbClr val="FFFFFF"/>
                </a:solidFill>
                <a:latin typeface="Segoe UI Semibold"/>
                <a:cs typeface="Segoe UI Semibold"/>
              </a:rPr>
              <a:t> </a:t>
            </a:r>
            <a:r>
              <a:rPr sz="788" b="1" kern="0" dirty="0">
                <a:solidFill>
                  <a:srgbClr val="FFFFFF"/>
                </a:solidFill>
                <a:latin typeface="Segoe UI Semibold"/>
                <a:cs typeface="Segoe UI Semibold"/>
              </a:rPr>
              <a:t>of</a:t>
            </a:r>
            <a:r>
              <a:rPr sz="788" b="1" kern="0" spc="-8" dirty="0">
                <a:solidFill>
                  <a:srgbClr val="FFFFFF"/>
                </a:solidFill>
                <a:latin typeface="Segoe UI Semibold"/>
                <a:cs typeface="Segoe UI Semibold"/>
              </a:rPr>
              <a:t> </a:t>
            </a:r>
            <a:r>
              <a:rPr sz="788" b="1" kern="0" spc="-6" dirty="0">
                <a:solidFill>
                  <a:srgbClr val="FFFFFF"/>
                </a:solidFill>
                <a:latin typeface="Segoe UI Semibold"/>
                <a:cs typeface="Segoe UI Semibold"/>
              </a:rPr>
              <a:t>training</a:t>
            </a:r>
            <a:endParaRPr sz="788" kern="0">
              <a:solidFill>
                <a:sysClr val="windowText" lastClr="000000"/>
              </a:solidFill>
              <a:latin typeface="Segoe UI Semibold"/>
              <a:cs typeface="Segoe UI Semibold"/>
            </a:endParaRPr>
          </a:p>
        </p:txBody>
      </p:sp>
      <p:sp>
        <p:nvSpPr>
          <p:cNvPr id="29" name="object 29"/>
          <p:cNvSpPr txBox="1"/>
          <p:nvPr/>
        </p:nvSpPr>
        <p:spPr>
          <a:xfrm>
            <a:off x="4281568" y="2546890"/>
            <a:ext cx="1859519" cy="128465"/>
          </a:xfrm>
          <a:prstGeom prst="rect">
            <a:avLst/>
          </a:prstGeom>
        </p:spPr>
        <p:txBody>
          <a:bodyPr vert="horz" wrap="square" lIns="0" tIns="7144" rIns="0" bIns="0" rtlCol="0">
            <a:spAutoFit/>
          </a:bodyPr>
          <a:lstStyle/>
          <a:p>
            <a:pPr marL="7144" defTabSz="514350">
              <a:spcBef>
                <a:spcPts val="56"/>
              </a:spcBef>
            </a:pPr>
            <a:r>
              <a:rPr sz="788" b="1" kern="0" dirty="0">
                <a:solidFill>
                  <a:srgbClr val="FFFFFF"/>
                </a:solidFill>
                <a:latin typeface="Segoe UI Semibold"/>
                <a:cs typeface="Segoe UI Semibold"/>
              </a:rPr>
              <a:t>Samples</a:t>
            </a:r>
            <a:r>
              <a:rPr sz="788" b="1" kern="0" spc="-17" dirty="0">
                <a:solidFill>
                  <a:srgbClr val="FFFFFF"/>
                </a:solidFill>
                <a:latin typeface="Segoe UI Semibold"/>
                <a:cs typeface="Segoe UI Semibold"/>
              </a:rPr>
              <a:t> </a:t>
            </a:r>
            <a:r>
              <a:rPr sz="788" b="1" kern="0" dirty="0">
                <a:solidFill>
                  <a:srgbClr val="FFFFFF"/>
                </a:solidFill>
                <a:latin typeface="Segoe UI Semibold"/>
                <a:cs typeface="Segoe UI Semibold"/>
              </a:rPr>
              <a:t>after</a:t>
            </a:r>
            <a:r>
              <a:rPr sz="788" b="1" kern="0" spc="-14" dirty="0">
                <a:solidFill>
                  <a:srgbClr val="FFFFFF"/>
                </a:solidFill>
                <a:latin typeface="Segoe UI Semibold"/>
                <a:cs typeface="Segoe UI Semibold"/>
              </a:rPr>
              <a:t> </a:t>
            </a:r>
            <a:r>
              <a:rPr sz="788" b="1" kern="0" dirty="0">
                <a:solidFill>
                  <a:srgbClr val="FFE399"/>
                </a:solidFill>
                <a:latin typeface="Segoe UI Semibold"/>
                <a:cs typeface="Segoe UI Semibold"/>
              </a:rPr>
              <a:t>5,000</a:t>
            </a:r>
            <a:r>
              <a:rPr sz="788" b="1" kern="0" spc="-17" dirty="0">
                <a:solidFill>
                  <a:srgbClr val="FFE399"/>
                </a:solidFill>
                <a:latin typeface="Segoe UI Semibold"/>
                <a:cs typeface="Segoe UI Semibold"/>
              </a:rPr>
              <a:t> </a:t>
            </a:r>
            <a:r>
              <a:rPr sz="788" b="1" kern="0" dirty="0">
                <a:solidFill>
                  <a:srgbClr val="FFFFFF"/>
                </a:solidFill>
                <a:latin typeface="Segoe UI Semibold"/>
                <a:cs typeface="Segoe UI Semibold"/>
              </a:rPr>
              <a:t>iterations</a:t>
            </a:r>
            <a:r>
              <a:rPr sz="788" b="1" kern="0" spc="-14" dirty="0">
                <a:solidFill>
                  <a:srgbClr val="FFFFFF"/>
                </a:solidFill>
                <a:latin typeface="Segoe UI Semibold"/>
                <a:cs typeface="Segoe UI Semibold"/>
              </a:rPr>
              <a:t> </a:t>
            </a:r>
            <a:r>
              <a:rPr sz="788" b="1" kern="0" dirty="0">
                <a:solidFill>
                  <a:srgbClr val="FFFFFF"/>
                </a:solidFill>
                <a:latin typeface="Segoe UI Semibold"/>
                <a:cs typeface="Segoe UI Semibold"/>
              </a:rPr>
              <a:t>of</a:t>
            </a:r>
            <a:r>
              <a:rPr sz="788" b="1" kern="0" spc="-8" dirty="0">
                <a:solidFill>
                  <a:srgbClr val="FFFFFF"/>
                </a:solidFill>
                <a:latin typeface="Segoe UI Semibold"/>
                <a:cs typeface="Segoe UI Semibold"/>
              </a:rPr>
              <a:t> </a:t>
            </a:r>
            <a:r>
              <a:rPr sz="788" b="1" kern="0" spc="-6" dirty="0">
                <a:solidFill>
                  <a:srgbClr val="FFFFFF"/>
                </a:solidFill>
                <a:latin typeface="Segoe UI Semibold"/>
                <a:cs typeface="Segoe UI Semibold"/>
              </a:rPr>
              <a:t>training</a:t>
            </a:r>
            <a:endParaRPr sz="788" kern="0">
              <a:solidFill>
                <a:sysClr val="windowText" lastClr="000000"/>
              </a:solidFill>
              <a:latin typeface="Segoe UI Semibold"/>
              <a:cs typeface="Segoe UI Semibold"/>
            </a:endParaRPr>
          </a:p>
        </p:txBody>
      </p:sp>
      <p:sp>
        <p:nvSpPr>
          <p:cNvPr id="30" name="object 30"/>
          <p:cNvSpPr txBox="1"/>
          <p:nvPr/>
        </p:nvSpPr>
        <p:spPr>
          <a:xfrm>
            <a:off x="4281569" y="3282411"/>
            <a:ext cx="1914882" cy="128465"/>
          </a:xfrm>
          <a:prstGeom prst="rect">
            <a:avLst/>
          </a:prstGeom>
        </p:spPr>
        <p:txBody>
          <a:bodyPr vert="horz" wrap="square" lIns="0" tIns="7144" rIns="0" bIns="0" rtlCol="0">
            <a:spAutoFit/>
          </a:bodyPr>
          <a:lstStyle/>
          <a:p>
            <a:pPr marL="7144" defTabSz="514350">
              <a:spcBef>
                <a:spcPts val="56"/>
              </a:spcBef>
            </a:pPr>
            <a:r>
              <a:rPr sz="788" b="1" kern="0" dirty="0">
                <a:solidFill>
                  <a:srgbClr val="FFFFFF"/>
                </a:solidFill>
                <a:latin typeface="Segoe UI Semibold"/>
                <a:cs typeface="Segoe UI Semibold"/>
              </a:rPr>
              <a:t>Samples</a:t>
            </a:r>
            <a:r>
              <a:rPr sz="788" b="1" kern="0" spc="-17" dirty="0">
                <a:solidFill>
                  <a:srgbClr val="FFFFFF"/>
                </a:solidFill>
                <a:latin typeface="Segoe UI Semibold"/>
                <a:cs typeface="Segoe UI Semibold"/>
              </a:rPr>
              <a:t> </a:t>
            </a:r>
            <a:r>
              <a:rPr sz="788" b="1" kern="0" dirty="0">
                <a:solidFill>
                  <a:srgbClr val="FFFFFF"/>
                </a:solidFill>
                <a:latin typeface="Segoe UI Semibold"/>
                <a:cs typeface="Segoe UI Semibold"/>
              </a:rPr>
              <a:t>after</a:t>
            </a:r>
            <a:r>
              <a:rPr sz="788" b="1" kern="0" spc="-17" dirty="0">
                <a:solidFill>
                  <a:srgbClr val="FFFFFF"/>
                </a:solidFill>
                <a:latin typeface="Segoe UI Semibold"/>
                <a:cs typeface="Segoe UI Semibold"/>
              </a:rPr>
              <a:t> </a:t>
            </a:r>
            <a:r>
              <a:rPr sz="788" b="1" kern="0" dirty="0">
                <a:solidFill>
                  <a:srgbClr val="FFE399"/>
                </a:solidFill>
                <a:latin typeface="Segoe UI Semibold"/>
                <a:cs typeface="Segoe UI Semibold"/>
              </a:rPr>
              <a:t>30,000</a:t>
            </a:r>
            <a:r>
              <a:rPr sz="788" b="1" kern="0" spc="-14" dirty="0">
                <a:solidFill>
                  <a:srgbClr val="FFE399"/>
                </a:solidFill>
                <a:latin typeface="Segoe UI Semibold"/>
                <a:cs typeface="Segoe UI Semibold"/>
              </a:rPr>
              <a:t> </a:t>
            </a:r>
            <a:r>
              <a:rPr sz="788" b="1" kern="0" dirty="0">
                <a:solidFill>
                  <a:srgbClr val="FFFFFF"/>
                </a:solidFill>
                <a:latin typeface="Segoe UI Semibold"/>
                <a:cs typeface="Segoe UI Semibold"/>
              </a:rPr>
              <a:t>iterations</a:t>
            </a:r>
            <a:r>
              <a:rPr sz="788" b="1" kern="0" spc="-17" dirty="0">
                <a:solidFill>
                  <a:srgbClr val="FFFFFF"/>
                </a:solidFill>
                <a:latin typeface="Segoe UI Semibold"/>
                <a:cs typeface="Segoe UI Semibold"/>
              </a:rPr>
              <a:t> </a:t>
            </a:r>
            <a:r>
              <a:rPr sz="788" b="1" kern="0" dirty="0">
                <a:solidFill>
                  <a:srgbClr val="FFFFFF"/>
                </a:solidFill>
                <a:latin typeface="Segoe UI Semibold"/>
                <a:cs typeface="Segoe UI Semibold"/>
              </a:rPr>
              <a:t>of</a:t>
            </a:r>
            <a:r>
              <a:rPr sz="788" b="1" kern="0" spc="-8" dirty="0">
                <a:solidFill>
                  <a:srgbClr val="FFFFFF"/>
                </a:solidFill>
                <a:latin typeface="Segoe UI Semibold"/>
                <a:cs typeface="Segoe UI Semibold"/>
              </a:rPr>
              <a:t> </a:t>
            </a:r>
            <a:r>
              <a:rPr sz="788" b="1" kern="0" spc="-6" dirty="0">
                <a:solidFill>
                  <a:srgbClr val="FFFFFF"/>
                </a:solidFill>
                <a:latin typeface="Segoe UI Semibold"/>
                <a:cs typeface="Segoe UI Semibold"/>
              </a:rPr>
              <a:t>training</a:t>
            </a:r>
            <a:endParaRPr sz="788" kern="0">
              <a:solidFill>
                <a:sysClr val="windowText" lastClr="000000"/>
              </a:solidFill>
              <a:latin typeface="Segoe UI Semibold"/>
              <a:cs typeface="Segoe UI Semibold"/>
            </a:endParaRPr>
          </a:p>
        </p:txBody>
      </p:sp>
    </p:spTree>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B8670D-D42E-6D37-CB6F-23BE0DAED173}"/>
              </a:ext>
            </a:extLst>
          </p:cNvPr>
          <p:cNvSpPr>
            <a:spLocks noGrp="1"/>
          </p:cNvSpPr>
          <p:nvPr>
            <p:ph type="title"/>
          </p:nvPr>
        </p:nvSpPr>
        <p:spPr/>
        <p:txBody>
          <a:bodyPr/>
          <a:lstStyle/>
          <a:p>
            <a:r>
              <a:rPr lang="en-US" dirty="0"/>
              <a:t>Latent Representations</a:t>
            </a:r>
          </a:p>
        </p:txBody>
      </p:sp>
      <p:pic>
        <p:nvPicPr>
          <p:cNvPr id="4098" name="Picture 2" descr="machine learning - What is a latent space? - Cross Validated">
            <a:extLst>
              <a:ext uri="{FF2B5EF4-FFF2-40B4-BE49-F238E27FC236}">
                <a16:creationId xmlns:a16="http://schemas.microsoft.com/office/drawing/2014/main" id="{9235C2BC-EDEC-CE5B-08E3-A53973701E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206377" y="716644"/>
            <a:ext cx="4561976" cy="1998241"/>
          </a:xfrm>
          <a:prstGeom prst="rect">
            <a:avLst/>
          </a:prstGeom>
          <a:noFill/>
          <a:extLst>
            <a:ext uri="{909E8E84-426E-40DD-AFC4-6F175D3DCCD1}">
              <a14:hiddenFill xmlns:a14="http://schemas.microsoft.com/office/drawing/2010/main">
                <a:solidFill>
                  <a:srgbClr val="FFFFFF"/>
                </a:solidFill>
              </a14:hiddenFill>
            </a:ext>
          </a:extLst>
        </p:spPr>
      </p:pic>
      <p:pic>
        <p:nvPicPr>
          <p:cNvPr id="3" name="Picture 2" descr="machine learning - What is a latent space? - Cross Validated">
            <a:extLst>
              <a:ext uri="{FF2B5EF4-FFF2-40B4-BE49-F238E27FC236}">
                <a16:creationId xmlns:a16="http://schemas.microsoft.com/office/drawing/2014/main" id="{5FB1FB02-BEB3-C408-52CC-323D85DECABC}"/>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649" r="42430" b="-649"/>
          <a:stretch/>
        </p:blipFill>
        <p:spPr bwMode="auto">
          <a:xfrm>
            <a:off x="1206377" y="2850195"/>
            <a:ext cx="2626321" cy="1998241"/>
          </a:xfrm>
          <a:prstGeom prst="rect">
            <a:avLst/>
          </a:prstGeom>
          <a:noFill/>
          <a:extLst>
            <a:ext uri="{909E8E84-426E-40DD-AFC4-6F175D3DCCD1}">
              <a14:hiddenFill xmlns:a14="http://schemas.microsoft.com/office/drawing/2010/main">
                <a:solidFill>
                  <a:srgbClr val="FFFFFF"/>
                </a:solidFill>
              </a14:hiddenFill>
            </a:ext>
          </a:extLst>
        </p:spPr>
      </p:pic>
      <p:grpSp>
        <p:nvGrpSpPr>
          <p:cNvPr id="11" name="Group 10">
            <a:extLst>
              <a:ext uri="{FF2B5EF4-FFF2-40B4-BE49-F238E27FC236}">
                <a16:creationId xmlns:a16="http://schemas.microsoft.com/office/drawing/2014/main" id="{4F6A79C6-B723-A585-7322-FE2889492FEC}"/>
              </a:ext>
            </a:extLst>
          </p:cNvPr>
          <p:cNvGrpSpPr/>
          <p:nvPr/>
        </p:nvGrpSpPr>
        <p:grpSpPr>
          <a:xfrm>
            <a:off x="3832698" y="3255523"/>
            <a:ext cx="959796" cy="953311"/>
            <a:chOff x="3904034" y="3125821"/>
            <a:chExt cx="959796" cy="953311"/>
          </a:xfrm>
        </p:grpSpPr>
        <p:cxnSp>
          <p:nvCxnSpPr>
            <p:cNvPr id="5" name="Straight Arrow Connector 4">
              <a:extLst>
                <a:ext uri="{FF2B5EF4-FFF2-40B4-BE49-F238E27FC236}">
                  <a16:creationId xmlns:a16="http://schemas.microsoft.com/office/drawing/2014/main" id="{E822326D-BB77-64AC-C42F-3F7AAE86A260}"/>
                </a:ext>
              </a:extLst>
            </p:cNvPr>
            <p:cNvCxnSpPr/>
            <p:nvPr/>
          </p:nvCxnSpPr>
          <p:spPr bwMode="auto">
            <a:xfrm flipV="1">
              <a:off x="3904034" y="3125821"/>
              <a:ext cx="914400" cy="46044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8" name="Straight Arrow Connector 7">
              <a:extLst>
                <a:ext uri="{FF2B5EF4-FFF2-40B4-BE49-F238E27FC236}">
                  <a16:creationId xmlns:a16="http://schemas.microsoft.com/office/drawing/2014/main" id="{A1D09F67-A0D8-0C50-AA4F-58EEB898D6A7}"/>
                </a:ext>
              </a:extLst>
            </p:cNvPr>
            <p:cNvCxnSpPr/>
            <p:nvPr/>
          </p:nvCxnSpPr>
          <p:spPr bwMode="auto">
            <a:xfrm>
              <a:off x="3917004" y="3599234"/>
              <a:ext cx="946826" cy="0"/>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10" name="Straight Arrow Connector 9">
              <a:extLst>
                <a:ext uri="{FF2B5EF4-FFF2-40B4-BE49-F238E27FC236}">
                  <a16:creationId xmlns:a16="http://schemas.microsoft.com/office/drawing/2014/main" id="{DB1031AE-7C07-7BB9-BA92-8857240B7DCE}"/>
                </a:ext>
              </a:extLst>
            </p:cNvPr>
            <p:cNvCxnSpPr/>
            <p:nvPr/>
          </p:nvCxnSpPr>
          <p:spPr bwMode="auto">
            <a:xfrm>
              <a:off x="3904034" y="3586264"/>
              <a:ext cx="914400" cy="492868"/>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grpSp>
      <p:sp>
        <p:nvSpPr>
          <p:cNvPr id="12" name="TextBox 11">
            <a:extLst>
              <a:ext uri="{FF2B5EF4-FFF2-40B4-BE49-F238E27FC236}">
                <a16:creationId xmlns:a16="http://schemas.microsoft.com/office/drawing/2014/main" id="{518796ED-4302-E170-C1FB-3026894B7D01}"/>
              </a:ext>
            </a:extLst>
          </p:cNvPr>
          <p:cNvSpPr txBox="1"/>
          <p:nvPr/>
        </p:nvSpPr>
        <p:spPr>
          <a:xfrm>
            <a:off x="4792494" y="3064373"/>
            <a:ext cx="498855" cy="369332"/>
          </a:xfrm>
          <a:prstGeom prst="rect">
            <a:avLst/>
          </a:prstGeom>
          <a:noFill/>
        </p:spPr>
        <p:txBody>
          <a:bodyPr wrap="none" rtlCol="0">
            <a:spAutoFit/>
          </a:bodyPr>
          <a:lstStyle/>
          <a:p>
            <a:r>
              <a:rPr lang="en-US" dirty="0"/>
              <a:t>Car</a:t>
            </a:r>
          </a:p>
        </p:txBody>
      </p:sp>
      <p:sp>
        <p:nvSpPr>
          <p:cNvPr id="13" name="TextBox 12">
            <a:extLst>
              <a:ext uri="{FF2B5EF4-FFF2-40B4-BE49-F238E27FC236}">
                <a16:creationId xmlns:a16="http://schemas.microsoft.com/office/drawing/2014/main" id="{CF0DF9C8-05C7-25A1-274D-3F23B95FC384}"/>
              </a:ext>
            </a:extLst>
          </p:cNvPr>
          <p:cNvSpPr txBox="1"/>
          <p:nvPr/>
        </p:nvSpPr>
        <p:spPr>
          <a:xfrm>
            <a:off x="4805464" y="3531300"/>
            <a:ext cx="867545" cy="369332"/>
          </a:xfrm>
          <a:prstGeom prst="rect">
            <a:avLst/>
          </a:prstGeom>
          <a:noFill/>
        </p:spPr>
        <p:txBody>
          <a:bodyPr wrap="none" rtlCol="0">
            <a:spAutoFit/>
          </a:bodyPr>
          <a:lstStyle/>
          <a:p>
            <a:r>
              <a:rPr lang="en-US" dirty="0"/>
              <a:t>Human</a:t>
            </a:r>
          </a:p>
        </p:txBody>
      </p:sp>
      <p:sp>
        <p:nvSpPr>
          <p:cNvPr id="14" name="TextBox 13">
            <a:extLst>
              <a:ext uri="{FF2B5EF4-FFF2-40B4-BE49-F238E27FC236}">
                <a16:creationId xmlns:a16="http://schemas.microsoft.com/office/drawing/2014/main" id="{DC5239F4-F176-0F3D-37C3-520C9C253485}"/>
              </a:ext>
            </a:extLst>
          </p:cNvPr>
          <p:cNvSpPr txBox="1"/>
          <p:nvPr/>
        </p:nvSpPr>
        <p:spPr>
          <a:xfrm>
            <a:off x="4805464" y="3998227"/>
            <a:ext cx="1008481" cy="369332"/>
          </a:xfrm>
          <a:prstGeom prst="rect">
            <a:avLst/>
          </a:prstGeom>
          <a:noFill/>
        </p:spPr>
        <p:txBody>
          <a:bodyPr wrap="none" rtlCol="0">
            <a:spAutoFit/>
          </a:bodyPr>
          <a:lstStyle/>
          <a:p>
            <a:r>
              <a:rPr lang="en-US" dirty="0"/>
              <a:t>Trashcan</a:t>
            </a:r>
          </a:p>
        </p:txBody>
      </p:sp>
      <p:sp>
        <p:nvSpPr>
          <p:cNvPr id="4" name="Rectangle 3">
            <a:extLst>
              <a:ext uri="{FF2B5EF4-FFF2-40B4-BE49-F238E27FC236}">
                <a16:creationId xmlns:a16="http://schemas.microsoft.com/office/drawing/2014/main" id="{4883FC70-C32B-C04E-6E8E-92560A4F6B71}"/>
              </a:ext>
            </a:extLst>
          </p:cNvPr>
          <p:cNvSpPr/>
          <p:nvPr/>
        </p:nvSpPr>
        <p:spPr bwMode="auto">
          <a:xfrm>
            <a:off x="2568102" y="716644"/>
            <a:ext cx="1660187" cy="4218522"/>
          </a:xfrm>
          <a:prstGeom prst="rect">
            <a:avLst/>
          </a:prstGeom>
          <a:noFill/>
          <a:ln w="28575" cap="flat" cmpd="sng" algn="ctr">
            <a:solidFill>
              <a:schemeClr val="accent4"/>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extLst>
      <p:ext uri="{BB962C8B-B14F-4D97-AF65-F5344CB8AC3E}">
        <p14:creationId xmlns:p14="http://schemas.microsoft.com/office/powerpoint/2010/main" val="111317530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166323A-6748-038E-EA6E-C73A20703E0C}"/>
              </a:ext>
            </a:extLst>
          </p:cNvPr>
          <p:cNvSpPr>
            <a:spLocks noGrp="1"/>
          </p:cNvSpPr>
          <p:nvPr>
            <p:ph type="title"/>
          </p:nvPr>
        </p:nvSpPr>
        <p:spPr/>
        <p:txBody>
          <a:bodyPr/>
          <a:lstStyle/>
          <a:p>
            <a:r>
              <a:rPr lang="en-US" dirty="0"/>
              <a:t>Fine Tune for different objective</a:t>
            </a:r>
          </a:p>
        </p:txBody>
      </p:sp>
      <p:pic>
        <p:nvPicPr>
          <p:cNvPr id="6146" name="Picture 2" descr="An Intuitive Explanation of Gradient Descent | by Terence Shin | Towards  Data Science">
            <a:extLst>
              <a:ext uri="{FF2B5EF4-FFF2-40B4-BE49-F238E27FC236}">
                <a16:creationId xmlns:a16="http://schemas.microsoft.com/office/drawing/2014/main" id="{A9F965A3-C70B-BC9C-61C1-DC2446CE56B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44446" y="1543614"/>
            <a:ext cx="5033176" cy="265290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2926820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bject 2"/>
          <p:cNvSpPr txBox="1">
            <a:spLocks noGrp="1"/>
          </p:cNvSpPr>
          <p:nvPr>
            <p:ph type="title"/>
          </p:nvPr>
        </p:nvSpPr>
        <p:spPr>
          <a:xfrm>
            <a:off x="338761" y="765685"/>
            <a:ext cx="5979172" cy="438101"/>
          </a:xfrm>
          <a:prstGeom prst="rect">
            <a:avLst/>
          </a:prstGeom>
        </p:spPr>
        <p:txBody>
          <a:bodyPr vert="horz" wrap="square" lIns="0" tIns="7144" rIns="0" bIns="0" numCol="1" rtlCol="0" anchor="ctr" anchorCtr="0" compatLnSpc="1">
            <a:prstTxWarp prst="textNoShape">
              <a:avLst/>
            </a:prstTxWarp>
            <a:spAutoFit/>
          </a:bodyPr>
          <a:lstStyle/>
          <a:p>
            <a:pPr marL="1248014">
              <a:spcBef>
                <a:spcPts val="56"/>
              </a:spcBef>
            </a:pPr>
            <a:r>
              <a:rPr dirty="0"/>
              <a:t>GPT</a:t>
            </a:r>
            <a:r>
              <a:rPr spc="-115" dirty="0"/>
              <a:t> </a:t>
            </a:r>
            <a:r>
              <a:rPr spc="-23" dirty="0"/>
              <a:t>Assistant</a:t>
            </a:r>
            <a:r>
              <a:rPr spc="-115" dirty="0"/>
              <a:t> </a:t>
            </a:r>
            <a:r>
              <a:rPr spc="-20" dirty="0"/>
              <a:t>training</a:t>
            </a:r>
            <a:r>
              <a:rPr spc="-110" dirty="0"/>
              <a:t> </a:t>
            </a:r>
            <a:r>
              <a:rPr spc="-23" dirty="0"/>
              <a:t>pipeline</a:t>
            </a:r>
          </a:p>
        </p:txBody>
      </p:sp>
      <p:grpSp>
        <p:nvGrpSpPr>
          <p:cNvPr id="3" name="object 3"/>
          <p:cNvGrpSpPr/>
          <p:nvPr/>
        </p:nvGrpSpPr>
        <p:grpSpPr>
          <a:xfrm>
            <a:off x="860679" y="1539620"/>
            <a:ext cx="5738575" cy="2794635"/>
            <a:chOff x="1530096" y="1594103"/>
            <a:chExt cx="10201910" cy="4968240"/>
          </a:xfrm>
        </p:grpSpPr>
        <p:pic>
          <p:nvPicPr>
            <p:cNvPr id="4" name="object 4"/>
            <p:cNvPicPr/>
            <p:nvPr/>
          </p:nvPicPr>
          <p:blipFill>
            <a:blip r:embed="rId3" cstate="print"/>
            <a:stretch>
              <a:fillRect/>
            </a:stretch>
          </p:blipFill>
          <p:spPr>
            <a:xfrm>
              <a:off x="1530096" y="4745736"/>
              <a:ext cx="5135880" cy="633983"/>
            </a:xfrm>
            <a:prstGeom prst="rect">
              <a:avLst/>
            </a:prstGeom>
          </p:spPr>
        </p:pic>
        <p:pic>
          <p:nvPicPr>
            <p:cNvPr id="5" name="object 5"/>
            <p:cNvPicPr/>
            <p:nvPr/>
          </p:nvPicPr>
          <p:blipFill>
            <a:blip r:embed="rId4" cstate="print"/>
            <a:stretch>
              <a:fillRect/>
            </a:stretch>
          </p:blipFill>
          <p:spPr>
            <a:xfrm>
              <a:off x="4084319" y="5282183"/>
              <a:ext cx="2581655" cy="1280160"/>
            </a:xfrm>
            <a:prstGeom prst="rect">
              <a:avLst/>
            </a:prstGeom>
          </p:spPr>
        </p:pic>
        <p:pic>
          <p:nvPicPr>
            <p:cNvPr id="6" name="object 6"/>
            <p:cNvPicPr/>
            <p:nvPr/>
          </p:nvPicPr>
          <p:blipFill>
            <a:blip r:embed="rId5" cstate="print"/>
            <a:stretch>
              <a:fillRect/>
            </a:stretch>
          </p:blipFill>
          <p:spPr>
            <a:xfrm>
              <a:off x="6611111" y="4745736"/>
              <a:ext cx="2581655" cy="633983"/>
            </a:xfrm>
            <a:prstGeom prst="rect">
              <a:avLst/>
            </a:prstGeom>
          </p:spPr>
        </p:pic>
        <p:pic>
          <p:nvPicPr>
            <p:cNvPr id="7" name="object 7"/>
            <p:cNvPicPr/>
            <p:nvPr/>
          </p:nvPicPr>
          <p:blipFill>
            <a:blip r:embed="rId6" cstate="print"/>
            <a:stretch>
              <a:fillRect/>
            </a:stretch>
          </p:blipFill>
          <p:spPr>
            <a:xfrm>
              <a:off x="6611111" y="5282183"/>
              <a:ext cx="2581655" cy="1280160"/>
            </a:xfrm>
            <a:prstGeom prst="rect">
              <a:avLst/>
            </a:prstGeom>
          </p:spPr>
        </p:pic>
        <p:pic>
          <p:nvPicPr>
            <p:cNvPr id="8" name="object 8"/>
            <p:cNvPicPr/>
            <p:nvPr/>
          </p:nvPicPr>
          <p:blipFill>
            <a:blip r:embed="rId7" cstate="print"/>
            <a:stretch>
              <a:fillRect/>
            </a:stretch>
          </p:blipFill>
          <p:spPr>
            <a:xfrm>
              <a:off x="9153143" y="4745736"/>
              <a:ext cx="2578607" cy="633983"/>
            </a:xfrm>
            <a:prstGeom prst="rect">
              <a:avLst/>
            </a:prstGeom>
          </p:spPr>
        </p:pic>
        <p:pic>
          <p:nvPicPr>
            <p:cNvPr id="9" name="object 9"/>
            <p:cNvPicPr/>
            <p:nvPr/>
          </p:nvPicPr>
          <p:blipFill>
            <a:blip r:embed="rId8" cstate="print"/>
            <a:stretch>
              <a:fillRect/>
            </a:stretch>
          </p:blipFill>
          <p:spPr>
            <a:xfrm>
              <a:off x="9153143" y="5282183"/>
              <a:ext cx="2578607" cy="1280160"/>
            </a:xfrm>
            <a:prstGeom prst="rect">
              <a:avLst/>
            </a:prstGeom>
          </p:spPr>
        </p:pic>
        <p:pic>
          <p:nvPicPr>
            <p:cNvPr id="10" name="object 10"/>
            <p:cNvPicPr/>
            <p:nvPr/>
          </p:nvPicPr>
          <p:blipFill>
            <a:blip r:embed="rId9" cstate="print"/>
            <a:stretch>
              <a:fillRect/>
            </a:stretch>
          </p:blipFill>
          <p:spPr>
            <a:xfrm>
              <a:off x="1530096" y="5282183"/>
              <a:ext cx="2581655" cy="1280160"/>
            </a:xfrm>
            <a:prstGeom prst="rect">
              <a:avLst/>
            </a:prstGeom>
          </p:spPr>
        </p:pic>
        <p:pic>
          <p:nvPicPr>
            <p:cNvPr id="11" name="object 11"/>
            <p:cNvPicPr/>
            <p:nvPr/>
          </p:nvPicPr>
          <p:blipFill>
            <a:blip r:embed="rId10" cstate="print"/>
            <a:stretch>
              <a:fillRect/>
            </a:stretch>
          </p:blipFill>
          <p:spPr>
            <a:xfrm>
              <a:off x="1530096" y="3273552"/>
              <a:ext cx="2581655" cy="1078992"/>
            </a:xfrm>
            <a:prstGeom prst="rect">
              <a:avLst/>
            </a:prstGeom>
          </p:spPr>
        </p:pic>
        <p:pic>
          <p:nvPicPr>
            <p:cNvPr id="12" name="object 12"/>
            <p:cNvPicPr/>
            <p:nvPr/>
          </p:nvPicPr>
          <p:blipFill>
            <a:blip r:embed="rId11" cstate="print"/>
            <a:stretch>
              <a:fillRect/>
            </a:stretch>
          </p:blipFill>
          <p:spPr>
            <a:xfrm>
              <a:off x="4084319" y="3279647"/>
              <a:ext cx="2581655" cy="1057656"/>
            </a:xfrm>
            <a:prstGeom prst="rect">
              <a:avLst/>
            </a:prstGeom>
          </p:spPr>
        </p:pic>
        <p:pic>
          <p:nvPicPr>
            <p:cNvPr id="13" name="object 13"/>
            <p:cNvPicPr/>
            <p:nvPr/>
          </p:nvPicPr>
          <p:blipFill>
            <a:blip r:embed="rId12" cstate="print"/>
            <a:stretch>
              <a:fillRect/>
            </a:stretch>
          </p:blipFill>
          <p:spPr>
            <a:xfrm>
              <a:off x="6611111" y="3279647"/>
              <a:ext cx="2581655" cy="1033271"/>
            </a:xfrm>
            <a:prstGeom prst="rect">
              <a:avLst/>
            </a:prstGeom>
          </p:spPr>
        </p:pic>
        <p:pic>
          <p:nvPicPr>
            <p:cNvPr id="14" name="object 14"/>
            <p:cNvPicPr/>
            <p:nvPr/>
          </p:nvPicPr>
          <p:blipFill>
            <a:blip r:embed="rId13" cstate="print"/>
            <a:stretch>
              <a:fillRect/>
            </a:stretch>
          </p:blipFill>
          <p:spPr>
            <a:xfrm>
              <a:off x="9153143" y="3279647"/>
              <a:ext cx="2578607" cy="1018032"/>
            </a:xfrm>
            <a:prstGeom prst="rect">
              <a:avLst/>
            </a:prstGeom>
          </p:spPr>
        </p:pic>
        <p:pic>
          <p:nvPicPr>
            <p:cNvPr id="15" name="object 15"/>
            <p:cNvPicPr/>
            <p:nvPr/>
          </p:nvPicPr>
          <p:blipFill>
            <a:blip r:embed="rId14" cstate="print"/>
            <a:stretch>
              <a:fillRect/>
            </a:stretch>
          </p:blipFill>
          <p:spPr>
            <a:xfrm>
              <a:off x="1530096" y="1594103"/>
              <a:ext cx="5135880" cy="1405128"/>
            </a:xfrm>
            <a:prstGeom prst="rect">
              <a:avLst/>
            </a:prstGeom>
          </p:spPr>
        </p:pic>
        <p:pic>
          <p:nvPicPr>
            <p:cNvPr id="16" name="object 16"/>
            <p:cNvPicPr/>
            <p:nvPr/>
          </p:nvPicPr>
          <p:blipFill>
            <a:blip r:embed="rId15" cstate="print"/>
            <a:stretch>
              <a:fillRect/>
            </a:stretch>
          </p:blipFill>
          <p:spPr>
            <a:xfrm>
              <a:off x="6611111" y="1594103"/>
              <a:ext cx="2581655" cy="1405127"/>
            </a:xfrm>
            <a:prstGeom prst="rect">
              <a:avLst/>
            </a:prstGeom>
          </p:spPr>
        </p:pic>
        <p:pic>
          <p:nvPicPr>
            <p:cNvPr id="17" name="object 17"/>
            <p:cNvPicPr/>
            <p:nvPr/>
          </p:nvPicPr>
          <p:blipFill>
            <a:blip r:embed="rId16" cstate="print"/>
            <a:stretch>
              <a:fillRect/>
            </a:stretch>
          </p:blipFill>
          <p:spPr>
            <a:xfrm>
              <a:off x="9150096" y="1594103"/>
              <a:ext cx="2578607" cy="1405127"/>
            </a:xfrm>
            <a:prstGeom prst="rect">
              <a:avLst/>
            </a:prstGeom>
          </p:spPr>
        </p:pic>
      </p:grpSp>
      <p:sp>
        <p:nvSpPr>
          <p:cNvPr id="18" name="object 18"/>
          <p:cNvSpPr txBox="1"/>
          <p:nvPr/>
        </p:nvSpPr>
        <p:spPr>
          <a:xfrm>
            <a:off x="1251991" y="1330451"/>
            <a:ext cx="3619739" cy="154305"/>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956" b="1" kern="0" spc="-6" dirty="0">
                <a:solidFill>
                  <a:srgbClr val="FFFFFF"/>
                </a:solidFill>
                <a:latin typeface="Segoe UI Semibold"/>
                <a:cs typeface="Segoe UI Semibold"/>
              </a:rPr>
              <a:t>Pretraining</a:t>
            </a:r>
            <a:r>
              <a:rPr sz="956" b="1" kern="0" dirty="0">
                <a:solidFill>
                  <a:srgbClr val="FFFFFF"/>
                </a:solidFill>
                <a:latin typeface="Segoe UI Semibold"/>
                <a:cs typeface="Segoe UI Semibold"/>
              </a:rPr>
              <a:t>	</a:t>
            </a:r>
            <a:r>
              <a:rPr sz="956" b="1" kern="0" spc="-26" dirty="0">
                <a:solidFill>
                  <a:srgbClr val="FFFFFF"/>
                </a:solidFill>
                <a:latin typeface="Segoe UI Semibold"/>
                <a:cs typeface="Segoe UI Semibold"/>
              </a:rPr>
              <a:t>Supervised</a:t>
            </a:r>
            <a:r>
              <a:rPr sz="956" b="1" kern="0" spc="-42" dirty="0">
                <a:solidFill>
                  <a:srgbClr val="FFFFFF"/>
                </a:solidFill>
                <a:latin typeface="Segoe UI Semibold"/>
                <a:cs typeface="Segoe UI Semibold"/>
              </a:rPr>
              <a:t> </a:t>
            </a:r>
            <a:r>
              <a:rPr sz="956" b="1" kern="0" spc="-6" dirty="0">
                <a:solidFill>
                  <a:srgbClr val="FFFFFF"/>
                </a:solidFill>
                <a:latin typeface="Segoe UI Semibold"/>
                <a:cs typeface="Segoe UI Semibold"/>
              </a:rPr>
              <a:t>Finetuning</a:t>
            </a:r>
            <a:r>
              <a:rPr sz="956" b="1" kern="0" dirty="0">
                <a:solidFill>
                  <a:srgbClr val="FFFFFF"/>
                </a:solidFill>
                <a:latin typeface="Segoe UI Semibold"/>
                <a:cs typeface="Segoe UI Semibold"/>
              </a:rPr>
              <a:t>	</a:t>
            </a:r>
            <a:r>
              <a:rPr sz="956" b="1" kern="0" spc="-34" dirty="0">
                <a:solidFill>
                  <a:srgbClr val="FFFFFF"/>
                </a:solidFill>
                <a:latin typeface="Segoe UI Semibold"/>
                <a:cs typeface="Segoe UI Semibold"/>
              </a:rPr>
              <a:t>Reward</a:t>
            </a:r>
            <a:r>
              <a:rPr sz="956" b="1" kern="0" spc="-37" dirty="0">
                <a:solidFill>
                  <a:srgbClr val="FFFFFF"/>
                </a:solidFill>
                <a:latin typeface="Segoe UI Semibold"/>
                <a:cs typeface="Segoe UI Semibold"/>
              </a:rPr>
              <a:t> </a:t>
            </a:r>
            <a:r>
              <a:rPr sz="956" b="1" kern="0" spc="-23" dirty="0">
                <a:solidFill>
                  <a:srgbClr val="FFFFFF"/>
                </a:solidFill>
                <a:latin typeface="Segoe UI Semibold"/>
                <a:cs typeface="Segoe UI Semibold"/>
              </a:rPr>
              <a:t>Modeling</a:t>
            </a:r>
            <a:endParaRPr sz="956" kern="0">
              <a:solidFill>
                <a:sysClr val="windowText" lastClr="000000"/>
              </a:solidFill>
              <a:latin typeface="Segoe UI Semibold"/>
              <a:cs typeface="Segoe UI Semibold"/>
            </a:endParaRPr>
          </a:p>
        </p:txBody>
      </p:sp>
      <p:sp>
        <p:nvSpPr>
          <p:cNvPr id="19" name="object 19"/>
          <p:cNvSpPr txBox="1"/>
          <p:nvPr/>
        </p:nvSpPr>
        <p:spPr>
          <a:xfrm>
            <a:off x="5218545" y="1330451"/>
            <a:ext cx="1254800" cy="154305"/>
          </a:xfrm>
          <a:prstGeom prst="rect">
            <a:avLst/>
          </a:prstGeom>
        </p:spPr>
        <p:txBody>
          <a:bodyPr vert="horz" wrap="square" lIns="0" tIns="7144" rIns="0" bIns="0" rtlCol="0">
            <a:spAutoFit/>
          </a:bodyPr>
          <a:lstStyle/>
          <a:p>
            <a:pPr marL="7144" defTabSz="514350">
              <a:spcBef>
                <a:spcPts val="56"/>
              </a:spcBef>
            </a:pPr>
            <a:r>
              <a:rPr sz="956" b="1" kern="0" spc="-34" dirty="0">
                <a:solidFill>
                  <a:srgbClr val="FFFFFF"/>
                </a:solidFill>
                <a:latin typeface="Segoe UI Semibold"/>
                <a:cs typeface="Segoe UI Semibold"/>
              </a:rPr>
              <a:t>Reinforcement</a:t>
            </a:r>
            <a:r>
              <a:rPr sz="956" b="1" kern="0" spc="-23" dirty="0">
                <a:solidFill>
                  <a:srgbClr val="FFFFFF"/>
                </a:solidFill>
                <a:latin typeface="Segoe UI Semibold"/>
                <a:cs typeface="Segoe UI Semibold"/>
              </a:rPr>
              <a:t> </a:t>
            </a:r>
            <a:r>
              <a:rPr sz="956" b="1" kern="0" spc="-26" dirty="0">
                <a:solidFill>
                  <a:srgbClr val="FFFFFF"/>
                </a:solidFill>
                <a:latin typeface="Segoe UI Semibold"/>
                <a:cs typeface="Segoe UI Semibold"/>
              </a:rPr>
              <a:t>Learning</a:t>
            </a:r>
            <a:endParaRPr sz="956" kern="0">
              <a:solidFill>
                <a:sysClr val="windowText" lastClr="000000"/>
              </a:solidFill>
              <a:latin typeface="Segoe UI Semibold"/>
              <a:cs typeface="Segoe UI Semibold"/>
            </a:endParaRPr>
          </a:p>
        </p:txBody>
      </p:sp>
      <p:sp>
        <p:nvSpPr>
          <p:cNvPr id="20" name="object 20"/>
          <p:cNvSpPr txBox="1"/>
          <p:nvPr/>
        </p:nvSpPr>
        <p:spPr>
          <a:xfrm>
            <a:off x="2408497" y="3037807"/>
            <a:ext cx="202169" cy="198291"/>
          </a:xfrm>
          <a:prstGeom prst="rect">
            <a:avLst/>
          </a:prstGeom>
        </p:spPr>
        <p:txBody>
          <a:bodyPr vert="horz" wrap="square" lIns="0" tIns="18573" rIns="0" bIns="0" rtlCol="0">
            <a:spAutoFit/>
          </a:bodyPr>
          <a:lstStyle/>
          <a:p>
            <a:pPr marL="7144" marR="2858" defTabSz="514350">
              <a:lnSpc>
                <a:spcPts val="731"/>
              </a:lnSpc>
              <a:spcBef>
                <a:spcPts val="146"/>
              </a:spcBef>
            </a:pPr>
            <a:r>
              <a:rPr sz="675" b="1" kern="0" spc="-11" dirty="0">
                <a:solidFill>
                  <a:srgbClr val="FFE399"/>
                </a:solidFill>
                <a:latin typeface="Segoe UI Semibold"/>
                <a:cs typeface="Segoe UI Semibold"/>
              </a:rPr>
              <a:t>init from</a:t>
            </a:r>
            <a:endParaRPr sz="675" kern="0">
              <a:solidFill>
                <a:sysClr val="windowText" lastClr="000000"/>
              </a:solidFill>
              <a:latin typeface="Segoe UI Semibold"/>
              <a:cs typeface="Segoe UI Semibold"/>
            </a:endParaRPr>
          </a:p>
        </p:txBody>
      </p:sp>
      <p:sp>
        <p:nvSpPr>
          <p:cNvPr id="21" name="object 21"/>
          <p:cNvSpPr txBox="1"/>
          <p:nvPr/>
        </p:nvSpPr>
        <p:spPr>
          <a:xfrm>
            <a:off x="470964" y="1330451"/>
            <a:ext cx="312539"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Stage</a:t>
            </a:r>
            <a:endParaRPr sz="956" kern="0">
              <a:solidFill>
                <a:sysClr val="windowText" lastClr="000000"/>
              </a:solidFill>
              <a:latin typeface="Segoe UI"/>
              <a:cs typeface="Segoe UI"/>
            </a:endParaRPr>
          </a:p>
        </p:txBody>
      </p:sp>
      <p:sp>
        <p:nvSpPr>
          <p:cNvPr id="22" name="object 22"/>
          <p:cNvSpPr txBox="1"/>
          <p:nvPr/>
        </p:nvSpPr>
        <p:spPr>
          <a:xfrm>
            <a:off x="363450" y="1807082"/>
            <a:ext cx="420053"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Dataset</a:t>
            </a:r>
            <a:endParaRPr sz="956" kern="0">
              <a:solidFill>
                <a:sysClr val="windowText" lastClr="000000"/>
              </a:solidFill>
              <a:latin typeface="Segoe UI"/>
              <a:cs typeface="Segoe UI"/>
            </a:endParaRPr>
          </a:p>
        </p:txBody>
      </p:sp>
      <p:sp>
        <p:nvSpPr>
          <p:cNvPr id="23" name="object 23"/>
          <p:cNvSpPr txBox="1"/>
          <p:nvPr/>
        </p:nvSpPr>
        <p:spPr>
          <a:xfrm>
            <a:off x="232184" y="2664333"/>
            <a:ext cx="551141"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Algorithm</a:t>
            </a:r>
            <a:endParaRPr sz="956" kern="0">
              <a:solidFill>
                <a:sysClr val="windowText" lastClr="000000"/>
              </a:solidFill>
              <a:latin typeface="Segoe UI"/>
              <a:cs typeface="Segoe UI"/>
            </a:endParaRPr>
          </a:p>
        </p:txBody>
      </p:sp>
      <p:sp>
        <p:nvSpPr>
          <p:cNvPr id="24" name="object 24"/>
          <p:cNvSpPr txBox="1"/>
          <p:nvPr/>
        </p:nvSpPr>
        <p:spPr>
          <a:xfrm>
            <a:off x="424173" y="3356992"/>
            <a:ext cx="358973" cy="632962"/>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Model</a:t>
            </a:r>
            <a:endParaRPr sz="956" kern="0">
              <a:solidFill>
                <a:sysClr val="windowText" lastClr="000000"/>
              </a:solidFill>
              <a:latin typeface="Segoe UI"/>
              <a:cs typeface="Segoe UI"/>
            </a:endParaRPr>
          </a:p>
          <a:p>
            <a:pPr defTabSz="514350"/>
            <a:endParaRPr sz="1238" kern="0">
              <a:solidFill>
                <a:sysClr val="windowText" lastClr="000000"/>
              </a:solidFill>
              <a:latin typeface="Segoe UI"/>
              <a:cs typeface="Segoe UI"/>
            </a:endParaRPr>
          </a:p>
          <a:p>
            <a:pPr marL="33933" defTabSz="514350">
              <a:spcBef>
                <a:spcPts val="1080"/>
              </a:spcBef>
            </a:pPr>
            <a:r>
              <a:rPr sz="956" kern="0" spc="-6" dirty="0">
                <a:solidFill>
                  <a:srgbClr val="FFFFFF"/>
                </a:solidFill>
                <a:latin typeface="Segoe UI"/>
                <a:cs typeface="Segoe UI"/>
              </a:rPr>
              <a:t>Notes</a:t>
            </a:r>
            <a:endParaRPr sz="956" kern="0">
              <a:solidFill>
                <a:sysClr val="windowText" lastClr="000000"/>
              </a:solidFill>
              <a:latin typeface="Segoe UI"/>
              <a:cs typeface="Segoe UI"/>
            </a:endParaRPr>
          </a:p>
        </p:txBody>
      </p:sp>
      <p:grpSp>
        <p:nvGrpSpPr>
          <p:cNvPr id="25" name="object 25"/>
          <p:cNvGrpSpPr/>
          <p:nvPr/>
        </p:nvGrpSpPr>
        <p:grpSpPr>
          <a:xfrm>
            <a:off x="3456432" y="1611631"/>
            <a:ext cx="3063955" cy="248602"/>
            <a:chOff x="6144767" y="1722120"/>
            <a:chExt cx="5447030" cy="441959"/>
          </a:xfrm>
        </p:grpSpPr>
        <p:pic>
          <p:nvPicPr>
            <p:cNvPr id="26" name="object 26"/>
            <p:cNvPicPr/>
            <p:nvPr/>
          </p:nvPicPr>
          <p:blipFill>
            <a:blip r:embed="rId17" cstate="print"/>
            <a:stretch>
              <a:fillRect/>
            </a:stretch>
          </p:blipFill>
          <p:spPr>
            <a:xfrm>
              <a:off x="6169151" y="1749552"/>
              <a:ext cx="359664" cy="414527"/>
            </a:xfrm>
            <a:prstGeom prst="rect">
              <a:avLst/>
            </a:prstGeom>
          </p:spPr>
        </p:pic>
        <p:pic>
          <p:nvPicPr>
            <p:cNvPr id="27" name="object 27"/>
            <p:cNvPicPr/>
            <p:nvPr/>
          </p:nvPicPr>
          <p:blipFill>
            <a:blip r:embed="rId18" cstate="print"/>
            <a:stretch>
              <a:fillRect/>
            </a:stretch>
          </p:blipFill>
          <p:spPr>
            <a:xfrm>
              <a:off x="6144767" y="1722120"/>
              <a:ext cx="231648" cy="289560"/>
            </a:xfrm>
            <a:prstGeom prst="rect">
              <a:avLst/>
            </a:prstGeom>
          </p:spPr>
        </p:pic>
        <p:pic>
          <p:nvPicPr>
            <p:cNvPr id="28" name="object 28"/>
            <p:cNvPicPr/>
            <p:nvPr/>
          </p:nvPicPr>
          <p:blipFill>
            <a:blip r:embed="rId19" cstate="print"/>
            <a:stretch>
              <a:fillRect/>
            </a:stretch>
          </p:blipFill>
          <p:spPr>
            <a:xfrm>
              <a:off x="8689847" y="1749552"/>
              <a:ext cx="356616" cy="414527"/>
            </a:xfrm>
            <a:prstGeom prst="rect">
              <a:avLst/>
            </a:prstGeom>
          </p:spPr>
        </p:pic>
        <p:pic>
          <p:nvPicPr>
            <p:cNvPr id="29" name="object 29"/>
            <p:cNvPicPr/>
            <p:nvPr/>
          </p:nvPicPr>
          <p:blipFill>
            <a:blip r:embed="rId20" cstate="print"/>
            <a:stretch>
              <a:fillRect/>
            </a:stretch>
          </p:blipFill>
          <p:spPr>
            <a:xfrm>
              <a:off x="8662416" y="1722120"/>
              <a:ext cx="231648" cy="289560"/>
            </a:xfrm>
            <a:prstGeom prst="rect">
              <a:avLst/>
            </a:prstGeom>
          </p:spPr>
        </p:pic>
        <p:pic>
          <p:nvPicPr>
            <p:cNvPr id="30" name="object 30"/>
            <p:cNvPicPr/>
            <p:nvPr/>
          </p:nvPicPr>
          <p:blipFill>
            <a:blip r:embed="rId21" cstate="print"/>
            <a:stretch>
              <a:fillRect/>
            </a:stretch>
          </p:blipFill>
          <p:spPr>
            <a:xfrm>
              <a:off x="11231879" y="1749552"/>
              <a:ext cx="359664" cy="414527"/>
            </a:xfrm>
            <a:prstGeom prst="rect">
              <a:avLst/>
            </a:prstGeom>
          </p:spPr>
        </p:pic>
        <p:pic>
          <p:nvPicPr>
            <p:cNvPr id="31" name="object 31"/>
            <p:cNvPicPr/>
            <p:nvPr/>
          </p:nvPicPr>
          <p:blipFill>
            <a:blip r:embed="rId22" cstate="print"/>
            <a:stretch>
              <a:fillRect/>
            </a:stretch>
          </p:blipFill>
          <p:spPr>
            <a:xfrm>
              <a:off x="11207496" y="1722120"/>
              <a:ext cx="231648" cy="289560"/>
            </a:xfrm>
            <a:prstGeom prst="rect">
              <a:avLst/>
            </a:prstGeom>
          </p:spPr>
        </p:pic>
      </p:grpSp>
      <p:sp>
        <p:nvSpPr>
          <p:cNvPr id="32" name="object 32"/>
          <p:cNvSpPr txBox="1"/>
          <p:nvPr/>
        </p:nvSpPr>
        <p:spPr>
          <a:xfrm>
            <a:off x="3821991" y="3037807"/>
            <a:ext cx="202169" cy="198291"/>
          </a:xfrm>
          <a:prstGeom prst="rect">
            <a:avLst/>
          </a:prstGeom>
        </p:spPr>
        <p:txBody>
          <a:bodyPr vert="horz" wrap="square" lIns="0" tIns="18573" rIns="0" bIns="0" rtlCol="0">
            <a:spAutoFit/>
          </a:bodyPr>
          <a:lstStyle/>
          <a:p>
            <a:pPr marL="7144" marR="2858" defTabSz="514350">
              <a:lnSpc>
                <a:spcPts val="731"/>
              </a:lnSpc>
              <a:spcBef>
                <a:spcPts val="146"/>
              </a:spcBef>
            </a:pPr>
            <a:r>
              <a:rPr sz="675" b="1" kern="0" spc="-11" dirty="0">
                <a:solidFill>
                  <a:srgbClr val="FFE399"/>
                </a:solidFill>
                <a:latin typeface="Segoe UI Semibold"/>
                <a:cs typeface="Segoe UI Semibold"/>
              </a:rPr>
              <a:t>init from</a:t>
            </a:r>
            <a:endParaRPr sz="675" kern="0">
              <a:solidFill>
                <a:sysClr val="windowText" lastClr="000000"/>
              </a:solidFill>
              <a:latin typeface="Segoe UI Semibold"/>
              <a:cs typeface="Segoe UI Semibold"/>
            </a:endParaRPr>
          </a:p>
        </p:txBody>
      </p:sp>
      <p:sp>
        <p:nvSpPr>
          <p:cNvPr id="33" name="object 33"/>
          <p:cNvSpPr txBox="1"/>
          <p:nvPr/>
        </p:nvSpPr>
        <p:spPr>
          <a:xfrm>
            <a:off x="5254508" y="3041237"/>
            <a:ext cx="494705" cy="196849"/>
          </a:xfrm>
          <a:prstGeom prst="rect">
            <a:avLst/>
          </a:prstGeom>
        </p:spPr>
        <p:txBody>
          <a:bodyPr vert="horz" wrap="square" lIns="0" tIns="17145" rIns="0" bIns="0" rtlCol="0">
            <a:spAutoFit/>
          </a:bodyPr>
          <a:lstStyle/>
          <a:p>
            <a:pPr marL="7144" marR="2858" defTabSz="514350">
              <a:lnSpc>
                <a:spcPts val="743"/>
              </a:lnSpc>
              <a:spcBef>
                <a:spcPts val="135"/>
              </a:spcBef>
            </a:pPr>
            <a:r>
              <a:rPr sz="675" b="1" kern="0" spc="-11" dirty="0">
                <a:solidFill>
                  <a:srgbClr val="FFE399"/>
                </a:solidFill>
                <a:latin typeface="Segoe UI Semibold"/>
                <a:cs typeface="Segoe UI Semibold"/>
              </a:rPr>
              <a:t>init</a:t>
            </a:r>
            <a:r>
              <a:rPr sz="675" b="1" kern="0" spc="-31" dirty="0">
                <a:solidFill>
                  <a:srgbClr val="FFE399"/>
                </a:solidFill>
                <a:latin typeface="Segoe UI Semibold"/>
                <a:cs typeface="Segoe UI Semibold"/>
              </a:rPr>
              <a:t> </a:t>
            </a:r>
            <a:r>
              <a:rPr sz="675" b="1" kern="0" spc="-11" dirty="0">
                <a:solidFill>
                  <a:srgbClr val="FFE399"/>
                </a:solidFill>
                <a:latin typeface="Segoe UI Semibold"/>
                <a:cs typeface="Segoe UI Semibold"/>
              </a:rPr>
              <a:t>from</a:t>
            </a:r>
            <a:r>
              <a:rPr sz="675" b="1" kern="0" spc="-23" dirty="0">
                <a:solidFill>
                  <a:srgbClr val="FFE399"/>
                </a:solidFill>
                <a:latin typeface="Segoe UI Semibold"/>
                <a:cs typeface="Segoe UI Semibold"/>
              </a:rPr>
              <a:t> </a:t>
            </a:r>
            <a:r>
              <a:rPr sz="675" b="1" kern="0" spc="-14" dirty="0">
                <a:solidFill>
                  <a:srgbClr val="FFE399"/>
                </a:solidFill>
                <a:latin typeface="Segoe UI Semibold"/>
                <a:cs typeface="Segoe UI Semibold"/>
              </a:rPr>
              <a:t>SFT </a:t>
            </a:r>
            <a:r>
              <a:rPr sz="675" b="1" kern="0" spc="-6" dirty="0">
                <a:solidFill>
                  <a:srgbClr val="FFE399"/>
                </a:solidFill>
                <a:latin typeface="Segoe UI Semibold"/>
                <a:cs typeface="Segoe UI Semibold"/>
              </a:rPr>
              <a:t>use</a:t>
            </a:r>
            <a:r>
              <a:rPr sz="675" b="1" kern="0" spc="-42" dirty="0">
                <a:solidFill>
                  <a:srgbClr val="FFE399"/>
                </a:solidFill>
                <a:latin typeface="Segoe UI Semibold"/>
                <a:cs typeface="Segoe UI Semibold"/>
              </a:rPr>
              <a:t> </a:t>
            </a:r>
            <a:r>
              <a:rPr sz="675" b="1" kern="0" spc="-14" dirty="0">
                <a:solidFill>
                  <a:srgbClr val="FFE399"/>
                </a:solidFill>
                <a:latin typeface="Segoe UI Semibold"/>
                <a:cs typeface="Segoe UI Semibold"/>
              </a:rPr>
              <a:t>RM</a:t>
            </a:r>
            <a:endParaRPr sz="675" kern="0">
              <a:solidFill>
                <a:sysClr val="windowText" lastClr="000000"/>
              </a:solidFill>
              <a:latin typeface="Segoe UI Semibold"/>
              <a:cs typeface="Segoe UI Semibold"/>
            </a:endParaRPr>
          </a:p>
        </p:txBody>
      </p:sp>
      <p:grpSp>
        <p:nvGrpSpPr>
          <p:cNvPr id="34" name="object 34"/>
          <p:cNvGrpSpPr/>
          <p:nvPr/>
        </p:nvGrpSpPr>
        <p:grpSpPr>
          <a:xfrm>
            <a:off x="1456577" y="2274666"/>
            <a:ext cx="4594146" cy="1053346"/>
            <a:chOff x="2589471" y="2900851"/>
            <a:chExt cx="8167370" cy="1872614"/>
          </a:xfrm>
        </p:grpSpPr>
        <p:pic>
          <p:nvPicPr>
            <p:cNvPr id="35" name="object 35"/>
            <p:cNvPicPr/>
            <p:nvPr/>
          </p:nvPicPr>
          <p:blipFill>
            <a:blip r:embed="rId23" cstate="print"/>
            <a:stretch>
              <a:fillRect/>
            </a:stretch>
          </p:blipFill>
          <p:spPr>
            <a:xfrm>
              <a:off x="2615184" y="2926079"/>
              <a:ext cx="438912" cy="438912"/>
            </a:xfrm>
            <a:prstGeom prst="rect">
              <a:avLst/>
            </a:prstGeom>
          </p:spPr>
        </p:pic>
        <p:pic>
          <p:nvPicPr>
            <p:cNvPr id="36" name="object 36"/>
            <p:cNvPicPr/>
            <p:nvPr/>
          </p:nvPicPr>
          <p:blipFill>
            <a:blip r:embed="rId24" cstate="print"/>
            <a:stretch>
              <a:fillRect/>
            </a:stretch>
          </p:blipFill>
          <p:spPr>
            <a:xfrm>
              <a:off x="2589471" y="2900851"/>
              <a:ext cx="310476" cy="310539"/>
            </a:xfrm>
            <a:prstGeom prst="rect">
              <a:avLst/>
            </a:prstGeom>
          </p:spPr>
        </p:pic>
        <p:pic>
          <p:nvPicPr>
            <p:cNvPr id="37" name="object 37"/>
            <p:cNvPicPr/>
            <p:nvPr/>
          </p:nvPicPr>
          <p:blipFill>
            <a:blip r:embed="rId25" cstate="print"/>
            <a:stretch>
              <a:fillRect/>
            </a:stretch>
          </p:blipFill>
          <p:spPr>
            <a:xfrm>
              <a:off x="5166360" y="2926079"/>
              <a:ext cx="441960" cy="438912"/>
            </a:xfrm>
            <a:prstGeom prst="rect">
              <a:avLst/>
            </a:prstGeom>
          </p:spPr>
        </p:pic>
        <p:pic>
          <p:nvPicPr>
            <p:cNvPr id="38" name="object 38"/>
            <p:cNvPicPr/>
            <p:nvPr/>
          </p:nvPicPr>
          <p:blipFill>
            <a:blip r:embed="rId26" cstate="print"/>
            <a:stretch>
              <a:fillRect/>
            </a:stretch>
          </p:blipFill>
          <p:spPr>
            <a:xfrm>
              <a:off x="5143124" y="2900851"/>
              <a:ext cx="310476" cy="310539"/>
            </a:xfrm>
            <a:prstGeom prst="rect">
              <a:avLst/>
            </a:prstGeom>
          </p:spPr>
        </p:pic>
        <p:pic>
          <p:nvPicPr>
            <p:cNvPr id="39" name="object 39"/>
            <p:cNvPicPr/>
            <p:nvPr/>
          </p:nvPicPr>
          <p:blipFill>
            <a:blip r:embed="rId27" cstate="print"/>
            <a:stretch>
              <a:fillRect/>
            </a:stretch>
          </p:blipFill>
          <p:spPr>
            <a:xfrm>
              <a:off x="7693151" y="2926079"/>
              <a:ext cx="441959" cy="438912"/>
            </a:xfrm>
            <a:prstGeom prst="rect">
              <a:avLst/>
            </a:prstGeom>
          </p:spPr>
        </p:pic>
        <p:pic>
          <p:nvPicPr>
            <p:cNvPr id="40" name="object 40"/>
            <p:cNvPicPr/>
            <p:nvPr/>
          </p:nvPicPr>
          <p:blipFill>
            <a:blip r:embed="rId28" cstate="print"/>
            <a:stretch>
              <a:fillRect/>
            </a:stretch>
          </p:blipFill>
          <p:spPr>
            <a:xfrm>
              <a:off x="7669662" y="2900851"/>
              <a:ext cx="310476" cy="310539"/>
            </a:xfrm>
            <a:prstGeom prst="rect">
              <a:avLst/>
            </a:prstGeom>
          </p:spPr>
        </p:pic>
        <p:pic>
          <p:nvPicPr>
            <p:cNvPr id="41" name="object 41"/>
            <p:cNvPicPr/>
            <p:nvPr/>
          </p:nvPicPr>
          <p:blipFill>
            <a:blip r:embed="rId29" cstate="print"/>
            <a:stretch>
              <a:fillRect/>
            </a:stretch>
          </p:blipFill>
          <p:spPr>
            <a:xfrm>
              <a:off x="10314432" y="2926079"/>
              <a:ext cx="441959" cy="438912"/>
            </a:xfrm>
            <a:prstGeom prst="rect">
              <a:avLst/>
            </a:prstGeom>
          </p:spPr>
        </p:pic>
        <p:pic>
          <p:nvPicPr>
            <p:cNvPr id="42" name="object 42"/>
            <p:cNvPicPr/>
            <p:nvPr/>
          </p:nvPicPr>
          <p:blipFill>
            <a:blip r:embed="rId30" cstate="print"/>
            <a:stretch>
              <a:fillRect/>
            </a:stretch>
          </p:blipFill>
          <p:spPr>
            <a:xfrm>
              <a:off x="10289680" y="2900851"/>
              <a:ext cx="310476" cy="310539"/>
            </a:xfrm>
            <a:prstGeom prst="rect">
              <a:avLst/>
            </a:prstGeom>
          </p:spPr>
        </p:pic>
        <p:pic>
          <p:nvPicPr>
            <p:cNvPr id="43" name="object 43"/>
            <p:cNvPicPr/>
            <p:nvPr/>
          </p:nvPicPr>
          <p:blipFill>
            <a:blip r:embed="rId31" cstate="print"/>
            <a:stretch>
              <a:fillRect/>
            </a:stretch>
          </p:blipFill>
          <p:spPr>
            <a:xfrm>
              <a:off x="2615184" y="4334255"/>
              <a:ext cx="438912" cy="438912"/>
            </a:xfrm>
            <a:prstGeom prst="rect">
              <a:avLst/>
            </a:prstGeom>
          </p:spPr>
        </p:pic>
        <p:pic>
          <p:nvPicPr>
            <p:cNvPr id="44" name="object 44"/>
            <p:cNvPicPr/>
            <p:nvPr/>
          </p:nvPicPr>
          <p:blipFill>
            <a:blip r:embed="rId32" cstate="print"/>
            <a:stretch>
              <a:fillRect/>
            </a:stretch>
          </p:blipFill>
          <p:spPr>
            <a:xfrm>
              <a:off x="2589471" y="4308545"/>
              <a:ext cx="310476" cy="310539"/>
            </a:xfrm>
            <a:prstGeom prst="rect">
              <a:avLst/>
            </a:prstGeom>
          </p:spPr>
        </p:pic>
        <p:pic>
          <p:nvPicPr>
            <p:cNvPr id="45" name="object 45"/>
            <p:cNvPicPr/>
            <p:nvPr/>
          </p:nvPicPr>
          <p:blipFill>
            <a:blip r:embed="rId33" cstate="print"/>
            <a:stretch>
              <a:fillRect/>
            </a:stretch>
          </p:blipFill>
          <p:spPr>
            <a:xfrm>
              <a:off x="5166360" y="4334255"/>
              <a:ext cx="441960" cy="438912"/>
            </a:xfrm>
            <a:prstGeom prst="rect">
              <a:avLst/>
            </a:prstGeom>
          </p:spPr>
        </p:pic>
        <p:pic>
          <p:nvPicPr>
            <p:cNvPr id="46" name="object 46"/>
            <p:cNvPicPr/>
            <p:nvPr/>
          </p:nvPicPr>
          <p:blipFill>
            <a:blip r:embed="rId34" cstate="print"/>
            <a:stretch>
              <a:fillRect/>
            </a:stretch>
          </p:blipFill>
          <p:spPr>
            <a:xfrm>
              <a:off x="5143125" y="4308545"/>
              <a:ext cx="310476" cy="310539"/>
            </a:xfrm>
            <a:prstGeom prst="rect">
              <a:avLst/>
            </a:prstGeom>
          </p:spPr>
        </p:pic>
        <p:pic>
          <p:nvPicPr>
            <p:cNvPr id="47" name="object 47"/>
            <p:cNvPicPr/>
            <p:nvPr/>
          </p:nvPicPr>
          <p:blipFill>
            <a:blip r:embed="rId35" cstate="print"/>
            <a:stretch>
              <a:fillRect/>
            </a:stretch>
          </p:blipFill>
          <p:spPr>
            <a:xfrm>
              <a:off x="7693151" y="4334255"/>
              <a:ext cx="441959" cy="438912"/>
            </a:xfrm>
            <a:prstGeom prst="rect">
              <a:avLst/>
            </a:prstGeom>
          </p:spPr>
        </p:pic>
        <p:pic>
          <p:nvPicPr>
            <p:cNvPr id="48" name="object 48"/>
            <p:cNvPicPr/>
            <p:nvPr/>
          </p:nvPicPr>
          <p:blipFill>
            <a:blip r:embed="rId36" cstate="print"/>
            <a:stretch>
              <a:fillRect/>
            </a:stretch>
          </p:blipFill>
          <p:spPr>
            <a:xfrm>
              <a:off x="7669662" y="4308545"/>
              <a:ext cx="310476" cy="310539"/>
            </a:xfrm>
            <a:prstGeom prst="rect">
              <a:avLst/>
            </a:prstGeom>
          </p:spPr>
        </p:pic>
        <p:pic>
          <p:nvPicPr>
            <p:cNvPr id="49" name="object 49"/>
            <p:cNvPicPr/>
            <p:nvPr/>
          </p:nvPicPr>
          <p:blipFill>
            <a:blip r:embed="rId37" cstate="print"/>
            <a:stretch>
              <a:fillRect/>
            </a:stretch>
          </p:blipFill>
          <p:spPr>
            <a:xfrm>
              <a:off x="10314432" y="4334255"/>
              <a:ext cx="441959" cy="438912"/>
            </a:xfrm>
            <a:prstGeom prst="rect">
              <a:avLst/>
            </a:prstGeom>
          </p:spPr>
        </p:pic>
        <p:pic>
          <p:nvPicPr>
            <p:cNvPr id="50" name="object 50"/>
            <p:cNvPicPr/>
            <p:nvPr/>
          </p:nvPicPr>
          <p:blipFill>
            <a:blip r:embed="rId38" cstate="print"/>
            <a:stretch>
              <a:fillRect/>
            </a:stretch>
          </p:blipFill>
          <p:spPr>
            <a:xfrm>
              <a:off x="10289680" y="4308545"/>
              <a:ext cx="310476" cy="310539"/>
            </a:xfrm>
            <a:prstGeom prst="rect">
              <a:avLst/>
            </a:prstGeom>
          </p:spPr>
        </p:pic>
        <p:pic>
          <p:nvPicPr>
            <p:cNvPr id="51" name="object 51"/>
            <p:cNvPicPr/>
            <p:nvPr/>
          </p:nvPicPr>
          <p:blipFill>
            <a:blip r:embed="rId39" cstate="print"/>
            <a:stretch>
              <a:fillRect/>
            </a:stretch>
          </p:blipFill>
          <p:spPr>
            <a:xfrm>
              <a:off x="6428231" y="4325111"/>
              <a:ext cx="441960" cy="441960"/>
            </a:xfrm>
            <a:prstGeom prst="rect">
              <a:avLst/>
            </a:prstGeom>
          </p:spPr>
        </p:pic>
        <p:pic>
          <p:nvPicPr>
            <p:cNvPr id="52" name="object 52"/>
            <p:cNvPicPr/>
            <p:nvPr/>
          </p:nvPicPr>
          <p:blipFill>
            <a:blip r:embed="rId40" cstate="print"/>
            <a:stretch>
              <a:fillRect/>
            </a:stretch>
          </p:blipFill>
          <p:spPr>
            <a:xfrm>
              <a:off x="6404418" y="4301959"/>
              <a:ext cx="308498" cy="308498"/>
            </a:xfrm>
            <a:prstGeom prst="rect">
              <a:avLst/>
            </a:prstGeom>
          </p:spPr>
        </p:pic>
        <p:pic>
          <p:nvPicPr>
            <p:cNvPr id="53" name="object 53"/>
            <p:cNvPicPr/>
            <p:nvPr/>
          </p:nvPicPr>
          <p:blipFill>
            <a:blip r:embed="rId41" cstate="print"/>
            <a:stretch>
              <a:fillRect/>
            </a:stretch>
          </p:blipFill>
          <p:spPr>
            <a:xfrm>
              <a:off x="8976360" y="4325111"/>
              <a:ext cx="438911" cy="441960"/>
            </a:xfrm>
            <a:prstGeom prst="rect">
              <a:avLst/>
            </a:prstGeom>
          </p:spPr>
        </p:pic>
        <p:pic>
          <p:nvPicPr>
            <p:cNvPr id="54" name="object 54"/>
            <p:cNvPicPr/>
            <p:nvPr/>
          </p:nvPicPr>
          <p:blipFill>
            <a:blip r:embed="rId42" cstate="print"/>
            <a:stretch>
              <a:fillRect/>
            </a:stretch>
          </p:blipFill>
          <p:spPr>
            <a:xfrm>
              <a:off x="8951813" y="4301958"/>
              <a:ext cx="308498" cy="308498"/>
            </a:xfrm>
            <a:prstGeom prst="rect">
              <a:avLst/>
            </a:prstGeom>
          </p:spPr>
        </p:pic>
        <p:pic>
          <p:nvPicPr>
            <p:cNvPr id="55" name="object 55"/>
            <p:cNvPicPr/>
            <p:nvPr/>
          </p:nvPicPr>
          <p:blipFill>
            <a:blip r:embed="rId43" cstate="print"/>
            <a:stretch>
              <a:fillRect/>
            </a:stretch>
          </p:blipFill>
          <p:spPr>
            <a:xfrm>
              <a:off x="3880104" y="4325111"/>
              <a:ext cx="441960" cy="441960"/>
            </a:xfrm>
            <a:prstGeom prst="rect">
              <a:avLst/>
            </a:prstGeom>
          </p:spPr>
        </p:pic>
        <p:pic>
          <p:nvPicPr>
            <p:cNvPr id="56" name="object 56"/>
            <p:cNvPicPr/>
            <p:nvPr/>
          </p:nvPicPr>
          <p:blipFill>
            <a:blip r:embed="rId44" cstate="print"/>
            <a:stretch>
              <a:fillRect/>
            </a:stretch>
          </p:blipFill>
          <p:spPr>
            <a:xfrm>
              <a:off x="3857025" y="4301960"/>
              <a:ext cx="308498" cy="308498"/>
            </a:xfrm>
            <a:prstGeom prst="rect">
              <a:avLst/>
            </a:prstGeom>
          </p:spPr>
        </p:pic>
      </p:grpSp>
      <p:sp>
        <p:nvSpPr>
          <p:cNvPr id="57" name="Rectangle 56">
            <a:extLst>
              <a:ext uri="{FF2B5EF4-FFF2-40B4-BE49-F238E27FC236}">
                <a16:creationId xmlns:a16="http://schemas.microsoft.com/office/drawing/2014/main" id="{71A3CF5B-066A-082A-30A4-AE8C0A7189DC}"/>
              </a:ext>
            </a:extLst>
          </p:cNvPr>
          <p:cNvSpPr/>
          <p:nvPr/>
        </p:nvSpPr>
        <p:spPr bwMode="auto">
          <a:xfrm>
            <a:off x="2278483" y="1330452"/>
            <a:ext cx="4347333" cy="3144272"/>
          </a:xfrm>
          <a:prstGeom prst="rect">
            <a:avLst/>
          </a:prstGeom>
          <a:no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extLst>
      <p:ext uri="{BB962C8B-B14F-4D97-AF65-F5344CB8AC3E}">
        <p14:creationId xmlns:p14="http://schemas.microsoft.com/office/powerpoint/2010/main" val="12798879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C7966F0-D27F-C889-658D-1E2BC6F1B849}"/>
              </a:ext>
            </a:extLst>
          </p:cNvPr>
          <p:cNvSpPr>
            <a:spLocks noGrp="1"/>
          </p:cNvSpPr>
          <p:nvPr>
            <p:ph sz="half" idx="2"/>
          </p:nvPr>
        </p:nvSpPr>
        <p:spPr>
          <a:xfrm>
            <a:off x="3486150" y="70582"/>
            <a:ext cx="3028950" cy="3744685"/>
          </a:xfrm>
        </p:spPr>
        <p:txBody>
          <a:bodyPr/>
          <a:lstStyle/>
          <a:p>
            <a:pPr marL="0" indent="0">
              <a:buNone/>
            </a:pPr>
            <a:r>
              <a:rPr lang="en-US" sz="1800" dirty="0"/>
              <a:t>What impacts where the arrow will go?</a:t>
            </a:r>
          </a:p>
          <a:p>
            <a:pPr marL="285750" indent="-285750">
              <a:buFont typeface="Arial" panose="020B0604020202020204" pitchFamily="34" charset="0"/>
              <a:buChar char="•"/>
            </a:pPr>
            <a:r>
              <a:rPr lang="en-US" sz="1800" dirty="0"/>
              <a:t>Distance from target</a:t>
            </a:r>
          </a:p>
          <a:p>
            <a:pPr marL="285750" indent="-285750">
              <a:buFont typeface="Arial" panose="020B0604020202020204" pitchFamily="34" charset="0"/>
              <a:buChar char="•"/>
            </a:pPr>
            <a:r>
              <a:rPr lang="en-US" sz="1800" dirty="0"/>
              <a:t>Force of draw</a:t>
            </a:r>
          </a:p>
          <a:p>
            <a:pPr marL="285750" indent="-285750">
              <a:buFont typeface="Arial" panose="020B0604020202020204" pitchFamily="34" charset="0"/>
              <a:buChar char="•"/>
            </a:pPr>
            <a:r>
              <a:rPr lang="en-US" sz="1800" dirty="0"/>
              <a:t>Height from ground</a:t>
            </a:r>
          </a:p>
          <a:p>
            <a:pPr marL="285750" indent="-285750">
              <a:buFont typeface="Arial" panose="020B0604020202020204" pitchFamily="34" charset="0"/>
              <a:buChar char="•"/>
            </a:pPr>
            <a:r>
              <a:rPr lang="en-US" sz="1800" dirty="0"/>
              <a:t>Angle with respect to ground/target</a:t>
            </a:r>
          </a:p>
          <a:p>
            <a:pPr marL="285750" indent="-285750">
              <a:buFont typeface="Arial" panose="020B0604020202020204" pitchFamily="34" charset="0"/>
              <a:buChar char="•"/>
            </a:pPr>
            <a:r>
              <a:rPr lang="en-US" sz="1800" dirty="0"/>
              <a:t>Wind speed</a:t>
            </a:r>
          </a:p>
          <a:p>
            <a:pPr marL="285750" indent="-285750">
              <a:buFont typeface="Arial" panose="020B0604020202020204" pitchFamily="34" charset="0"/>
              <a:buChar char="•"/>
            </a:pPr>
            <a:r>
              <a:rPr lang="en-US" sz="1800" dirty="0"/>
              <a:t>Coriolis effect</a:t>
            </a:r>
          </a:p>
          <a:p>
            <a:pPr marL="285750" indent="-285750">
              <a:buFont typeface="Arial" panose="020B0604020202020204" pitchFamily="34" charset="0"/>
              <a:buChar char="•"/>
            </a:pPr>
            <a:r>
              <a:rPr lang="en-US" sz="1800" dirty="0"/>
              <a:t>Rotation of the earth</a:t>
            </a:r>
          </a:p>
          <a:p>
            <a:pPr marL="285750" indent="-285750">
              <a:buFont typeface="Arial" panose="020B0604020202020204" pitchFamily="34" charset="0"/>
              <a:buChar char="•"/>
            </a:pPr>
            <a:r>
              <a:rPr lang="en-US" sz="1800" dirty="0"/>
              <a:t>…</a:t>
            </a:r>
          </a:p>
          <a:p>
            <a:endParaRPr lang="en-US" sz="1800" dirty="0"/>
          </a:p>
        </p:txBody>
      </p:sp>
      <p:sp>
        <p:nvSpPr>
          <p:cNvPr id="4" name="Title 3">
            <a:extLst>
              <a:ext uri="{FF2B5EF4-FFF2-40B4-BE49-F238E27FC236}">
                <a16:creationId xmlns:a16="http://schemas.microsoft.com/office/drawing/2014/main" id="{9DE3FA1B-FC5C-6073-0CD7-25D38716BCD3}"/>
              </a:ext>
            </a:extLst>
          </p:cNvPr>
          <p:cNvSpPr>
            <a:spLocks noGrp="1"/>
          </p:cNvSpPr>
          <p:nvPr>
            <p:ph type="title"/>
          </p:nvPr>
        </p:nvSpPr>
        <p:spPr/>
        <p:txBody>
          <a:bodyPr/>
          <a:lstStyle/>
          <a:p>
            <a:r>
              <a:rPr lang="en-US" dirty="0"/>
              <a:t>Deep Learning</a:t>
            </a:r>
          </a:p>
        </p:txBody>
      </p:sp>
      <p:sp>
        <p:nvSpPr>
          <p:cNvPr id="5" name="Slide Number Placeholder 4">
            <a:extLst>
              <a:ext uri="{FF2B5EF4-FFF2-40B4-BE49-F238E27FC236}">
                <a16:creationId xmlns:a16="http://schemas.microsoft.com/office/drawing/2014/main" id="{E8F18D26-8306-9D6D-17FC-1D12DE1CFEFA}"/>
              </a:ext>
            </a:extLst>
          </p:cNvPr>
          <p:cNvSpPr>
            <a:spLocks noGrp="1"/>
          </p:cNvSpPr>
          <p:nvPr>
            <p:ph type="sldNum" sz="quarter" idx="4"/>
          </p:nvPr>
        </p:nvSpPr>
        <p:spPr/>
        <p:txBody>
          <a:bodyPr/>
          <a:lstStyle/>
          <a:p>
            <a:fld id="{F8E24598-D429-A34B-B4A6-5808099B37D3}" type="slidenum">
              <a:rPr lang="en-US" smtClean="0"/>
              <a:pPr/>
              <a:t>2</a:t>
            </a:fld>
            <a:endParaRPr lang="en-US" dirty="0"/>
          </a:p>
        </p:txBody>
      </p:sp>
      <p:pic>
        <p:nvPicPr>
          <p:cNvPr id="7" name="Content Placeholder 5" descr="An arrow hitting a bull's eye target">
            <a:extLst>
              <a:ext uri="{FF2B5EF4-FFF2-40B4-BE49-F238E27FC236}">
                <a16:creationId xmlns:a16="http://schemas.microsoft.com/office/drawing/2014/main" id="{914EEEEA-551A-6691-D063-B3B7D77B5C0F}"/>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bwMode="auto">
          <a:xfrm>
            <a:off x="477688" y="904712"/>
            <a:ext cx="2759373" cy="2759373"/>
          </a:xfrm>
          <a:prstGeom prst="rect">
            <a:avLst/>
          </a:prstGeom>
          <a:noFill/>
          <a:ln w="9525">
            <a:noFill/>
            <a:miter lim="800000"/>
            <a:headEnd/>
            <a:tailEnd/>
          </a:ln>
        </p:spPr>
      </p:pic>
      <p:cxnSp>
        <p:nvCxnSpPr>
          <p:cNvPr id="8" name="Straight Connector 7">
            <a:extLst>
              <a:ext uri="{FF2B5EF4-FFF2-40B4-BE49-F238E27FC236}">
                <a16:creationId xmlns:a16="http://schemas.microsoft.com/office/drawing/2014/main" id="{586D6E35-AD4A-1B0E-6295-AB7F15DB6200}"/>
              </a:ext>
            </a:extLst>
          </p:cNvPr>
          <p:cNvCxnSpPr/>
          <p:nvPr/>
        </p:nvCxnSpPr>
        <p:spPr bwMode="auto">
          <a:xfrm>
            <a:off x="1863860" y="1087895"/>
            <a:ext cx="0" cy="2393005"/>
          </a:xfrm>
          <a:prstGeom prst="line">
            <a:avLst/>
          </a:prstGeom>
          <a:solidFill>
            <a:schemeClr val="accent1"/>
          </a:solidFill>
          <a:ln w="9525" cap="flat" cmpd="sng" algn="ctr">
            <a:solidFill>
              <a:schemeClr val="tx1"/>
            </a:solidFill>
            <a:prstDash val="solid"/>
            <a:round/>
            <a:headEnd type="none" w="med" len="med"/>
            <a:tailEnd type="none" w="med" len="med"/>
          </a:ln>
          <a:effectLst/>
        </p:spPr>
      </p:cxnSp>
      <p:cxnSp>
        <p:nvCxnSpPr>
          <p:cNvPr id="9" name="Straight Connector 8">
            <a:extLst>
              <a:ext uri="{FF2B5EF4-FFF2-40B4-BE49-F238E27FC236}">
                <a16:creationId xmlns:a16="http://schemas.microsoft.com/office/drawing/2014/main" id="{FFADF171-4B21-0F96-99D2-34F961A356B8}"/>
              </a:ext>
            </a:extLst>
          </p:cNvPr>
          <p:cNvCxnSpPr>
            <a:stCxn id="7" idx="3"/>
            <a:endCxn id="7" idx="1"/>
          </p:cNvCxnSpPr>
          <p:nvPr/>
        </p:nvCxnSpPr>
        <p:spPr bwMode="auto">
          <a:xfrm flipH="1">
            <a:off x="477688" y="2284399"/>
            <a:ext cx="2759373" cy="0"/>
          </a:xfrm>
          <a:prstGeom prst="line">
            <a:avLst/>
          </a:prstGeom>
          <a:solidFill>
            <a:schemeClr val="accent1"/>
          </a:solidFill>
          <a:ln w="9525" cap="flat" cmpd="sng" algn="ctr">
            <a:solidFill>
              <a:schemeClr val="tx1"/>
            </a:solidFill>
            <a:prstDash val="solid"/>
            <a:round/>
            <a:headEnd type="none" w="med" len="med"/>
            <a:tailEnd type="none" w="med" len="med"/>
          </a:ln>
          <a:effectLst/>
        </p:spPr>
      </p:cxnSp>
      <mc:AlternateContent xmlns:mc="http://schemas.openxmlformats.org/markup-compatibility/2006">
        <mc:Choice xmlns:a14="http://schemas.microsoft.com/office/drawing/2010/main" Requires="a14">
          <p:sp>
            <p:nvSpPr>
              <p:cNvPr id="11" name="TextBox 10">
                <a:extLst>
                  <a:ext uri="{FF2B5EF4-FFF2-40B4-BE49-F238E27FC236}">
                    <a16:creationId xmlns:a16="http://schemas.microsoft.com/office/drawing/2014/main" id="{47EC13E2-E2A1-13DB-AC86-7458A6883C5B}"/>
                  </a:ext>
                </a:extLst>
              </p:cNvPr>
              <p:cNvSpPr txBox="1"/>
              <p:nvPr/>
            </p:nvSpPr>
            <p:spPr>
              <a:xfrm>
                <a:off x="911304" y="3909300"/>
                <a:ext cx="5475923" cy="299569"/>
              </a:xfrm>
              <a:prstGeom prst="rect">
                <a:avLst/>
              </a:prstGeom>
              <a:noFill/>
            </p:spPr>
            <p:txBody>
              <a:bodyPr wrap="none" lIns="0" tIns="0" rIns="0" bIns="0" rtlCol="0">
                <a:spAutoFit/>
              </a:bodyPr>
              <a:lstStyle/>
              <a:p>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𝑥</m:t>
                      </m:r>
                      <m:r>
                        <a:rPr lang="en-US" b="0" i="1" smtClean="0">
                          <a:latin typeface="Cambria Math" panose="02040503050406030204" pitchFamily="18" charset="0"/>
                        </a:rPr>
                        <m:t>=−1.2+0.07</m:t>
                      </m:r>
                      <m:r>
                        <a:rPr lang="en-US" b="0" i="1" smtClean="0">
                          <a:latin typeface="Cambria Math" panose="02040503050406030204" pitchFamily="18" charset="0"/>
                        </a:rPr>
                        <m:t>𝐹𝑜𝑟𝑐𝑒</m:t>
                      </m:r>
                      <m:r>
                        <a:rPr lang="en-US" b="0" i="1" smtClean="0">
                          <a:latin typeface="Cambria Math" panose="02040503050406030204" pitchFamily="18" charset="0"/>
                        </a:rPr>
                        <m:t>+2.7</m:t>
                      </m:r>
                      <m:r>
                        <a:rPr lang="en-US" b="0" i="1" smtClean="0">
                          <a:latin typeface="Cambria Math" panose="02040503050406030204" pitchFamily="18" charset="0"/>
                        </a:rPr>
                        <m:t>𝐷𝑖𝑠𝑡𝑎𝑛𝑐𝑒</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𝑥</m:t>
                          </m:r>
                        </m:e>
                        <m:sub>
                          <m:r>
                            <a:rPr lang="en-US" b="0" i="1" smtClean="0">
                              <a:latin typeface="Cambria Math" panose="02040503050406030204" pitchFamily="18" charset="0"/>
                            </a:rPr>
                            <m:t>𝑎𝑛𝑔𝑙𝑒</m:t>
                          </m:r>
                        </m:sub>
                      </m:sSub>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𝑧</m:t>
                          </m:r>
                        </m:e>
                        <m:sub>
                          <m:r>
                            <a:rPr lang="en-US" b="0" i="1" smtClean="0">
                              <a:latin typeface="Cambria Math" panose="02040503050406030204" pitchFamily="18" charset="0"/>
                            </a:rPr>
                            <m:t>𝑎𝑛𝑔𝑙𝑒</m:t>
                          </m:r>
                        </m:sub>
                      </m:sSub>
                    </m:oMath>
                  </m:oMathPara>
                </a14:m>
                <a:endParaRPr lang="en-US" dirty="0"/>
              </a:p>
            </p:txBody>
          </p:sp>
        </mc:Choice>
        <mc:Fallback>
          <p:sp>
            <p:nvSpPr>
              <p:cNvPr id="11" name="TextBox 10">
                <a:extLst>
                  <a:ext uri="{FF2B5EF4-FFF2-40B4-BE49-F238E27FC236}">
                    <a16:creationId xmlns:a16="http://schemas.microsoft.com/office/drawing/2014/main" id="{47EC13E2-E2A1-13DB-AC86-7458A6883C5B}"/>
                  </a:ext>
                </a:extLst>
              </p:cNvPr>
              <p:cNvSpPr txBox="1">
                <a:spLocks noRot="1" noChangeAspect="1" noMove="1" noResize="1" noEditPoints="1" noAdjustHandles="1" noChangeArrowheads="1" noChangeShapeType="1" noTextEdit="1"/>
              </p:cNvSpPr>
              <p:nvPr/>
            </p:nvSpPr>
            <p:spPr>
              <a:xfrm>
                <a:off x="911304" y="3909300"/>
                <a:ext cx="5475923" cy="299569"/>
              </a:xfrm>
              <a:prstGeom prst="rect">
                <a:avLst/>
              </a:prstGeom>
              <a:blipFill>
                <a:blip r:embed="rId3"/>
                <a:stretch>
                  <a:fillRect b="-28571"/>
                </a:stretch>
              </a:blipFill>
            </p:spPr>
            <p:txBody>
              <a:bodyPr/>
              <a:lstStyle/>
              <a:p>
                <a:r>
                  <a:rPr lang="en-US">
                    <a:noFill/>
                  </a:rPr>
                  <a:t> </a:t>
                </a:r>
              </a:p>
            </p:txBody>
          </p:sp>
        </mc:Fallback>
      </mc:AlternateContent>
      <mc:AlternateContent xmlns:mc="http://schemas.openxmlformats.org/markup-compatibility/2006">
        <mc:Choice xmlns:a14="http://schemas.microsoft.com/office/drawing/2010/main" Requires="a14">
          <p:sp>
            <p:nvSpPr>
              <p:cNvPr id="12" name="TextBox 11">
                <a:extLst>
                  <a:ext uri="{FF2B5EF4-FFF2-40B4-BE49-F238E27FC236}">
                    <a16:creationId xmlns:a16="http://schemas.microsoft.com/office/drawing/2014/main" id="{CE40AB43-70AB-C00E-38AC-CDB44DB56054}"/>
                  </a:ext>
                </a:extLst>
              </p:cNvPr>
              <p:cNvSpPr txBox="1"/>
              <p:nvPr/>
            </p:nvSpPr>
            <p:spPr>
              <a:xfrm>
                <a:off x="931668" y="4263732"/>
                <a:ext cx="5108963" cy="299569"/>
              </a:xfrm>
              <a:prstGeom prst="rect">
                <a:avLst/>
              </a:prstGeom>
              <a:noFill/>
            </p:spPr>
            <p:txBody>
              <a:bodyPr wrap="none" lIns="0" tIns="0" rIns="0" bIns="0" rtlCol="0">
                <a:spAutoFit/>
              </a:bodyPr>
              <a:lstStyle/>
              <a:p>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𝑦</m:t>
                      </m:r>
                      <m:r>
                        <a:rPr lang="en-US" b="0" i="1" smtClean="0">
                          <a:latin typeface="Cambria Math" panose="02040503050406030204" pitchFamily="18" charset="0"/>
                        </a:rPr>
                        <m:t>=2.7+2.2</m:t>
                      </m:r>
                      <m:r>
                        <a:rPr lang="en-US" b="0" i="1" smtClean="0">
                          <a:latin typeface="Cambria Math" panose="02040503050406030204" pitchFamily="18" charset="0"/>
                        </a:rPr>
                        <m:t>𝐹𝑜𝑟𝑐𝑒</m:t>
                      </m:r>
                      <m:r>
                        <a:rPr lang="en-US" b="0" i="1" smtClean="0">
                          <a:latin typeface="Cambria Math" panose="02040503050406030204" pitchFamily="18" charset="0"/>
                        </a:rPr>
                        <m:t>+9.7</m:t>
                      </m:r>
                      <m:r>
                        <a:rPr lang="en-US" b="0" i="1" smtClean="0">
                          <a:latin typeface="Cambria Math" panose="02040503050406030204" pitchFamily="18" charset="0"/>
                        </a:rPr>
                        <m:t>𝐷𝑖𝑠𝑡𝑎𝑛𝑐𝑒</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𝑦</m:t>
                          </m:r>
                        </m:e>
                        <m:sub>
                          <m:r>
                            <a:rPr lang="en-US" b="0" i="1" smtClean="0">
                              <a:latin typeface="Cambria Math" panose="02040503050406030204" pitchFamily="18" charset="0"/>
                            </a:rPr>
                            <m:t>𝑎𝑛𝑔𝑙𝑒</m:t>
                          </m:r>
                        </m:sub>
                      </m:sSub>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𝑧</m:t>
                          </m:r>
                        </m:e>
                        <m:sub>
                          <m:r>
                            <a:rPr lang="en-US" b="0" i="1" smtClean="0">
                              <a:latin typeface="Cambria Math" panose="02040503050406030204" pitchFamily="18" charset="0"/>
                            </a:rPr>
                            <m:t>𝑎𝑛𝑔𝑙𝑒</m:t>
                          </m:r>
                        </m:sub>
                      </m:sSub>
                    </m:oMath>
                  </m:oMathPara>
                </a14:m>
                <a:endParaRPr lang="en-US" dirty="0"/>
              </a:p>
            </p:txBody>
          </p:sp>
        </mc:Choice>
        <mc:Fallback>
          <p:sp>
            <p:nvSpPr>
              <p:cNvPr id="12" name="TextBox 11">
                <a:extLst>
                  <a:ext uri="{FF2B5EF4-FFF2-40B4-BE49-F238E27FC236}">
                    <a16:creationId xmlns:a16="http://schemas.microsoft.com/office/drawing/2014/main" id="{CE40AB43-70AB-C00E-38AC-CDB44DB56054}"/>
                  </a:ext>
                </a:extLst>
              </p:cNvPr>
              <p:cNvSpPr txBox="1">
                <a:spLocks noRot="1" noChangeAspect="1" noMove="1" noResize="1" noEditPoints="1" noAdjustHandles="1" noChangeArrowheads="1" noChangeShapeType="1" noTextEdit="1"/>
              </p:cNvSpPr>
              <p:nvPr/>
            </p:nvSpPr>
            <p:spPr>
              <a:xfrm>
                <a:off x="931668" y="4263732"/>
                <a:ext cx="5108963" cy="299569"/>
              </a:xfrm>
              <a:prstGeom prst="rect">
                <a:avLst/>
              </a:prstGeom>
              <a:blipFill>
                <a:blip r:embed="rId4"/>
                <a:stretch>
                  <a:fillRect l="-716" r="-358" b="-26000"/>
                </a:stretch>
              </a:blipFill>
            </p:spPr>
            <p:txBody>
              <a:bodyPr/>
              <a:lstStyle/>
              <a:p>
                <a:r>
                  <a:rPr lang="en-US">
                    <a:noFill/>
                  </a:rPr>
                  <a:t> </a:t>
                </a:r>
              </a:p>
            </p:txBody>
          </p:sp>
        </mc:Fallback>
      </mc:AlternateContent>
    </p:spTree>
    <p:extLst>
      <p:ext uri="{BB962C8B-B14F-4D97-AF65-F5344CB8AC3E}">
        <p14:creationId xmlns:p14="http://schemas.microsoft.com/office/powerpoint/2010/main" val="15664338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3</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648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477032"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1459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4185671"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460443" y="3903617"/>
            <a:ext cx="1064715" cy="646331"/>
          </a:xfrm>
          <a:prstGeom prst="rect">
            <a:avLst/>
          </a:prstGeom>
          <a:noFill/>
        </p:spPr>
        <p:txBody>
          <a:bodyPr wrap="none" rtlCol="0">
            <a:spAutoFit/>
          </a:bodyPr>
          <a:lstStyle/>
          <a:p>
            <a:r>
              <a:rPr lang="en-US" dirty="0"/>
              <a:t>Humans?</a:t>
            </a:r>
          </a:p>
          <a:p>
            <a:r>
              <a:rPr lang="en-US" dirty="0"/>
              <a:t>AI?</a:t>
            </a:r>
          </a:p>
        </p:txBody>
      </p:sp>
    </p:spTree>
    <p:extLst>
      <p:ext uri="{BB962C8B-B14F-4D97-AF65-F5344CB8AC3E}">
        <p14:creationId xmlns:p14="http://schemas.microsoft.com/office/powerpoint/2010/main" val="381015323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4</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648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477032"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1459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4185671"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460443" y="3903617"/>
            <a:ext cx="4032579" cy="646331"/>
          </a:xfrm>
          <a:prstGeom prst="rect">
            <a:avLst/>
          </a:prstGeom>
          <a:noFill/>
        </p:spPr>
        <p:txBody>
          <a:bodyPr wrap="none" rtlCol="0">
            <a:spAutoFit/>
          </a:bodyPr>
          <a:lstStyle/>
          <a:p>
            <a:r>
              <a:rPr lang="en-US" dirty="0"/>
              <a:t>Humans: No better than the flip of a coin</a:t>
            </a:r>
          </a:p>
          <a:p>
            <a:r>
              <a:rPr lang="en-US" dirty="0"/>
              <a:t>AI?</a:t>
            </a:r>
          </a:p>
        </p:txBody>
      </p:sp>
    </p:spTree>
    <p:extLst>
      <p:ext uri="{BB962C8B-B14F-4D97-AF65-F5344CB8AC3E}">
        <p14:creationId xmlns:p14="http://schemas.microsoft.com/office/powerpoint/2010/main" val="249480985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5</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648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477032"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1459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4185671"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460443" y="3903617"/>
            <a:ext cx="4032579" cy="646331"/>
          </a:xfrm>
          <a:prstGeom prst="rect">
            <a:avLst/>
          </a:prstGeom>
          <a:noFill/>
        </p:spPr>
        <p:txBody>
          <a:bodyPr wrap="none" rtlCol="0">
            <a:spAutoFit/>
          </a:bodyPr>
          <a:lstStyle/>
          <a:p>
            <a:r>
              <a:rPr lang="en-US" dirty="0"/>
              <a:t>Humans: No better than the flip of a coin</a:t>
            </a:r>
          </a:p>
          <a:p>
            <a:r>
              <a:rPr lang="en-US" u="sng" dirty="0"/>
              <a:t>AI: 97% Accurate</a:t>
            </a:r>
          </a:p>
        </p:txBody>
      </p:sp>
    </p:spTree>
    <p:extLst>
      <p:ext uri="{BB962C8B-B14F-4D97-AF65-F5344CB8AC3E}">
        <p14:creationId xmlns:p14="http://schemas.microsoft.com/office/powerpoint/2010/main" val="72659991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D822EA6A-2C94-518B-836A-C82A0CBDD392}"/>
              </a:ext>
            </a:extLst>
          </p:cNvPr>
          <p:cNvSpPr>
            <a:spLocks noGrp="1"/>
          </p:cNvSpPr>
          <p:nvPr>
            <p:ph type="title"/>
          </p:nvPr>
        </p:nvSpPr>
        <p:spPr/>
        <p:txBody>
          <a:bodyPr/>
          <a:lstStyle/>
          <a:p>
            <a:r>
              <a:rPr lang="en-US" dirty="0"/>
              <a:t>Deep Learning</a:t>
            </a:r>
          </a:p>
        </p:txBody>
      </p:sp>
      <p:sp>
        <p:nvSpPr>
          <p:cNvPr id="5" name="Slide Number Placeholder 4">
            <a:extLst>
              <a:ext uri="{FF2B5EF4-FFF2-40B4-BE49-F238E27FC236}">
                <a16:creationId xmlns:a16="http://schemas.microsoft.com/office/drawing/2014/main" id="{FDE0340C-752E-5096-1E30-39E99B57B17F}"/>
              </a:ext>
            </a:extLst>
          </p:cNvPr>
          <p:cNvSpPr>
            <a:spLocks noGrp="1"/>
          </p:cNvSpPr>
          <p:nvPr>
            <p:ph type="sldNum" sz="quarter" idx="4"/>
          </p:nvPr>
        </p:nvSpPr>
        <p:spPr/>
        <p:txBody>
          <a:bodyPr/>
          <a:lstStyle/>
          <a:p>
            <a:fld id="{F8E24598-D429-A34B-B4A6-5808099B37D3}" type="slidenum">
              <a:rPr lang="en-US" smtClean="0"/>
              <a:pPr/>
              <a:t>6</a:t>
            </a:fld>
            <a:endParaRPr lang="en-US" dirty="0"/>
          </a:p>
        </p:txBody>
      </p:sp>
      <mc:AlternateContent xmlns:mc="http://schemas.openxmlformats.org/markup-compatibility/2006">
        <mc:Choice xmlns:a14="http://schemas.microsoft.com/office/drawing/2010/main" Requires="a14">
          <p:sp>
            <p:nvSpPr>
              <p:cNvPr id="6" name="TextBox 5">
                <a:extLst>
                  <a:ext uri="{FF2B5EF4-FFF2-40B4-BE49-F238E27FC236}">
                    <a16:creationId xmlns:a16="http://schemas.microsoft.com/office/drawing/2014/main" id="{3284A30F-75A3-219A-B6F7-06264AECC36C}"/>
                  </a:ext>
                </a:extLst>
              </p:cNvPr>
              <p:cNvSpPr txBox="1"/>
              <p:nvPr/>
            </p:nvSpPr>
            <p:spPr>
              <a:xfrm>
                <a:off x="794572" y="802934"/>
                <a:ext cx="4807406" cy="299569"/>
              </a:xfrm>
              <a:prstGeom prst="rect">
                <a:avLst/>
              </a:prstGeom>
              <a:noFill/>
            </p:spPr>
            <p:txBody>
              <a:bodyPr wrap="none" lIns="0" tIns="0" rIns="0" bIns="0" rtlCol="0">
                <a:spAutoFit/>
              </a:bodyPr>
              <a:lstStyle/>
              <a:p>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𝑥</m:t>
                      </m:r>
                      <m:r>
                        <a:rPr lang="en-US" b="0" i="1" smtClean="0">
                          <a:latin typeface="Cambria Math" panose="02040503050406030204" pitchFamily="18" charset="0"/>
                        </a:rPr>
                        <m:t>=    +      </m:t>
                      </m:r>
                      <m:r>
                        <a:rPr lang="en-US" b="0" i="1" smtClean="0">
                          <a:latin typeface="Cambria Math" panose="02040503050406030204" pitchFamily="18" charset="0"/>
                        </a:rPr>
                        <m:t>𝐹𝑜𝑟𝑐𝑒</m:t>
                      </m:r>
                      <m:r>
                        <a:rPr lang="en-US" b="0" i="1" smtClean="0">
                          <a:latin typeface="Cambria Math" panose="02040503050406030204" pitchFamily="18" charset="0"/>
                        </a:rPr>
                        <m:t>+    </m:t>
                      </m:r>
                      <m:r>
                        <a:rPr lang="en-US" b="0" i="1" smtClean="0">
                          <a:latin typeface="Cambria Math" panose="02040503050406030204" pitchFamily="18" charset="0"/>
                        </a:rPr>
                        <m:t>𝐷𝑖𝑠𝑡𝑎𝑛𝑐𝑒</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𝑥</m:t>
                          </m:r>
                        </m:e>
                        <m:sub>
                          <m:r>
                            <a:rPr lang="en-US" b="0" i="1" smtClean="0">
                              <a:latin typeface="Cambria Math" panose="02040503050406030204" pitchFamily="18" charset="0"/>
                            </a:rPr>
                            <m:t>𝑎𝑛𝑔𝑙𝑒</m:t>
                          </m:r>
                        </m:sub>
                      </m:sSub>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𝑧</m:t>
                          </m:r>
                        </m:e>
                        <m:sub>
                          <m:r>
                            <a:rPr lang="en-US" b="0" i="1" smtClean="0">
                              <a:latin typeface="Cambria Math" panose="02040503050406030204" pitchFamily="18" charset="0"/>
                            </a:rPr>
                            <m:t>𝑎𝑛𝑔𝑙𝑒</m:t>
                          </m:r>
                        </m:sub>
                      </m:sSub>
                    </m:oMath>
                  </m:oMathPara>
                </a14:m>
                <a:endParaRPr lang="en-US" dirty="0"/>
              </a:p>
            </p:txBody>
          </p:sp>
        </mc:Choice>
        <mc:Fallback>
          <p:sp>
            <p:nvSpPr>
              <p:cNvPr id="6" name="TextBox 5">
                <a:extLst>
                  <a:ext uri="{FF2B5EF4-FFF2-40B4-BE49-F238E27FC236}">
                    <a16:creationId xmlns:a16="http://schemas.microsoft.com/office/drawing/2014/main" id="{3284A30F-75A3-219A-B6F7-06264AECC36C}"/>
                  </a:ext>
                </a:extLst>
              </p:cNvPr>
              <p:cNvSpPr txBox="1">
                <a:spLocks noRot="1" noChangeAspect="1" noMove="1" noResize="1" noEditPoints="1" noAdjustHandles="1" noChangeArrowheads="1" noChangeShapeType="1" noTextEdit="1"/>
              </p:cNvSpPr>
              <p:nvPr/>
            </p:nvSpPr>
            <p:spPr>
              <a:xfrm>
                <a:off x="794572" y="802934"/>
                <a:ext cx="4807406" cy="299569"/>
              </a:xfrm>
              <a:prstGeom prst="rect">
                <a:avLst/>
              </a:prstGeom>
              <a:blipFill>
                <a:blip r:embed="rId2"/>
                <a:stretch>
                  <a:fillRect l="-253" r="-253" b="-28571"/>
                </a:stretch>
              </a:blipFill>
            </p:spPr>
            <p:txBody>
              <a:bodyPr/>
              <a:lstStyle/>
              <a:p>
                <a:r>
                  <a:rPr lang="en-US">
                    <a:noFill/>
                  </a:rPr>
                  <a:t> </a:t>
                </a:r>
              </a:p>
            </p:txBody>
          </p:sp>
        </mc:Fallback>
      </mc:AlternateContent>
      <p:sp>
        <p:nvSpPr>
          <p:cNvPr id="7" name="Oval 6">
            <a:extLst>
              <a:ext uri="{FF2B5EF4-FFF2-40B4-BE49-F238E27FC236}">
                <a16:creationId xmlns:a16="http://schemas.microsoft.com/office/drawing/2014/main" id="{0AA71EA9-FE54-B9B2-703B-FF2CE86EA811}"/>
              </a:ext>
            </a:extLst>
          </p:cNvPr>
          <p:cNvSpPr/>
          <p:nvPr/>
        </p:nvSpPr>
        <p:spPr bwMode="auto">
          <a:xfrm>
            <a:off x="1284035" y="874896"/>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Oval 7">
            <a:extLst>
              <a:ext uri="{FF2B5EF4-FFF2-40B4-BE49-F238E27FC236}">
                <a16:creationId xmlns:a16="http://schemas.microsoft.com/office/drawing/2014/main" id="{1B4F0C32-8C8E-4809-F55F-D8DD485173E5}"/>
              </a:ext>
            </a:extLst>
          </p:cNvPr>
          <p:cNvSpPr/>
          <p:nvPr/>
        </p:nvSpPr>
        <p:spPr bwMode="auto">
          <a:xfrm>
            <a:off x="1708809" y="874895"/>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9" name="Oval 8">
            <a:extLst>
              <a:ext uri="{FF2B5EF4-FFF2-40B4-BE49-F238E27FC236}">
                <a16:creationId xmlns:a16="http://schemas.microsoft.com/office/drawing/2014/main" id="{077A14F1-372D-6576-A32A-9C400A68F1B7}"/>
              </a:ext>
            </a:extLst>
          </p:cNvPr>
          <p:cNvSpPr/>
          <p:nvPr/>
        </p:nvSpPr>
        <p:spPr bwMode="auto">
          <a:xfrm>
            <a:off x="2828932" y="8748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grpSp>
        <p:nvGrpSpPr>
          <p:cNvPr id="161" name="Group 160">
            <a:extLst>
              <a:ext uri="{FF2B5EF4-FFF2-40B4-BE49-F238E27FC236}">
                <a16:creationId xmlns:a16="http://schemas.microsoft.com/office/drawing/2014/main" id="{5AE91673-CAA8-B56D-F8EE-A36FCB4DE437}"/>
              </a:ext>
            </a:extLst>
          </p:cNvPr>
          <p:cNvGrpSpPr/>
          <p:nvPr/>
        </p:nvGrpSpPr>
        <p:grpSpPr>
          <a:xfrm>
            <a:off x="131425" y="1768528"/>
            <a:ext cx="1726542" cy="1948516"/>
            <a:chOff x="2410099" y="1868594"/>
            <a:chExt cx="1726542" cy="1948516"/>
          </a:xfrm>
        </p:grpSpPr>
        <p:sp>
          <p:nvSpPr>
            <p:cNvPr id="20" name="Oval 19">
              <a:extLst>
                <a:ext uri="{FF2B5EF4-FFF2-40B4-BE49-F238E27FC236}">
                  <a16:creationId xmlns:a16="http://schemas.microsoft.com/office/drawing/2014/main" id="{0A8905DD-EB45-9815-FBF2-487B755B5943}"/>
                </a:ext>
              </a:extLst>
            </p:cNvPr>
            <p:cNvSpPr/>
            <p:nvPr/>
          </p:nvSpPr>
          <p:spPr bwMode="auto">
            <a:xfrm>
              <a:off x="2410131"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1" name="Oval 20">
              <a:extLst>
                <a:ext uri="{FF2B5EF4-FFF2-40B4-BE49-F238E27FC236}">
                  <a16:creationId xmlns:a16="http://schemas.microsoft.com/office/drawing/2014/main" id="{DDEE37AE-CCF0-3ED3-E771-91B6BDD3E0C6}"/>
                </a:ext>
              </a:extLst>
            </p:cNvPr>
            <p:cNvSpPr/>
            <p:nvPr/>
          </p:nvSpPr>
          <p:spPr bwMode="auto">
            <a:xfrm>
              <a:off x="2582782"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2" name="Oval 21">
              <a:extLst>
                <a:ext uri="{FF2B5EF4-FFF2-40B4-BE49-F238E27FC236}">
                  <a16:creationId xmlns:a16="http://schemas.microsoft.com/office/drawing/2014/main" id="{44987710-4B5C-0CAD-6900-F8910255FC61}"/>
                </a:ext>
              </a:extLst>
            </p:cNvPr>
            <p:cNvSpPr/>
            <p:nvPr/>
          </p:nvSpPr>
          <p:spPr bwMode="auto">
            <a:xfrm>
              <a:off x="2755433"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3" name="Oval 22">
              <a:extLst>
                <a:ext uri="{FF2B5EF4-FFF2-40B4-BE49-F238E27FC236}">
                  <a16:creationId xmlns:a16="http://schemas.microsoft.com/office/drawing/2014/main" id="{BEF5E268-D9C7-9D23-6C7F-D3AC689F684E}"/>
                </a:ext>
              </a:extLst>
            </p:cNvPr>
            <p:cNvSpPr/>
            <p:nvPr/>
          </p:nvSpPr>
          <p:spPr bwMode="auto">
            <a:xfrm>
              <a:off x="2928084"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4" name="Oval 23">
              <a:extLst>
                <a:ext uri="{FF2B5EF4-FFF2-40B4-BE49-F238E27FC236}">
                  <a16:creationId xmlns:a16="http://schemas.microsoft.com/office/drawing/2014/main" id="{1DBEE930-E820-F88B-F5A4-FAC7FB679C6A}"/>
                </a:ext>
              </a:extLst>
            </p:cNvPr>
            <p:cNvSpPr/>
            <p:nvPr/>
          </p:nvSpPr>
          <p:spPr bwMode="auto">
            <a:xfrm>
              <a:off x="3100735"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5" name="Oval 24">
              <a:extLst>
                <a:ext uri="{FF2B5EF4-FFF2-40B4-BE49-F238E27FC236}">
                  <a16:creationId xmlns:a16="http://schemas.microsoft.com/office/drawing/2014/main" id="{534DC7BC-DCD2-BCF6-7A02-54BD326B656C}"/>
                </a:ext>
              </a:extLst>
            </p:cNvPr>
            <p:cNvSpPr/>
            <p:nvPr/>
          </p:nvSpPr>
          <p:spPr bwMode="auto">
            <a:xfrm>
              <a:off x="3273386"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6" name="Oval 25">
              <a:extLst>
                <a:ext uri="{FF2B5EF4-FFF2-40B4-BE49-F238E27FC236}">
                  <a16:creationId xmlns:a16="http://schemas.microsoft.com/office/drawing/2014/main" id="{3A3557F4-A1DF-237C-03A5-74597EA92E03}"/>
                </a:ext>
              </a:extLst>
            </p:cNvPr>
            <p:cNvSpPr/>
            <p:nvPr/>
          </p:nvSpPr>
          <p:spPr bwMode="auto">
            <a:xfrm>
              <a:off x="3446037"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7" name="Oval 26">
              <a:extLst>
                <a:ext uri="{FF2B5EF4-FFF2-40B4-BE49-F238E27FC236}">
                  <a16:creationId xmlns:a16="http://schemas.microsoft.com/office/drawing/2014/main" id="{3FCFE33F-8423-E6B1-B3F8-20EE2667A18A}"/>
                </a:ext>
              </a:extLst>
            </p:cNvPr>
            <p:cNvSpPr/>
            <p:nvPr/>
          </p:nvSpPr>
          <p:spPr bwMode="auto">
            <a:xfrm>
              <a:off x="3618688"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8" name="Oval 27">
              <a:extLst>
                <a:ext uri="{FF2B5EF4-FFF2-40B4-BE49-F238E27FC236}">
                  <a16:creationId xmlns:a16="http://schemas.microsoft.com/office/drawing/2014/main" id="{CEE14219-4075-BD3E-3E2F-DFB1D43DE147}"/>
                </a:ext>
              </a:extLst>
            </p:cNvPr>
            <p:cNvSpPr/>
            <p:nvPr/>
          </p:nvSpPr>
          <p:spPr bwMode="auto">
            <a:xfrm>
              <a:off x="3791339"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9" name="Oval 28">
              <a:extLst>
                <a:ext uri="{FF2B5EF4-FFF2-40B4-BE49-F238E27FC236}">
                  <a16:creationId xmlns:a16="http://schemas.microsoft.com/office/drawing/2014/main" id="{89678E65-7779-DFB1-6000-65E6C61BF0B1}"/>
                </a:ext>
              </a:extLst>
            </p:cNvPr>
            <p:cNvSpPr/>
            <p:nvPr/>
          </p:nvSpPr>
          <p:spPr bwMode="auto">
            <a:xfrm>
              <a:off x="3963990"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0" name="Oval 29">
              <a:extLst>
                <a:ext uri="{FF2B5EF4-FFF2-40B4-BE49-F238E27FC236}">
                  <a16:creationId xmlns:a16="http://schemas.microsoft.com/office/drawing/2014/main" id="{595E91ED-4AC1-A373-DB51-AE4A5586772D}"/>
                </a:ext>
              </a:extLst>
            </p:cNvPr>
            <p:cNvSpPr/>
            <p:nvPr/>
          </p:nvSpPr>
          <p:spPr bwMode="auto">
            <a:xfrm>
              <a:off x="2410099"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1" name="Oval 30">
              <a:extLst>
                <a:ext uri="{FF2B5EF4-FFF2-40B4-BE49-F238E27FC236}">
                  <a16:creationId xmlns:a16="http://schemas.microsoft.com/office/drawing/2014/main" id="{7EE4FBD8-BFC1-3E4E-8DD8-0891F45C5448}"/>
                </a:ext>
              </a:extLst>
            </p:cNvPr>
            <p:cNvSpPr/>
            <p:nvPr/>
          </p:nvSpPr>
          <p:spPr bwMode="auto">
            <a:xfrm>
              <a:off x="2582750"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2" name="Oval 31">
              <a:extLst>
                <a:ext uri="{FF2B5EF4-FFF2-40B4-BE49-F238E27FC236}">
                  <a16:creationId xmlns:a16="http://schemas.microsoft.com/office/drawing/2014/main" id="{AAFCC3AE-207A-4518-BD4B-2D62FD307062}"/>
                </a:ext>
              </a:extLst>
            </p:cNvPr>
            <p:cNvSpPr/>
            <p:nvPr/>
          </p:nvSpPr>
          <p:spPr bwMode="auto">
            <a:xfrm>
              <a:off x="2755401"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3" name="Oval 32">
              <a:extLst>
                <a:ext uri="{FF2B5EF4-FFF2-40B4-BE49-F238E27FC236}">
                  <a16:creationId xmlns:a16="http://schemas.microsoft.com/office/drawing/2014/main" id="{CC384D75-A592-38C8-E09B-A10956AEF931}"/>
                </a:ext>
              </a:extLst>
            </p:cNvPr>
            <p:cNvSpPr/>
            <p:nvPr/>
          </p:nvSpPr>
          <p:spPr bwMode="auto">
            <a:xfrm>
              <a:off x="2928052"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4" name="Oval 33">
              <a:extLst>
                <a:ext uri="{FF2B5EF4-FFF2-40B4-BE49-F238E27FC236}">
                  <a16:creationId xmlns:a16="http://schemas.microsoft.com/office/drawing/2014/main" id="{9CF7BF2D-79A9-0284-B04A-077D24290456}"/>
                </a:ext>
              </a:extLst>
            </p:cNvPr>
            <p:cNvSpPr/>
            <p:nvPr/>
          </p:nvSpPr>
          <p:spPr bwMode="auto">
            <a:xfrm>
              <a:off x="3100703"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5" name="Oval 34">
              <a:extLst>
                <a:ext uri="{FF2B5EF4-FFF2-40B4-BE49-F238E27FC236}">
                  <a16:creationId xmlns:a16="http://schemas.microsoft.com/office/drawing/2014/main" id="{9C221EB0-B9D8-FF5A-3DC5-F34776F81F79}"/>
                </a:ext>
              </a:extLst>
            </p:cNvPr>
            <p:cNvSpPr/>
            <p:nvPr/>
          </p:nvSpPr>
          <p:spPr bwMode="auto">
            <a:xfrm>
              <a:off x="3273354"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6" name="Oval 35">
              <a:extLst>
                <a:ext uri="{FF2B5EF4-FFF2-40B4-BE49-F238E27FC236}">
                  <a16:creationId xmlns:a16="http://schemas.microsoft.com/office/drawing/2014/main" id="{B48DFD9A-ED59-E505-4BF3-0D8FC9C63AF5}"/>
                </a:ext>
              </a:extLst>
            </p:cNvPr>
            <p:cNvSpPr/>
            <p:nvPr/>
          </p:nvSpPr>
          <p:spPr bwMode="auto">
            <a:xfrm>
              <a:off x="3446005"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7" name="Oval 36">
              <a:extLst>
                <a:ext uri="{FF2B5EF4-FFF2-40B4-BE49-F238E27FC236}">
                  <a16:creationId xmlns:a16="http://schemas.microsoft.com/office/drawing/2014/main" id="{B7E2A7C7-555A-7A9D-B6A1-27045AA3C7AA}"/>
                </a:ext>
              </a:extLst>
            </p:cNvPr>
            <p:cNvSpPr/>
            <p:nvPr/>
          </p:nvSpPr>
          <p:spPr bwMode="auto">
            <a:xfrm>
              <a:off x="3618656"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8" name="Oval 37">
              <a:extLst>
                <a:ext uri="{FF2B5EF4-FFF2-40B4-BE49-F238E27FC236}">
                  <a16:creationId xmlns:a16="http://schemas.microsoft.com/office/drawing/2014/main" id="{2A7C9C5C-C380-79C9-8950-5DE362C4850D}"/>
                </a:ext>
              </a:extLst>
            </p:cNvPr>
            <p:cNvSpPr/>
            <p:nvPr/>
          </p:nvSpPr>
          <p:spPr bwMode="auto">
            <a:xfrm>
              <a:off x="3791307"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9" name="Oval 38">
              <a:extLst>
                <a:ext uri="{FF2B5EF4-FFF2-40B4-BE49-F238E27FC236}">
                  <a16:creationId xmlns:a16="http://schemas.microsoft.com/office/drawing/2014/main" id="{0680EF0D-C9F7-DD07-B4C3-54BB32D3352B}"/>
                </a:ext>
              </a:extLst>
            </p:cNvPr>
            <p:cNvSpPr/>
            <p:nvPr/>
          </p:nvSpPr>
          <p:spPr bwMode="auto">
            <a:xfrm>
              <a:off x="3963958"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0" name="Oval 39">
              <a:extLst>
                <a:ext uri="{FF2B5EF4-FFF2-40B4-BE49-F238E27FC236}">
                  <a16:creationId xmlns:a16="http://schemas.microsoft.com/office/drawing/2014/main" id="{FB6FD396-373D-BC03-30D4-E0D92FC6DA36}"/>
                </a:ext>
              </a:extLst>
            </p:cNvPr>
            <p:cNvSpPr/>
            <p:nvPr/>
          </p:nvSpPr>
          <p:spPr bwMode="auto">
            <a:xfrm>
              <a:off x="2416587"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1" name="Oval 40">
              <a:extLst>
                <a:ext uri="{FF2B5EF4-FFF2-40B4-BE49-F238E27FC236}">
                  <a16:creationId xmlns:a16="http://schemas.microsoft.com/office/drawing/2014/main" id="{8F6D54B5-818E-1D7E-18A9-DCBFA2018F44}"/>
                </a:ext>
              </a:extLst>
            </p:cNvPr>
            <p:cNvSpPr/>
            <p:nvPr/>
          </p:nvSpPr>
          <p:spPr bwMode="auto">
            <a:xfrm>
              <a:off x="2589238"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2" name="Oval 41">
              <a:extLst>
                <a:ext uri="{FF2B5EF4-FFF2-40B4-BE49-F238E27FC236}">
                  <a16:creationId xmlns:a16="http://schemas.microsoft.com/office/drawing/2014/main" id="{F823F5F2-BA1A-F3FC-C46F-62073FF679D6}"/>
                </a:ext>
              </a:extLst>
            </p:cNvPr>
            <p:cNvSpPr/>
            <p:nvPr/>
          </p:nvSpPr>
          <p:spPr bwMode="auto">
            <a:xfrm>
              <a:off x="2761889"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3" name="Oval 42">
              <a:extLst>
                <a:ext uri="{FF2B5EF4-FFF2-40B4-BE49-F238E27FC236}">
                  <a16:creationId xmlns:a16="http://schemas.microsoft.com/office/drawing/2014/main" id="{1AB0EABB-FFBD-89C3-BD9C-19D22DE9C0E0}"/>
                </a:ext>
              </a:extLst>
            </p:cNvPr>
            <p:cNvSpPr/>
            <p:nvPr/>
          </p:nvSpPr>
          <p:spPr bwMode="auto">
            <a:xfrm>
              <a:off x="2934540"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4" name="Oval 43">
              <a:extLst>
                <a:ext uri="{FF2B5EF4-FFF2-40B4-BE49-F238E27FC236}">
                  <a16:creationId xmlns:a16="http://schemas.microsoft.com/office/drawing/2014/main" id="{A8F15AFB-9B15-AAD2-C37D-A673DAB14DAA}"/>
                </a:ext>
              </a:extLst>
            </p:cNvPr>
            <p:cNvSpPr/>
            <p:nvPr/>
          </p:nvSpPr>
          <p:spPr bwMode="auto">
            <a:xfrm>
              <a:off x="3107191"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5" name="Oval 44">
              <a:extLst>
                <a:ext uri="{FF2B5EF4-FFF2-40B4-BE49-F238E27FC236}">
                  <a16:creationId xmlns:a16="http://schemas.microsoft.com/office/drawing/2014/main" id="{14DD0AAD-796D-CF9F-5F5B-ECE6B7627239}"/>
                </a:ext>
              </a:extLst>
            </p:cNvPr>
            <p:cNvSpPr/>
            <p:nvPr/>
          </p:nvSpPr>
          <p:spPr bwMode="auto">
            <a:xfrm>
              <a:off x="3279842"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6" name="Oval 45">
              <a:extLst>
                <a:ext uri="{FF2B5EF4-FFF2-40B4-BE49-F238E27FC236}">
                  <a16:creationId xmlns:a16="http://schemas.microsoft.com/office/drawing/2014/main" id="{557916F9-2CB6-F132-8282-2AE968A86D21}"/>
                </a:ext>
              </a:extLst>
            </p:cNvPr>
            <p:cNvSpPr/>
            <p:nvPr/>
          </p:nvSpPr>
          <p:spPr bwMode="auto">
            <a:xfrm>
              <a:off x="3452493"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7" name="Oval 46">
              <a:extLst>
                <a:ext uri="{FF2B5EF4-FFF2-40B4-BE49-F238E27FC236}">
                  <a16:creationId xmlns:a16="http://schemas.microsoft.com/office/drawing/2014/main" id="{CC02D95B-724B-0627-A760-80C9B982EAE0}"/>
                </a:ext>
              </a:extLst>
            </p:cNvPr>
            <p:cNvSpPr/>
            <p:nvPr/>
          </p:nvSpPr>
          <p:spPr bwMode="auto">
            <a:xfrm>
              <a:off x="3625144"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8" name="Oval 47">
              <a:extLst>
                <a:ext uri="{FF2B5EF4-FFF2-40B4-BE49-F238E27FC236}">
                  <a16:creationId xmlns:a16="http://schemas.microsoft.com/office/drawing/2014/main" id="{5AB49FB9-28D1-CC2F-B503-B416DD1D8347}"/>
                </a:ext>
              </a:extLst>
            </p:cNvPr>
            <p:cNvSpPr/>
            <p:nvPr/>
          </p:nvSpPr>
          <p:spPr bwMode="auto">
            <a:xfrm>
              <a:off x="3797795"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9" name="Oval 48">
              <a:extLst>
                <a:ext uri="{FF2B5EF4-FFF2-40B4-BE49-F238E27FC236}">
                  <a16:creationId xmlns:a16="http://schemas.microsoft.com/office/drawing/2014/main" id="{6C321BFA-5ECB-68F1-AA3E-AB3E40EEF593}"/>
                </a:ext>
              </a:extLst>
            </p:cNvPr>
            <p:cNvSpPr/>
            <p:nvPr/>
          </p:nvSpPr>
          <p:spPr bwMode="auto">
            <a:xfrm>
              <a:off x="3970446"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0" name="Oval 49">
              <a:extLst>
                <a:ext uri="{FF2B5EF4-FFF2-40B4-BE49-F238E27FC236}">
                  <a16:creationId xmlns:a16="http://schemas.microsoft.com/office/drawing/2014/main" id="{2EF663D8-3686-D85E-D597-C74E6A3F83E2}"/>
                </a:ext>
              </a:extLst>
            </p:cNvPr>
            <p:cNvSpPr/>
            <p:nvPr/>
          </p:nvSpPr>
          <p:spPr bwMode="auto">
            <a:xfrm>
              <a:off x="2416555"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1" name="Oval 50">
              <a:extLst>
                <a:ext uri="{FF2B5EF4-FFF2-40B4-BE49-F238E27FC236}">
                  <a16:creationId xmlns:a16="http://schemas.microsoft.com/office/drawing/2014/main" id="{E9B381D7-0F28-5C11-8E1A-16563AF85999}"/>
                </a:ext>
              </a:extLst>
            </p:cNvPr>
            <p:cNvSpPr/>
            <p:nvPr/>
          </p:nvSpPr>
          <p:spPr bwMode="auto">
            <a:xfrm>
              <a:off x="2589206"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2" name="Oval 51">
              <a:extLst>
                <a:ext uri="{FF2B5EF4-FFF2-40B4-BE49-F238E27FC236}">
                  <a16:creationId xmlns:a16="http://schemas.microsoft.com/office/drawing/2014/main" id="{6124A6CB-0F52-66F1-0A1B-462DBBAC6227}"/>
                </a:ext>
              </a:extLst>
            </p:cNvPr>
            <p:cNvSpPr/>
            <p:nvPr/>
          </p:nvSpPr>
          <p:spPr bwMode="auto">
            <a:xfrm>
              <a:off x="2761857"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3" name="Oval 52">
              <a:extLst>
                <a:ext uri="{FF2B5EF4-FFF2-40B4-BE49-F238E27FC236}">
                  <a16:creationId xmlns:a16="http://schemas.microsoft.com/office/drawing/2014/main" id="{6FED36D2-FEB8-B2F1-10D3-F096BA490DB0}"/>
                </a:ext>
              </a:extLst>
            </p:cNvPr>
            <p:cNvSpPr/>
            <p:nvPr/>
          </p:nvSpPr>
          <p:spPr bwMode="auto">
            <a:xfrm>
              <a:off x="2934508"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4" name="Oval 53">
              <a:extLst>
                <a:ext uri="{FF2B5EF4-FFF2-40B4-BE49-F238E27FC236}">
                  <a16:creationId xmlns:a16="http://schemas.microsoft.com/office/drawing/2014/main" id="{3D844F3C-D544-D8E2-4A90-E7C9C24D8891}"/>
                </a:ext>
              </a:extLst>
            </p:cNvPr>
            <p:cNvSpPr/>
            <p:nvPr/>
          </p:nvSpPr>
          <p:spPr bwMode="auto">
            <a:xfrm>
              <a:off x="3107159"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5" name="Oval 54">
              <a:extLst>
                <a:ext uri="{FF2B5EF4-FFF2-40B4-BE49-F238E27FC236}">
                  <a16:creationId xmlns:a16="http://schemas.microsoft.com/office/drawing/2014/main" id="{8933C4E5-AE92-AFF4-C3F9-87063BC6A2AA}"/>
                </a:ext>
              </a:extLst>
            </p:cNvPr>
            <p:cNvSpPr/>
            <p:nvPr/>
          </p:nvSpPr>
          <p:spPr bwMode="auto">
            <a:xfrm>
              <a:off x="3279810"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6" name="Oval 55">
              <a:extLst>
                <a:ext uri="{FF2B5EF4-FFF2-40B4-BE49-F238E27FC236}">
                  <a16:creationId xmlns:a16="http://schemas.microsoft.com/office/drawing/2014/main" id="{9F4D14E1-52B6-B340-C449-D2DC3EEA0996}"/>
                </a:ext>
              </a:extLst>
            </p:cNvPr>
            <p:cNvSpPr/>
            <p:nvPr/>
          </p:nvSpPr>
          <p:spPr bwMode="auto">
            <a:xfrm>
              <a:off x="3452461"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7" name="Oval 56">
              <a:extLst>
                <a:ext uri="{FF2B5EF4-FFF2-40B4-BE49-F238E27FC236}">
                  <a16:creationId xmlns:a16="http://schemas.microsoft.com/office/drawing/2014/main" id="{5A232716-0ECA-5B7D-2D74-867DB85547F3}"/>
                </a:ext>
              </a:extLst>
            </p:cNvPr>
            <p:cNvSpPr/>
            <p:nvPr/>
          </p:nvSpPr>
          <p:spPr bwMode="auto">
            <a:xfrm>
              <a:off x="3625112"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8" name="Oval 57">
              <a:extLst>
                <a:ext uri="{FF2B5EF4-FFF2-40B4-BE49-F238E27FC236}">
                  <a16:creationId xmlns:a16="http://schemas.microsoft.com/office/drawing/2014/main" id="{C7512123-7414-E273-A2E1-3A4806CE1F8F}"/>
                </a:ext>
              </a:extLst>
            </p:cNvPr>
            <p:cNvSpPr/>
            <p:nvPr/>
          </p:nvSpPr>
          <p:spPr bwMode="auto">
            <a:xfrm>
              <a:off x="3797763"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9" name="Oval 58">
              <a:extLst>
                <a:ext uri="{FF2B5EF4-FFF2-40B4-BE49-F238E27FC236}">
                  <a16:creationId xmlns:a16="http://schemas.microsoft.com/office/drawing/2014/main" id="{09382448-B16B-4146-7094-FE1F2A96A726}"/>
                </a:ext>
              </a:extLst>
            </p:cNvPr>
            <p:cNvSpPr/>
            <p:nvPr/>
          </p:nvSpPr>
          <p:spPr bwMode="auto">
            <a:xfrm>
              <a:off x="3970414"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0" name="Oval 99">
              <a:extLst>
                <a:ext uri="{FF2B5EF4-FFF2-40B4-BE49-F238E27FC236}">
                  <a16:creationId xmlns:a16="http://schemas.microsoft.com/office/drawing/2014/main" id="{A991A58C-E08E-EA48-E291-56E49F9E8A28}"/>
                </a:ext>
              </a:extLst>
            </p:cNvPr>
            <p:cNvSpPr/>
            <p:nvPr/>
          </p:nvSpPr>
          <p:spPr bwMode="auto">
            <a:xfrm>
              <a:off x="2413379"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1" name="Oval 100">
              <a:extLst>
                <a:ext uri="{FF2B5EF4-FFF2-40B4-BE49-F238E27FC236}">
                  <a16:creationId xmlns:a16="http://schemas.microsoft.com/office/drawing/2014/main" id="{33E05578-F782-F55D-C52B-5A31C8F4EE37}"/>
                </a:ext>
              </a:extLst>
            </p:cNvPr>
            <p:cNvSpPr/>
            <p:nvPr/>
          </p:nvSpPr>
          <p:spPr bwMode="auto">
            <a:xfrm>
              <a:off x="2586030"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2" name="Oval 101">
              <a:extLst>
                <a:ext uri="{FF2B5EF4-FFF2-40B4-BE49-F238E27FC236}">
                  <a16:creationId xmlns:a16="http://schemas.microsoft.com/office/drawing/2014/main" id="{C83EA3CC-9C96-41C8-5EF2-FC7B6756D2E4}"/>
                </a:ext>
              </a:extLst>
            </p:cNvPr>
            <p:cNvSpPr/>
            <p:nvPr/>
          </p:nvSpPr>
          <p:spPr bwMode="auto">
            <a:xfrm>
              <a:off x="2758681"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3" name="Oval 102">
              <a:extLst>
                <a:ext uri="{FF2B5EF4-FFF2-40B4-BE49-F238E27FC236}">
                  <a16:creationId xmlns:a16="http://schemas.microsoft.com/office/drawing/2014/main" id="{DDE6810B-29F8-99F9-5481-16AB1D417BF0}"/>
                </a:ext>
              </a:extLst>
            </p:cNvPr>
            <p:cNvSpPr/>
            <p:nvPr/>
          </p:nvSpPr>
          <p:spPr bwMode="auto">
            <a:xfrm>
              <a:off x="2931332"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4" name="Oval 103">
              <a:extLst>
                <a:ext uri="{FF2B5EF4-FFF2-40B4-BE49-F238E27FC236}">
                  <a16:creationId xmlns:a16="http://schemas.microsoft.com/office/drawing/2014/main" id="{4D1E455C-1E1E-3CFF-6AF5-A69B535668DC}"/>
                </a:ext>
              </a:extLst>
            </p:cNvPr>
            <p:cNvSpPr/>
            <p:nvPr/>
          </p:nvSpPr>
          <p:spPr bwMode="auto">
            <a:xfrm>
              <a:off x="3103983"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5" name="Oval 104">
              <a:extLst>
                <a:ext uri="{FF2B5EF4-FFF2-40B4-BE49-F238E27FC236}">
                  <a16:creationId xmlns:a16="http://schemas.microsoft.com/office/drawing/2014/main" id="{07E9E3B2-1B26-0552-D4C2-5E2C59EB1393}"/>
                </a:ext>
              </a:extLst>
            </p:cNvPr>
            <p:cNvSpPr/>
            <p:nvPr/>
          </p:nvSpPr>
          <p:spPr bwMode="auto">
            <a:xfrm>
              <a:off x="3276634"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6" name="Oval 105">
              <a:extLst>
                <a:ext uri="{FF2B5EF4-FFF2-40B4-BE49-F238E27FC236}">
                  <a16:creationId xmlns:a16="http://schemas.microsoft.com/office/drawing/2014/main" id="{4606D6F9-2013-A31E-BB6A-95284347FA2A}"/>
                </a:ext>
              </a:extLst>
            </p:cNvPr>
            <p:cNvSpPr/>
            <p:nvPr/>
          </p:nvSpPr>
          <p:spPr bwMode="auto">
            <a:xfrm>
              <a:off x="3449285"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7" name="Oval 106">
              <a:extLst>
                <a:ext uri="{FF2B5EF4-FFF2-40B4-BE49-F238E27FC236}">
                  <a16:creationId xmlns:a16="http://schemas.microsoft.com/office/drawing/2014/main" id="{93CBF718-B8F3-DF12-CDBF-11D0092BDE2E}"/>
                </a:ext>
              </a:extLst>
            </p:cNvPr>
            <p:cNvSpPr/>
            <p:nvPr/>
          </p:nvSpPr>
          <p:spPr bwMode="auto">
            <a:xfrm>
              <a:off x="3621936"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8" name="Oval 107">
              <a:extLst>
                <a:ext uri="{FF2B5EF4-FFF2-40B4-BE49-F238E27FC236}">
                  <a16:creationId xmlns:a16="http://schemas.microsoft.com/office/drawing/2014/main" id="{7174EBBB-2A29-538F-9A2F-D0F99FB0AF8C}"/>
                </a:ext>
              </a:extLst>
            </p:cNvPr>
            <p:cNvSpPr/>
            <p:nvPr/>
          </p:nvSpPr>
          <p:spPr bwMode="auto">
            <a:xfrm>
              <a:off x="3794587"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9" name="Oval 108">
              <a:extLst>
                <a:ext uri="{FF2B5EF4-FFF2-40B4-BE49-F238E27FC236}">
                  <a16:creationId xmlns:a16="http://schemas.microsoft.com/office/drawing/2014/main" id="{2C000FE3-7FA6-12BD-FD67-6005614CB11A}"/>
                </a:ext>
              </a:extLst>
            </p:cNvPr>
            <p:cNvSpPr/>
            <p:nvPr/>
          </p:nvSpPr>
          <p:spPr bwMode="auto">
            <a:xfrm>
              <a:off x="3967238"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0" name="Oval 109">
              <a:extLst>
                <a:ext uri="{FF2B5EF4-FFF2-40B4-BE49-F238E27FC236}">
                  <a16:creationId xmlns:a16="http://schemas.microsoft.com/office/drawing/2014/main" id="{D1C2885F-A8FA-2212-7F67-FEFE5EB15A67}"/>
                </a:ext>
              </a:extLst>
            </p:cNvPr>
            <p:cNvSpPr/>
            <p:nvPr/>
          </p:nvSpPr>
          <p:spPr bwMode="auto">
            <a:xfrm>
              <a:off x="2413347"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1" name="Oval 110">
              <a:extLst>
                <a:ext uri="{FF2B5EF4-FFF2-40B4-BE49-F238E27FC236}">
                  <a16:creationId xmlns:a16="http://schemas.microsoft.com/office/drawing/2014/main" id="{E14A9C4B-8CA5-CDA8-6F99-915406822071}"/>
                </a:ext>
              </a:extLst>
            </p:cNvPr>
            <p:cNvSpPr/>
            <p:nvPr/>
          </p:nvSpPr>
          <p:spPr bwMode="auto">
            <a:xfrm>
              <a:off x="2585998"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2" name="Oval 111">
              <a:extLst>
                <a:ext uri="{FF2B5EF4-FFF2-40B4-BE49-F238E27FC236}">
                  <a16:creationId xmlns:a16="http://schemas.microsoft.com/office/drawing/2014/main" id="{6D46FE39-AF95-E44B-C3C7-3793A1449CA1}"/>
                </a:ext>
              </a:extLst>
            </p:cNvPr>
            <p:cNvSpPr/>
            <p:nvPr/>
          </p:nvSpPr>
          <p:spPr bwMode="auto">
            <a:xfrm>
              <a:off x="2758649"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3" name="Oval 112">
              <a:extLst>
                <a:ext uri="{FF2B5EF4-FFF2-40B4-BE49-F238E27FC236}">
                  <a16:creationId xmlns:a16="http://schemas.microsoft.com/office/drawing/2014/main" id="{BE13F946-3F46-C73A-5E91-5781B3E10CA2}"/>
                </a:ext>
              </a:extLst>
            </p:cNvPr>
            <p:cNvSpPr/>
            <p:nvPr/>
          </p:nvSpPr>
          <p:spPr bwMode="auto">
            <a:xfrm>
              <a:off x="2931300"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4" name="Oval 113">
              <a:extLst>
                <a:ext uri="{FF2B5EF4-FFF2-40B4-BE49-F238E27FC236}">
                  <a16:creationId xmlns:a16="http://schemas.microsoft.com/office/drawing/2014/main" id="{0A2C18A3-DE6D-E589-DAB9-89B3B7D2A954}"/>
                </a:ext>
              </a:extLst>
            </p:cNvPr>
            <p:cNvSpPr/>
            <p:nvPr/>
          </p:nvSpPr>
          <p:spPr bwMode="auto">
            <a:xfrm>
              <a:off x="3103951"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5" name="Oval 114">
              <a:extLst>
                <a:ext uri="{FF2B5EF4-FFF2-40B4-BE49-F238E27FC236}">
                  <a16:creationId xmlns:a16="http://schemas.microsoft.com/office/drawing/2014/main" id="{A94F3E08-59D9-B985-8B61-8C992DDF6080}"/>
                </a:ext>
              </a:extLst>
            </p:cNvPr>
            <p:cNvSpPr/>
            <p:nvPr/>
          </p:nvSpPr>
          <p:spPr bwMode="auto">
            <a:xfrm>
              <a:off x="3276602"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6" name="Oval 115">
              <a:extLst>
                <a:ext uri="{FF2B5EF4-FFF2-40B4-BE49-F238E27FC236}">
                  <a16:creationId xmlns:a16="http://schemas.microsoft.com/office/drawing/2014/main" id="{5395A18E-953D-F182-331E-302A882237CF}"/>
                </a:ext>
              </a:extLst>
            </p:cNvPr>
            <p:cNvSpPr/>
            <p:nvPr/>
          </p:nvSpPr>
          <p:spPr bwMode="auto">
            <a:xfrm>
              <a:off x="3449253"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7" name="Oval 116">
              <a:extLst>
                <a:ext uri="{FF2B5EF4-FFF2-40B4-BE49-F238E27FC236}">
                  <a16:creationId xmlns:a16="http://schemas.microsoft.com/office/drawing/2014/main" id="{1C7B409E-3FE3-4797-9429-BE8BAA16C00A}"/>
                </a:ext>
              </a:extLst>
            </p:cNvPr>
            <p:cNvSpPr/>
            <p:nvPr/>
          </p:nvSpPr>
          <p:spPr bwMode="auto">
            <a:xfrm>
              <a:off x="3621904"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8" name="Oval 117">
              <a:extLst>
                <a:ext uri="{FF2B5EF4-FFF2-40B4-BE49-F238E27FC236}">
                  <a16:creationId xmlns:a16="http://schemas.microsoft.com/office/drawing/2014/main" id="{40D7A36D-D527-8F84-F95E-0468A2578C68}"/>
                </a:ext>
              </a:extLst>
            </p:cNvPr>
            <p:cNvSpPr/>
            <p:nvPr/>
          </p:nvSpPr>
          <p:spPr bwMode="auto">
            <a:xfrm>
              <a:off x="3794555"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9" name="Oval 118">
              <a:extLst>
                <a:ext uri="{FF2B5EF4-FFF2-40B4-BE49-F238E27FC236}">
                  <a16:creationId xmlns:a16="http://schemas.microsoft.com/office/drawing/2014/main" id="{9EE64F18-688F-ECE3-CCA3-7BD1FEC97394}"/>
                </a:ext>
              </a:extLst>
            </p:cNvPr>
            <p:cNvSpPr/>
            <p:nvPr/>
          </p:nvSpPr>
          <p:spPr bwMode="auto">
            <a:xfrm>
              <a:off x="3967206"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0" name="Oval 119">
              <a:extLst>
                <a:ext uri="{FF2B5EF4-FFF2-40B4-BE49-F238E27FC236}">
                  <a16:creationId xmlns:a16="http://schemas.microsoft.com/office/drawing/2014/main" id="{E6F92C1F-AA20-1575-A1ED-2CB1C282B1E7}"/>
                </a:ext>
              </a:extLst>
            </p:cNvPr>
            <p:cNvSpPr/>
            <p:nvPr/>
          </p:nvSpPr>
          <p:spPr bwMode="auto">
            <a:xfrm>
              <a:off x="2420654"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1" name="Oval 120">
              <a:extLst>
                <a:ext uri="{FF2B5EF4-FFF2-40B4-BE49-F238E27FC236}">
                  <a16:creationId xmlns:a16="http://schemas.microsoft.com/office/drawing/2014/main" id="{A96D47C3-6CF4-B6CE-6A40-72CED0AE1554}"/>
                </a:ext>
              </a:extLst>
            </p:cNvPr>
            <p:cNvSpPr/>
            <p:nvPr/>
          </p:nvSpPr>
          <p:spPr bwMode="auto">
            <a:xfrm>
              <a:off x="2593305"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2" name="Oval 121">
              <a:extLst>
                <a:ext uri="{FF2B5EF4-FFF2-40B4-BE49-F238E27FC236}">
                  <a16:creationId xmlns:a16="http://schemas.microsoft.com/office/drawing/2014/main" id="{7931673E-48E3-C9AB-5A41-7C5BC65A185A}"/>
                </a:ext>
              </a:extLst>
            </p:cNvPr>
            <p:cNvSpPr/>
            <p:nvPr/>
          </p:nvSpPr>
          <p:spPr bwMode="auto">
            <a:xfrm>
              <a:off x="2765956"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3" name="Oval 122">
              <a:extLst>
                <a:ext uri="{FF2B5EF4-FFF2-40B4-BE49-F238E27FC236}">
                  <a16:creationId xmlns:a16="http://schemas.microsoft.com/office/drawing/2014/main" id="{00B21C8C-9EC3-1913-E542-5CE4020CE789}"/>
                </a:ext>
              </a:extLst>
            </p:cNvPr>
            <p:cNvSpPr/>
            <p:nvPr/>
          </p:nvSpPr>
          <p:spPr bwMode="auto">
            <a:xfrm>
              <a:off x="2938607"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4" name="Oval 123">
              <a:extLst>
                <a:ext uri="{FF2B5EF4-FFF2-40B4-BE49-F238E27FC236}">
                  <a16:creationId xmlns:a16="http://schemas.microsoft.com/office/drawing/2014/main" id="{2E51DF3B-A4F9-52DA-DCE5-CC1247C39DB2}"/>
                </a:ext>
              </a:extLst>
            </p:cNvPr>
            <p:cNvSpPr/>
            <p:nvPr/>
          </p:nvSpPr>
          <p:spPr bwMode="auto">
            <a:xfrm>
              <a:off x="3111258"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5" name="Oval 124">
              <a:extLst>
                <a:ext uri="{FF2B5EF4-FFF2-40B4-BE49-F238E27FC236}">
                  <a16:creationId xmlns:a16="http://schemas.microsoft.com/office/drawing/2014/main" id="{E733E56B-ED7E-D386-5002-D4BD7C787C07}"/>
                </a:ext>
              </a:extLst>
            </p:cNvPr>
            <p:cNvSpPr/>
            <p:nvPr/>
          </p:nvSpPr>
          <p:spPr bwMode="auto">
            <a:xfrm>
              <a:off x="3283909"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6" name="Oval 125">
              <a:extLst>
                <a:ext uri="{FF2B5EF4-FFF2-40B4-BE49-F238E27FC236}">
                  <a16:creationId xmlns:a16="http://schemas.microsoft.com/office/drawing/2014/main" id="{EB4B71E2-3005-DD72-51CC-5915806154FE}"/>
                </a:ext>
              </a:extLst>
            </p:cNvPr>
            <p:cNvSpPr/>
            <p:nvPr/>
          </p:nvSpPr>
          <p:spPr bwMode="auto">
            <a:xfrm>
              <a:off x="3456560"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7" name="Oval 126">
              <a:extLst>
                <a:ext uri="{FF2B5EF4-FFF2-40B4-BE49-F238E27FC236}">
                  <a16:creationId xmlns:a16="http://schemas.microsoft.com/office/drawing/2014/main" id="{5A01D12E-8735-B513-47B8-1DBD710CED19}"/>
                </a:ext>
              </a:extLst>
            </p:cNvPr>
            <p:cNvSpPr/>
            <p:nvPr/>
          </p:nvSpPr>
          <p:spPr bwMode="auto">
            <a:xfrm>
              <a:off x="3629211"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8" name="Oval 127">
              <a:extLst>
                <a:ext uri="{FF2B5EF4-FFF2-40B4-BE49-F238E27FC236}">
                  <a16:creationId xmlns:a16="http://schemas.microsoft.com/office/drawing/2014/main" id="{8AA27296-6CBD-54E8-B977-83316DA3BE4F}"/>
                </a:ext>
              </a:extLst>
            </p:cNvPr>
            <p:cNvSpPr/>
            <p:nvPr/>
          </p:nvSpPr>
          <p:spPr bwMode="auto">
            <a:xfrm>
              <a:off x="3801862"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9" name="Oval 128">
              <a:extLst>
                <a:ext uri="{FF2B5EF4-FFF2-40B4-BE49-F238E27FC236}">
                  <a16:creationId xmlns:a16="http://schemas.microsoft.com/office/drawing/2014/main" id="{53F7BC5A-602F-381F-1022-15FA3F35C06F}"/>
                </a:ext>
              </a:extLst>
            </p:cNvPr>
            <p:cNvSpPr/>
            <p:nvPr/>
          </p:nvSpPr>
          <p:spPr bwMode="auto">
            <a:xfrm>
              <a:off x="3974513"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0" name="Oval 129">
              <a:extLst>
                <a:ext uri="{FF2B5EF4-FFF2-40B4-BE49-F238E27FC236}">
                  <a16:creationId xmlns:a16="http://schemas.microsoft.com/office/drawing/2014/main" id="{F5335BC1-8D7B-A8B5-4764-D0EAA57CBCF5}"/>
                </a:ext>
              </a:extLst>
            </p:cNvPr>
            <p:cNvSpPr/>
            <p:nvPr/>
          </p:nvSpPr>
          <p:spPr bwMode="auto">
            <a:xfrm>
              <a:off x="2420622"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1" name="Oval 130">
              <a:extLst>
                <a:ext uri="{FF2B5EF4-FFF2-40B4-BE49-F238E27FC236}">
                  <a16:creationId xmlns:a16="http://schemas.microsoft.com/office/drawing/2014/main" id="{B7672B0D-839D-974E-CB2A-A50AA3ABFB96}"/>
                </a:ext>
              </a:extLst>
            </p:cNvPr>
            <p:cNvSpPr/>
            <p:nvPr/>
          </p:nvSpPr>
          <p:spPr bwMode="auto">
            <a:xfrm>
              <a:off x="2593273"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2" name="Oval 131">
              <a:extLst>
                <a:ext uri="{FF2B5EF4-FFF2-40B4-BE49-F238E27FC236}">
                  <a16:creationId xmlns:a16="http://schemas.microsoft.com/office/drawing/2014/main" id="{BF58903F-8269-110C-9F24-991F57A12B13}"/>
                </a:ext>
              </a:extLst>
            </p:cNvPr>
            <p:cNvSpPr/>
            <p:nvPr/>
          </p:nvSpPr>
          <p:spPr bwMode="auto">
            <a:xfrm>
              <a:off x="2765924"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3" name="Oval 132">
              <a:extLst>
                <a:ext uri="{FF2B5EF4-FFF2-40B4-BE49-F238E27FC236}">
                  <a16:creationId xmlns:a16="http://schemas.microsoft.com/office/drawing/2014/main" id="{AC728DC5-D338-0141-6A70-7FFC420E5963}"/>
                </a:ext>
              </a:extLst>
            </p:cNvPr>
            <p:cNvSpPr/>
            <p:nvPr/>
          </p:nvSpPr>
          <p:spPr bwMode="auto">
            <a:xfrm>
              <a:off x="2938575"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4" name="Oval 133">
              <a:extLst>
                <a:ext uri="{FF2B5EF4-FFF2-40B4-BE49-F238E27FC236}">
                  <a16:creationId xmlns:a16="http://schemas.microsoft.com/office/drawing/2014/main" id="{731D95B6-3F28-1B5A-12A9-8F449DB4DE6D}"/>
                </a:ext>
              </a:extLst>
            </p:cNvPr>
            <p:cNvSpPr/>
            <p:nvPr/>
          </p:nvSpPr>
          <p:spPr bwMode="auto">
            <a:xfrm>
              <a:off x="3111226"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5" name="Oval 134">
              <a:extLst>
                <a:ext uri="{FF2B5EF4-FFF2-40B4-BE49-F238E27FC236}">
                  <a16:creationId xmlns:a16="http://schemas.microsoft.com/office/drawing/2014/main" id="{3A2C1D2B-8B97-3418-138A-55CC6ADB190A}"/>
                </a:ext>
              </a:extLst>
            </p:cNvPr>
            <p:cNvSpPr/>
            <p:nvPr/>
          </p:nvSpPr>
          <p:spPr bwMode="auto">
            <a:xfrm>
              <a:off x="3283877"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6" name="Oval 135">
              <a:extLst>
                <a:ext uri="{FF2B5EF4-FFF2-40B4-BE49-F238E27FC236}">
                  <a16:creationId xmlns:a16="http://schemas.microsoft.com/office/drawing/2014/main" id="{4442D3EE-A8E5-52DA-239D-CD80CABB5C6A}"/>
                </a:ext>
              </a:extLst>
            </p:cNvPr>
            <p:cNvSpPr/>
            <p:nvPr/>
          </p:nvSpPr>
          <p:spPr bwMode="auto">
            <a:xfrm>
              <a:off x="3456528"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7" name="Oval 136">
              <a:extLst>
                <a:ext uri="{FF2B5EF4-FFF2-40B4-BE49-F238E27FC236}">
                  <a16:creationId xmlns:a16="http://schemas.microsoft.com/office/drawing/2014/main" id="{DD7A4A4A-E86C-BCD5-9BEB-0FDE01313A83}"/>
                </a:ext>
              </a:extLst>
            </p:cNvPr>
            <p:cNvSpPr/>
            <p:nvPr/>
          </p:nvSpPr>
          <p:spPr bwMode="auto">
            <a:xfrm>
              <a:off x="3629179"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8" name="Oval 137">
              <a:extLst>
                <a:ext uri="{FF2B5EF4-FFF2-40B4-BE49-F238E27FC236}">
                  <a16:creationId xmlns:a16="http://schemas.microsoft.com/office/drawing/2014/main" id="{96BE47CF-AAF0-06DE-C376-A6C02E117C49}"/>
                </a:ext>
              </a:extLst>
            </p:cNvPr>
            <p:cNvSpPr/>
            <p:nvPr/>
          </p:nvSpPr>
          <p:spPr bwMode="auto">
            <a:xfrm>
              <a:off x="3801830"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9" name="Oval 138">
              <a:extLst>
                <a:ext uri="{FF2B5EF4-FFF2-40B4-BE49-F238E27FC236}">
                  <a16:creationId xmlns:a16="http://schemas.microsoft.com/office/drawing/2014/main" id="{9E1227F8-BF19-1A35-9C1A-C0864B32A34A}"/>
                </a:ext>
              </a:extLst>
            </p:cNvPr>
            <p:cNvSpPr/>
            <p:nvPr/>
          </p:nvSpPr>
          <p:spPr bwMode="auto">
            <a:xfrm>
              <a:off x="3974481"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0" name="Oval 139">
              <a:extLst>
                <a:ext uri="{FF2B5EF4-FFF2-40B4-BE49-F238E27FC236}">
                  <a16:creationId xmlns:a16="http://schemas.microsoft.com/office/drawing/2014/main" id="{CA45AC23-F27D-16DC-D0F1-B1AE9152FEB5}"/>
                </a:ext>
              </a:extLst>
            </p:cNvPr>
            <p:cNvSpPr/>
            <p:nvPr/>
          </p:nvSpPr>
          <p:spPr bwMode="auto">
            <a:xfrm>
              <a:off x="2433624"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1" name="Oval 140">
              <a:extLst>
                <a:ext uri="{FF2B5EF4-FFF2-40B4-BE49-F238E27FC236}">
                  <a16:creationId xmlns:a16="http://schemas.microsoft.com/office/drawing/2014/main" id="{982F2BB5-373B-A1F1-A199-23A68722F0EF}"/>
                </a:ext>
              </a:extLst>
            </p:cNvPr>
            <p:cNvSpPr/>
            <p:nvPr/>
          </p:nvSpPr>
          <p:spPr bwMode="auto">
            <a:xfrm>
              <a:off x="2606275"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2" name="Oval 141">
              <a:extLst>
                <a:ext uri="{FF2B5EF4-FFF2-40B4-BE49-F238E27FC236}">
                  <a16:creationId xmlns:a16="http://schemas.microsoft.com/office/drawing/2014/main" id="{F0D16115-D94C-7D3C-1EC9-FCF4A2946665}"/>
                </a:ext>
              </a:extLst>
            </p:cNvPr>
            <p:cNvSpPr/>
            <p:nvPr/>
          </p:nvSpPr>
          <p:spPr bwMode="auto">
            <a:xfrm>
              <a:off x="2778926"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3" name="Oval 142">
              <a:extLst>
                <a:ext uri="{FF2B5EF4-FFF2-40B4-BE49-F238E27FC236}">
                  <a16:creationId xmlns:a16="http://schemas.microsoft.com/office/drawing/2014/main" id="{4DBE90C5-EE4A-AC8F-C4CC-BEFF63270118}"/>
                </a:ext>
              </a:extLst>
            </p:cNvPr>
            <p:cNvSpPr/>
            <p:nvPr/>
          </p:nvSpPr>
          <p:spPr bwMode="auto">
            <a:xfrm>
              <a:off x="2951577"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4" name="Oval 143">
              <a:extLst>
                <a:ext uri="{FF2B5EF4-FFF2-40B4-BE49-F238E27FC236}">
                  <a16:creationId xmlns:a16="http://schemas.microsoft.com/office/drawing/2014/main" id="{19124403-F974-D583-B379-BE354F776DC9}"/>
                </a:ext>
              </a:extLst>
            </p:cNvPr>
            <p:cNvSpPr/>
            <p:nvPr/>
          </p:nvSpPr>
          <p:spPr bwMode="auto">
            <a:xfrm>
              <a:off x="3124228"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5" name="Oval 144">
              <a:extLst>
                <a:ext uri="{FF2B5EF4-FFF2-40B4-BE49-F238E27FC236}">
                  <a16:creationId xmlns:a16="http://schemas.microsoft.com/office/drawing/2014/main" id="{DF25F12F-50B9-D529-51AB-B0635F538FFC}"/>
                </a:ext>
              </a:extLst>
            </p:cNvPr>
            <p:cNvSpPr/>
            <p:nvPr/>
          </p:nvSpPr>
          <p:spPr bwMode="auto">
            <a:xfrm>
              <a:off x="3296879"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6" name="Oval 145">
              <a:extLst>
                <a:ext uri="{FF2B5EF4-FFF2-40B4-BE49-F238E27FC236}">
                  <a16:creationId xmlns:a16="http://schemas.microsoft.com/office/drawing/2014/main" id="{F5B9EB23-0E82-E497-24C9-FC78696053F0}"/>
                </a:ext>
              </a:extLst>
            </p:cNvPr>
            <p:cNvSpPr/>
            <p:nvPr/>
          </p:nvSpPr>
          <p:spPr bwMode="auto">
            <a:xfrm>
              <a:off x="3469530"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7" name="Oval 146">
              <a:extLst>
                <a:ext uri="{FF2B5EF4-FFF2-40B4-BE49-F238E27FC236}">
                  <a16:creationId xmlns:a16="http://schemas.microsoft.com/office/drawing/2014/main" id="{56D83058-1FDC-D86D-F6C8-A5022CDAF887}"/>
                </a:ext>
              </a:extLst>
            </p:cNvPr>
            <p:cNvSpPr/>
            <p:nvPr/>
          </p:nvSpPr>
          <p:spPr bwMode="auto">
            <a:xfrm>
              <a:off x="3642181"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8" name="Oval 147">
              <a:extLst>
                <a:ext uri="{FF2B5EF4-FFF2-40B4-BE49-F238E27FC236}">
                  <a16:creationId xmlns:a16="http://schemas.microsoft.com/office/drawing/2014/main" id="{B4748002-3DA0-48D4-73F5-EE911BD17255}"/>
                </a:ext>
              </a:extLst>
            </p:cNvPr>
            <p:cNvSpPr/>
            <p:nvPr/>
          </p:nvSpPr>
          <p:spPr bwMode="auto">
            <a:xfrm>
              <a:off x="3814832"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9" name="Oval 148">
              <a:extLst>
                <a:ext uri="{FF2B5EF4-FFF2-40B4-BE49-F238E27FC236}">
                  <a16:creationId xmlns:a16="http://schemas.microsoft.com/office/drawing/2014/main" id="{977964ED-B66B-3932-90E2-F0457857ADB6}"/>
                </a:ext>
              </a:extLst>
            </p:cNvPr>
            <p:cNvSpPr/>
            <p:nvPr/>
          </p:nvSpPr>
          <p:spPr bwMode="auto">
            <a:xfrm>
              <a:off x="3987483"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0" name="Oval 149">
              <a:extLst>
                <a:ext uri="{FF2B5EF4-FFF2-40B4-BE49-F238E27FC236}">
                  <a16:creationId xmlns:a16="http://schemas.microsoft.com/office/drawing/2014/main" id="{42AE1768-59C1-893B-DAFB-F2F082166248}"/>
                </a:ext>
              </a:extLst>
            </p:cNvPr>
            <p:cNvSpPr/>
            <p:nvPr/>
          </p:nvSpPr>
          <p:spPr bwMode="auto">
            <a:xfrm>
              <a:off x="2433592"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1" name="Oval 150">
              <a:extLst>
                <a:ext uri="{FF2B5EF4-FFF2-40B4-BE49-F238E27FC236}">
                  <a16:creationId xmlns:a16="http://schemas.microsoft.com/office/drawing/2014/main" id="{A2A05B01-93D5-D38E-97ED-704A3472536E}"/>
                </a:ext>
              </a:extLst>
            </p:cNvPr>
            <p:cNvSpPr/>
            <p:nvPr/>
          </p:nvSpPr>
          <p:spPr bwMode="auto">
            <a:xfrm>
              <a:off x="2606243"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2" name="Oval 151">
              <a:extLst>
                <a:ext uri="{FF2B5EF4-FFF2-40B4-BE49-F238E27FC236}">
                  <a16:creationId xmlns:a16="http://schemas.microsoft.com/office/drawing/2014/main" id="{9353FEAB-F745-3BEE-F6D2-24B78FD0C582}"/>
                </a:ext>
              </a:extLst>
            </p:cNvPr>
            <p:cNvSpPr/>
            <p:nvPr/>
          </p:nvSpPr>
          <p:spPr bwMode="auto">
            <a:xfrm>
              <a:off x="2778894"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3" name="Oval 152">
              <a:extLst>
                <a:ext uri="{FF2B5EF4-FFF2-40B4-BE49-F238E27FC236}">
                  <a16:creationId xmlns:a16="http://schemas.microsoft.com/office/drawing/2014/main" id="{417CAD2D-097A-891C-EF73-57903D5DBAF3}"/>
                </a:ext>
              </a:extLst>
            </p:cNvPr>
            <p:cNvSpPr/>
            <p:nvPr/>
          </p:nvSpPr>
          <p:spPr bwMode="auto">
            <a:xfrm>
              <a:off x="2951545"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4" name="Oval 153">
              <a:extLst>
                <a:ext uri="{FF2B5EF4-FFF2-40B4-BE49-F238E27FC236}">
                  <a16:creationId xmlns:a16="http://schemas.microsoft.com/office/drawing/2014/main" id="{002227C3-783A-9946-20D3-E4C3C4227F44}"/>
                </a:ext>
              </a:extLst>
            </p:cNvPr>
            <p:cNvSpPr/>
            <p:nvPr/>
          </p:nvSpPr>
          <p:spPr bwMode="auto">
            <a:xfrm>
              <a:off x="3124196"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5" name="Oval 154">
              <a:extLst>
                <a:ext uri="{FF2B5EF4-FFF2-40B4-BE49-F238E27FC236}">
                  <a16:creationId xmlns:a16="http://schemas.microsoft.com/office/drawing/2014/main" id="{B183ED91-AEDC-0F13-CFE3-00C113365011}"/>
                </a:ext>
              </a:extLst>
            </p:cNvPr>
            <p:cNvSpPr/>
            <p:nvPr/>
          </p:nvSpPr>
          <p:spPr bwMode="auto">
            <a:xfrm>
              <a:off x="3296847"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6" name="Oval 155">
              <a:extLst>
                <a:ext uri="{FF2B5EF4-FFF2-40B4-BE49-F238E27FC236}">
                  <a16:creationId xmlns:a16="http://schemas.microsoft.com/office/drawing/2014/main" id="{6AB33C2C-B739-4A59-3DE9-E33BA18CA331}"/>
                </a:ext>
              </a:extLst>
            </p:cNvPr>
            <p:cNvSpPr/>
            <p:nvPr/>
          </p:nvSpPr>
          <p:spPr bwMode="auto">
            <a:xfrm>
              <a:off x="3469498"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7" name="Oval 156">
              <a:extLst>
                <a:ext uri="{FF2B5EF4-FFF2-40B4-BE49-F238E27FC236}">
                  <a16:creationId xmlns:a16="http://schemas.microsoft.com/office/drawing/2014/main" id="{D1464146-AFDD-7021-5E74-1B36047EDA0F}"/>
                </a:ext>
              </a:extLst>
            </p:cNvPr>
            <p:cNvSpPr/>
            <p:nvPr/>
          </p:nvSpPr>
          <p:spPr bwMode="auto">
            <a:xfrm>
              <a:off x="3642149"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8" name="Oval 157">
              <a:extLst>
                <a:ext uri="{FF2B5EF4-FFF2-40B4-BE49-F238E27FC236}">
                  <a16:creationId xmlns:a16="http://schemas.microsoft.com/office/drawing/2014/main" id="{A3186D23-4BE7-7CCE-E28C-DB534FB57851}"/>
                </a:ext>
              </a:extLst>
            </p:cNvPr>
            <p:cNvSpPr/>
            <p:nvPr/>
          </p:nvSpPr>
          <p:spPr bwMode="auto">
            <a:xfrm>
              <a:off x="3814800"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9" name="Oval 158">
              <a:extLst>
                <a:ext uri="{FF2B5EF4-FFF2-40B4-BE49-F238E27FC236}">
                  <a16:creationId xmlns:a16="http://schemas.microsoft.com/office/drawing/2014/main" id="{08053DBC-FC52-777D-3C4B-1AE2E67FAA83}"/>
                </a:ext>
              </a:extLst>
            </p:cNvPr>
            <p:cNvSpPr/>
            <p:nvPr/>
          </p:nvSpPr>
          <p:spPr bwMode="auto">
            <a:xfrm>
              <a:off x="3987451"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grpSp>
      <p:sp>
        <p:nvSpPr>
          <p:cNvPr id="14721" name="TextBox 14720">
            <a:extLst>
              <a:ext uri="{FF2B5EF4-FFF2-40B4-BE49-F238E27FC236}">
                <a16:creationId xmlns:a16="http://schemas.microsoft.com/office/drawing/2014/main" id="{8924F997-459D-303C-A2E8-A2E369D4F959}"/>
              </a:ext>
            </a:extLst>
          </p:cNvPr>
          <p:cNvSpPr txBox="1"/>
          <p:nvPr/>
        </p:nvSpPr>
        <p:spPr>
          <a:xfrm>
            <a:off x="1921365" y="1411161"/>
            <a:ext cx="4861644" cy="3139321"/>
          </a:xfrm>
          <a:prstGeom prst="rect">
            <a:avLst/>
          </a:prstGeom>
          <a:noFill/>
        </p:spPr>
        <p:txBody>
          <a:bodyPr wrap="square" rtlCol="0">
            <a:spAutoFit/>
          </a:bodyPr>
          <a:lstStyle/>
          <a:p>
            <a:r>
              <a:rPr lang="en-US" dirty="0"/>
              <a:t>Modern AI uses ~500 billion parameters</a:t>
            </a:r>
          </a:p>
          <a:p>
            <a:endParaRPr lang="en-US" dirty="0"/>
          </a:p>
          <a:p>
            <a:r>
              <a:rPr lang="en-US" dirty="0"/>
              <a:t>~ 4,121 on 8.5 x 11 paper</a:t>
            </a:r>
          </a:p>
          <a:p>
            <a:r>
              <a:rPr lang="en-US" dirty="0"/>
              <a:t>~ 121,340,662 sheets of paper</a:t>
            </a:r>
          </a:p>
          <a:p>
            <a:r>
              <a:rPr lang="en-US" dirty="0"/>
              <a:t>~ 485,362.648 inches tall (@ 0.004 inches/sheet)</a:t>
            </a:r>
          </a:p>
          <a:p>
            <a:r>
              <a:rPr lang="en-US" dirty="0"/>
              <a:t>= </a:t>
            </a:r>
            <a:r>
              <a:rPr lang="en-US" dirty="0">
                <a:solidFill>
                  <a:schemeClr val="accent4"/>
                </a:solidFill>
              </a:rPr>
              <a:t>40,446.887 feet or 7.67 miles high</a:t>
            </a:r>
          </a:p>
          <a:p>
            <a:endParaRPr lang="en-US" dirty="0">
              <a:solidFill>
                <a:schemeClr val="accent4"/>
              </a:solidFill>
            </a:endParaRPr>
          </a:p>
          <a:p>
            <a:r>
              <a:rPr lang="en-US" dirty="0">
                <a:solidFill>
                  <a:schemeClr val="accent4"/>
                </a:solidFill>
              </a:rPr>
              <a:t>Taller than Everest/Deeper than the Mariana Trench</a:t>
            </a:r>
          </a:p>
          <a:p>
            <a:endParaRPr lang="en-US" dirty="0"/>
          </a:p>
          <a:p>
            <a:endParaRPr lang="en-US" dirty="0"/>
          </a:p>
        </p:txBody>
      </p:sp>
    </p:spTree>
    <p:extLst>
      <p:ext uri="{BB962C8B-B14F-4D97-AF65-F5344CB8AC3E}">
        <p14:creationId xmlns:p14="http://schemas.microsoft.com/office/powerpoint/2010/main" val="237695851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166323A-6748-038E-EA6E-C73A20703E0C}"/>
              </a:ext>
            </a:extLst>
          </p:cNvPr>
          <p:cNvSpPr>
            <a:spLocks noGrp="1"/>
          </p:cNvSpPr>
          <p:nvPr>
            <p:ph type="title"/>
          </p:nvPr>
        </p:nvSpPr>
        <p:spPr/>
        <p:txBody>
          <a:bodyPr/>
          <a:lstStyle/>
          <a:p>
            <a:r>
              <a:rPr lang="en-US" dirty="0"/>
              <a:t>Optimization</a:t>
            </a:r>
          </a:p>
        </p:txBody>
      </p:sp>
      <p:pic>
        <p:nvPicPr>
          <p:cNvPr id="6146" name="Picture 2" descr="An Intuitive Explanation of Gradient Descent | by Terence Shin | Towards  Data Science">
            <a:extLst>
              <a:ext uri="{FF2B5EF4-FFF2-40B4-BE49-F238E27FC236}">
                <a16:creationId xmlns:a16="http://schemas.microsoft.com/office/drawing/2014/main" id="{A9F965A3-C70B-BC9C-61C1-DC2446CE56B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44446" y="1543614"/>
            <a:ext cx="5033176" cy="2652903"/>
          </a:xfrm>
          <a:prstGeom prst="rect">
            <a:avLst/>
          </a:prstGeom>
          <a:noFill/>
          <a:extLst>
            <a:ext uri="{909E8E84-426E-40DD-AFC4-6F175D3DCCD1}">
              <a14:hiddenFill xmlns:a14="http://schemas.microsoft.com/office/drawing/2010/main">
                <a:solidFill>
                  <a:srgbClr val="FFFFFF"/>
                </a:solidFill>
              </a14:hiddenFill>
            </a:ext>
          </a:extLst>
        </p:spPr>
      </p:pic>
      <p:sp>
        <p:nvSpPr>
          <p:cNvPr id="3" name="TextBox 2">
            <a:extLst>
              <a:ext uri="{FF2B5EF4-FFF2-40B4-BE49-F238E27FC236}">
                <a16:creationId xmlns:a16="http://schemas.microsoft.com/office/drawing/2014/main" id="{65B40B1C-16BF-E1A0-A207-0C5D82F8C357}"/>
              </a:ext>
            </a:extLst>
          </p:cNvPr>
          <p:cNvSpPr txBox="1"/>
          <p:nvPr/>
        </p:nvSpPr>
        <p:spPr>
          <a:xfrm>
            <a:off x="2761034" y="551234"/>
            <a:ext cx="3698132" cy="923330"/>
          </a:xfrm>
          <a:prstGeom prst="rect">
            <a:avLst/>
          </a:prstGeom>
          <a:noFill/>
        </p:spPr>
        <p:txBody>
          <a:bodyPr wrap="square" rtlCol="0">
            <a:spAutoFit/>
          </a:bodyPr>
          <a:lstStyle/>
          <a:p>
            <a:r>
              <a:rPr lang="en-US" dirty="0"/>
              <a:t>Change the parameters until we minimize the times the model is wrong (or maximize the negative)</a:t>
            </a:r>
          </a:p>
        </p:txBody>
      </p:sp>
    </p:spTree>
    <p:extLst>
      <p:ext uri="{BB962C8B-B14F-4D97-AF65-F5344CB8AC3E}">
        <p14:creationId xmlns:p14="http://schemas.microsoft.com/office/powerpoint/2010/main" val="260403758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B8670D-D42E-6D37-CB6F-23BE0DAED173}"/>
              </a:ext>
            </a:extLst>
          </p:cNvPr>
          <p:cNvSpPr>
            <a:spLocks noGrp="1"/>
          </p:cNvSpPr>
          <p:nvPr>
            <p:ph type="title"/>
          </p:nvPr>
        </p:nvSpPr>
        <p:spPr/>
        <p:txBody>
          <a:bodyPr/>
          <a:lstStyle/>
          <a:p>
            <a:r>
              <a:rPr lang="en-US" dirty="0"/>
              <a:t>Latent Representations</a:t>
            </a:r>
          </a:p>
        </p:txBody>
      </p:sp>
      <p:pic>
        <p:nvPicPr>
          <p:cNvPr id="4098" name="Picture 2" descr="machine learning - What is a latent space? - Cross Validated">
            <a:extLst>
              <a:ext uri="{FF2B5EF4-FFF2-40B4-BE49-F238E27FC236}">
                <a16:creationId xmlns:a16="http://schemas.microsoft.com/office/drawing/2014/main" id="{9235C2BC-EDEC-CE5B-08E3-A53973701E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206377" y="716644"/>
            <a:ext cx="4561976" cy="1998241"/>
          </a:xfrm>
          <a:prstGeom prst="rect">
            <a:avLst/>
          </a:prstGeom>
          <a:noFill/>
          <a:extLst>
            <a:ext uri="{909E8E84-426E-40DD-AFC4-6F175D3DCCD1}">
              <a14:hiddenFill xmlns:a14="http://schemas.microsoft.com/office/drawing/2010/main">
                <a:solidFill>
                  <a:srgbClr val="FFFFFF"/>
                </a:solidFill>
              </a14:hiddenFill>
            </a:ext>
          </a:extLst>
        </p:spPr>
      </p:pic>
      <p:pic>
        <p:nvPicPr>
          <p:cNvPr id="3" name="Picture 2" descr="machine learning - What is a latent space? - Cross Validated">
            <a:extLst>
              <a:ext uri="{FF2B5EF4-FFF2-40B4-BE49-F238E27FC236}">
                <a16:creationId xmlns:a16="http://schemas.microsoft.com/office/drawing/2014/main" id="{5FB1FB02-BEB3-C408-52CC-323D85DECABC}"/>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649" r="42430" b="-649"/>
          <a:stretch/>
        </p:blipFill>
        <p:spPr bwMode="auto">
          <a:xfrm>
            <a:off x="1206377" y="2850195"/>
            <a:ext cx="2626321" cy="1998241"/>
          </a:xfrm>
          <a:prstGeom prst="rect">
            <a:avLst/>
          </a:prstGeom>
          <a:noFill/>
          <a:extLst>
            <a:ext uri="{909E8E84-426E-40DD-AFC4-6F175D3DCCD1}">
              <a14:hiddenFill xmlns:a14="http://schemas.microsoft.com/office/drawing/2010/main">
                <a:solidFill>
                  <a:srgbClr val="FFFFFF"/>
                </a:solidFill>
              </a14:hiddenFill>
            </a:ext>
          </a:extLst>
        </p:spPr>
      </p:pic>
      <p:grpSp>
        <p:nvGrpSpPr>
          <p:cNvPr id="11" name="Group 10">
            <a:extLst>
              <a:ext uri="{FF2B5EF4-FFF2-40B4-BE49-F238E27FC236}">
                <a16:creationId xmlns:a16="http://schemas.microsoft.com/office/drawing/2014/main" id="{4F6A79C6-B723-A585-7322-FE2889492FEC}"/>
              </a:ext>
            </a:extLst>
          </p:cNvPr>
          <p:cNvGrpSpPr/>
          <p:nvPr/>
        </p:nvGrpSpPr>
        <p:grpSpPr>
          <a:xfrm>
            <a:off x="3832698" y="3255523"/>
            <a:ext cx="959796" cy="953311"/>
            <a:chOff x="3904034" y="3125821"/>
            <a:chExt cx="959796" cy="953311"/>
          </a:xfrm>
        </p:grpSpPr>
        <p:cxnSp>
          <p:nvCxnSpPr>
            <p:cNvPr id="5" name="Straight Arrow Connector 4">
              <a:extLst>
                <a:ext uri="{FF2B5EF4-FFF2-40B4-BE49-F238E27FC236}">
                  <a16:creationId xmlns:a16="http://schemas.microsoft.com/office/drawing/2014/main" id="{E822326D-BB77-64AC-C42F-3F7AAE86A260}"/>
                </a:ext>
              </a:extLst>
            </p:cNvPr>
            <p:cNvCxnSpPr/>
            <p:nvPr/>
          </p:nvCxnSpPr>
          <p:spPr bwMode="auto">
            <a:xfrm flipV="1">
              <a:off x="3904034" y="3125821"/>
              <a:ext cx="914400" cy="46044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8" name="Straight Arrow Connector 7">
              <a:extLst>
                <a:ext uri="{FF2B5EF4-FFF2-40B4-BE49-F238E27FC236}">
                  <a16:creationId xmlns:a16="http://schemas.microsoft.com/office/drawing/2014/main" id="{A1D09F67-A0D8-0C50-AA4F-58EEB898D6A7}"/>
                </a:ext>
              </a:extLst>
            </p:cNvPr>
            <p:cNvCxnSpPr/>
            <p:nvPr/>
          </p:nvCxnSpPr>
          <p:spPr bwMode="auto">
            <a:xfrm>
              <a:off x="3917004" y="3599234"/>
              <a:ext cx="946826" cy="0"/>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10" name="Straight Arrow Connector 9">
              <a:extLst>
                <a:ext uri="{FF2B5EF4-FFF2-40B4-BE49-F238E27FC236}">
                  <a16:creationId xmlns:a16="http://schemas.microsoft.com/office/drawing/2014/main" id="{DB1031AE-7C07-7BB9-BA92-8857240B7DCE}"/>
                </a:ext>
              </a:extLst>
            </p:cNvPr>
            <p:cNvCxnSpPr/>
            <p:nvPr/>
          </p:nvCxnSpPr>
          <p:spPr bwMode="auto">
            <a:xfrm>
              <a:off x="3904034" y="3586264"/>
              <a:ext cx="914400" cy="492868"/>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grpSp>
      <p:sp>
        <p:nvSpPr>
          <p:cNvPr id="12" name="TextBox 11">
            <a:extLst>
              <a:ext uri="{FF2B5EF4-FFF2-40B4-BE49-F238E27FC236}">
                <a16:creationId xmlns:a16="http://schemas.microsoft.com/office/drawing/2014/main" id="{518796ED-4302-E170-C1FB-3026894B7D01}"/>
              </a:ext>
            </a:extLst>
          </p:cNvPr>
          <p:cNvSpPr txBox="1"/>
          <p:nvPr/>
        </p:nvSpPr>
        <p:spPr>
          <a:xfrm>
            <a:off x="4792494" y="3064373"/>
            <a:ext cx="498855" cy="369332"/>
          </a:xfrm>
          <a:prstGeom prst="rect">
            <a:avLst/>
          </a:prstGeom>
          <a:noFill/>
        </p:spPr>
        <p:txBody>
          <a:bodyPr wrap="none" rtlCol="0">
            <a:spAutoFit/>
          </a:bodyPr>
          <a:lstStyle/>
          <a:p>
            <a:r>
              <a:rPr lang="en-US" dirty="0"/>
              <a:t>Car</a:t>
            </a:r>
          </a:p>
        </p:txBody>
      </p:sp>
      <p:sp>
        <p:nvSpPr>
          <p:cNvPr id="13" name="TextBox 12">
            <a:extLst>
              <a:ext uri="{FF2B5EF4-FFF2-40B4-BE49-F238E27FC236}">
                <a16:creationId xmlns:a16="http://schemas.microsoft.com/office/drawing/2014/main" id="{CF0DF9C8-05C7-25A1-274D-3F23B95FC384}"/>
              </a:ext>
            </a:extLst>
          </p:cNvPr>
          <p:cNvSpPr txBox="1"/>
          <p:nvPr/>
        </p:nvSpPr>
        <p:spPr>
          <a:xfrm>
            <a:off x="4805464" y="3531300"/>
            <a:ext cx="867545" cy="369332"/>
          </a:xfrm>
          <a:prstGeom prst="rect">
            <a:avLst/>
          </a:prstGeom>
          <a:noFill/>
        </p:spPr>
        <p:txBody>
          <a:bodyPr wrap="none" rtlCol="0">
            <a:spAutoFit/>
          </a:bodyPr>
          <a:lstStyle/>
          <a:p>
            <a:r>
              <a:rPr lang="en-US" dirty="0"/>
              <a:t>Human</a:t>
            </a:r>
          </a:p>
        </p:txBody>
      </p:sp>
      <p:sp>
        <p:nvSpPr>
          <p:cNvPr id="14" name="TextBox 13">
            <a:extLst>
              <a:ext uri="{FF2B5EF4-FFF2-40B4-BE49-F238E27FC236}">
                <a16:creationId xmlns:a16="http://schemas.microsoft.com/office/drawing/2014/main" id="{DC5239F4-F176-0F3D-37C3-520C9C253485}"/>
              </a:ext>
            </a:extLst>
          </p:cNvPr>
          <p:cNvSpPr txBox="1"/>
          <p:nvPr/>
        </p:nvSpPr>
        <p:spPr>
          <a:xfrm>
            <a:off x="4805464" y="3998227"/>
            <a:ext cx="1008481" cy="369332"/>
          </a:xfrm>
          <a:prstGeom prst="rect">
            <a:avLst/>
          </a:prstGeom>
          <a:noFill/>
        </p:spPr>
        <p:txBody>
          <a:bodyPr wrap="none" rtlCol="0">
            <a:spAutoFit/>
          </a:bodyPr>
          <a:lstStyle/>
          <a:p>
            <a:r>
              <a:rPr lang="en-US" dirty="0"/>
              <a:t>Trashcan</a:t>
            </a:r>
          </a:p>
        </p:txBody>
      </p:sp>
    </p:spTree>
    <p:extLst>
      <p:ext uri="{BB962C8B-B14F-4D97-AF65-F5344CB8AC3E}">
        <p14:creationId xmlns:p14="http://schemas.microsoft.com/office/powerpoint/2010/main" val="210895475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bject 2"/>
          <p:cNvSpPr txBox="1">
            <a:spLocks noGrp="1"/>
          </p:cNvSpPr>
          <p:nvPr>
            <p:ph type="title"/>
          </p:nvPr>
        </p:nvSpPr>
        <p:spPr>
          <a:xfrm>
            <a:off x="338761" y="765685"/>
            <a:ext cx="5979172" cy="438101"/>
          </a:xfrm>
          <a:prstGeom prst="rect">
            <a:avLst/>
          </a:prstGeom>
        </p:spPr>
        <p:txBody>
          <a:bodyPr vert="horz" wrap="square" lIns="0" tIns="7144" rIns="0" bIns="0" numCol="1" rtlCol="0" anchor="ctr" anchorCtr="0" compatLnSpc="1">
            <a:prstTxWarp prst="textNoShape">
              <a:avLst/>
            </a:prstTxWarp>
            <a:spAutoFit/>
          </a:bodyPr>
          <a:lstStyle/>
          <a:p>
            <a:pPr marL="1248014">
              <a:spcBef>
                <a:spcPts val="56"/>
              </a:spcBef>
            </a:pPr>
            <a:r>
              <a:rPr dirty="0"/>
              <a:t>GPT</a:t>
            </a:r>
            <a:r>
              <a:rPr spc="-115" dirty="0"/>
              <a:t> </a:t>
            </a:r>
            <a:r>
              <a:rPr spc="-23" dirty="0"/>
              <a:t>Assistant</a:t>
            </a:r>
            <a:r>
              <a:rPr spc="-115" dirty="0"/>
              <a:t> </a:t>
            </a:r>
            <a:r>
              <a:rPr spc="-20" dirty="0"/>
              <a:t>training</a:t>
            </a:r>
            <a:r>
              <a:rPr spc="-110" dirty="0"/>
              <a:t> </a:t>
            </a:r>
            <a:r>
              <a:rPr spc="-23" dirty="0"/>
              <a:t>pipeline</a:t>
            </a:r>
          </a:p>
        </p:txBody>
      </p:sp>
      <p:grpSp>
        <p:nvGrpSpPr>
          <p:cNvPr id="3" name="object 3"/>
          <p:cNvGrpSpPr/>
          <p:nvPr/>
        </p:nvGrpSpPr>
        <p:grpSpPr>
          <a:xfrm>
            <a:off x="860679" y="1539620"/>
            <a:ext cx="5738575" cy="2794635"/>
            <a:chOff x="1530096" y="1594103"/>
            <a:chExt cx="10201910" cy="4968240"/>
          </a:xfrm>
        </p:grpSpPr>
        <p:pic>
          <p:nvPicPr>
            <p:cNvPr id="4" name="object 4"/>
            <p:cNvPicPr/>
            <p:nvPr/>
          </p:nvPicPr>
          <p:blipFill>
            <a:blip r:embed="rId3" cstate="print"/>
            <a:stretch>
              <a:fillRect/>
            </a:stretch>
          </p:blipFill>
          <p:spPr>
            <a:xfrm>
              <a:off x="1530096" y="4745736"/>
              <a:ext cx="5135880" cy="633983"/>
            </a:xfrm>
            <a:prstGeom prst="rect">
              <a:avLst/>
            </a:prstGeom>
          </p:spPr>
        </p:pic>
        <p:pic>
          <p:nvPicPr>
            <p:cNvPr id="5" name="object 5"/>
            <p:cNvPicPr/>
            <p:nvPr/>
          </p:nvPicPr>
          <p:blipFill>
            <a:blip r:embed="rId4" cstate="print"/>
            <a:stretch>
              <a:fillRect/>
            </a:stretch>
          </p:blipFill>
          <p:spPr>
            <a:xfrm>
              <a:off x="4084319" y="5282183"/>
              <a:ext cx="2581655" cy="1280160"/>
            </a:xfrm>
            <a:prstGeom prst="rect">
              <a:avLst/>
            </a:prstGeom>
          </p:spPr>
        </p:pic>
        <p:pic>
          <p:nvPicPr>
            <p:cNvPr id="6" name="object 6"/>
            <p:cNvPicPr/>
            <p:nvPr/>
          </p:nvPicPr>
          <p:blipFill>
            <a:blip r:embed="rId5" cstate="print"/>
            <a:stretch>
              <a:fillRect/>
            </a:stretch>
          </p:blipFill>
          <p:spPr>
            <a:xfrm>
              <a:off x="6611111" y="4745736"/>
              <a:ext cx="2581655" cy="633983"/>
            </a:xfrm>
            <a:prstGeom prst="rect">
              <a:avLst/>
            </a:prstGeom>
          </p:spPr>
        </p:pic>
        <p:pic>
          <p:nvPicPr>
            <p:cNvPr id="7" name="object 7"/>
            <p:cNvPicPr/>
            <p:nvPr/>
          </p:nvPicPr>
          <p:blipFill>
            <a:blip r:embed="rId6" cstate="print"/>
            <a:stretch>
              <a:fillRect/>
            </a:stretch>
          </p:blipFill>
          <p:spPr>
            <a:xfrm>
              <a:off x="6611111" y="5282183"/>
              <a:ext cx="2581655" cy="1280160"/>
            </a:xfrm>
            <a:prstGeom prst="rect">
              <a:avLst/>
            </a:prstGeom>
          </p:spPr>
        </p:pic>
        <p:pic>
          <p:nvPicPr>
            <p:cNvPr id="8" name="object 8"/>
            <p:cNvPicPr/>
            <p:nvPr/>
          </p:nvPicPr>
          <p:blipFill>
            <a:blip r:embed="rId7" cstate="print"/>
            <a:stretch>
              <a:fillRect/>
            </a:stretch>
          </p:blipFill>
          <p:spPr>
            <a:xfrm>
              <a:off x="9153143" y="4745736"/>
              <a:ext cx="2578607" cy="633983"/>
            </a:xfrm>
            <a:prstGeom prst="rect">
              <a:avLst/>
            </a:prstGeom>
          </p:spPr>
        </p:pic>
        <p:pic>
          <p:nvPicPr>
            <p:cNvPr id="9" name="object 9"/>
            <p:cNvPicPr/>
            <p:nvPr/>
          </p:nvPicPr>
          <p:blipFill>
            <a:blip r:embed="rId8" cstate="print"/>
            <a:stretch>
              <a:fillRect/>
            </a:stretch>
          </p:blipFill>
          <p:spPr>
            <a:xfrm>
              <a:off x="9153143" y="5282183"/>
              <a:ext cx="2578607" cy="1280160"/>
            </a:xfrm>
            <a:prstGeom prst="rect">
              <a:avLst/>
            </a:prstGeom>
          </p:spPr>
        </p:pic>
        <p:pic>
          <p:nvPicPr>
            <p:cNvPr id="10" name="object 10"/>
            <p:cNvPicPr/>
            <p:nvPr/>
          </p:nvPicPr>
          <p:blipFill>
            <a:blip r:embed="rId9" cstate="print"/>
            <a:stretch>
              <a:fillRect/>
            </a:stretch>
          </p:blipFill>
          <p:spPr>
            <a:xfrm>
              <a:off x="1530096" y="5282183"/>
              <a:ext cx="2581655" cy="1280160"/>
            </a:xfrm>
            <a:prstGeom prst="rect">
              <a:avLst/>
            </a:prstGeom>
          </p:spPr>
        </p:pic>
        <p:pic>
          <p:nvPicPr>
            <p:cNvPr id="11" name="object 11"/>
            <p:cNvPicPr/>
            <p:nvPr/>
          </p:nvPicPr>
          <p:blipFill>
            <a:blip r:embed="rId10" cstate="print"/>
            <a:stretch>
              <a:fillRect/>
            </a:stretch>
          </p:blipFill>
          <p:spPr>
            <a:xfrm>
              <a:off x="1530096" y="3273552"/>
              <a:ext cx="2581655" cy="1078992"/>
            </a:xfrm>
            <a:prstGeom prst="rect">
              <a:avLst/>
            </a:prstGeom>
          </p:spPr>
        </p:pic>
        <p:pic>
          <p:nvPicPr>
            <p:cNvPr id="12" name="object 12"/>
            <p:cNvPicPr/>
            <p:nvPr/>
          </p:nvPicPr>
          <p:blipFill>
            <a:blip r:embed="rId11" cstate="print"/>
            <a:stretch>
              <a:fillRect/>
            </a:stretch>
          </p:blipFill>
          <p:spPr>
            <a:xfrm>
              <a:off x="4084319" y="3279647"/>
              <a:ext cx="2581655" cy="1057656"/>
            </a:xfrm>
            <a:prstGeom prst="rect">
              <a:avLst/>
            </a:prstGeom>
          </p:spPr>
        </p:pic>
        <p:pic>
          <p:nvPicPr>
            <p:cNvPr id="13" name="object 13"/>
            <p:cNvPicPr/>
            <p:nvPr/>
          </p:nvPicPr>
          <p:blipFill>
            <a:blip r:embed="rId12" cstate="print"/>
            <a:stretch>
              <a:fillRect/>
            </a:stretch>
          </p:blipFill>
          <p:spPr>
            <a:xfrm>
              <a:off x="6611111" y="3279647"/>
              <a:ext cx="2581655" cy="1033271"/>
            </a:xfrm>
            <a:prstGeom prst="rect">
              <a:avLst/>
            </a:prstGeom>
          </p:spPr>
        </p:pic>
        <p:pic>
          <p:nvPicPr>
            <p:cNvPr id="14" name="object 14"/>
            <p:cNvPicPr/>
            <p:nvPr/>
          </p:nvPicPr>
          <p:blipFill>
            <a:blip r:embed="rId13" cstate="print"/>
            <a:stretch>
              <a:fillRect/>
            </a:stretch>
          </p:blipFill>
          <p:spPr>
            <a:xfrm>
              <a:off x="9153143" y="3279647"/>
              <a:ext cx="2578607" cy="1018032"/>
            </a:xfrm>
            <a:prstGeom prst="rect">
              <a:avLst/>
            </a:prstGeom>
          </p:spPr>
        </p:pic>
        <p:pic>
          <p:nvPicPr>
            <p:cNvPr id="15" name="object 15"/>
            <p:cNvPicPr/>
            <p:nvPr/>
          </p:nvPicPr>
          <p:blipFill>
            <a:blip r:embed="rId14" cstate="print"/>
            <a:stretch>
              <a:fillRect/>
            </a:stretch>
          </p:blipFill>
          <p:spPr>
            <a:xfrm>
              <a:off x="1530096" y="1594103"/>
              <a:ext cx="5135880" cy="1405128"/>
            </a:xfrm>
            <a:prstGeom prst="rect">
              <a:avLst/>
            </a:prstGeom>
          </p:spPr>
        </p:pic>
        <p:pic>
          <p:nvPicPr>
            <p:cNvPr id="16" name="object 16"/>
            <p:cNvPicPr/>
            <p:nvPr/>
          </p:nvPicPr>
          <p:blipFill>
            <a:blip r:embed="rId15" cstate="print"/>
            <a:stretch>
              <a:fillRect/>
            </a:stretch>
          </p:blipFill>
          <p:spPr>
            <a:xfrm>
              <a:off x="6611111" y="1594103"/>
              <a:ext cx="2581655" cy="1405127"/>
            </a:xfrm>
            <a:prstGeom prst="rect">
              <a:avLst/>
            </a:prstGeom>
          </p:spPr>
        </p:pic>
        <p:pic>
          <p:nvPicPr>
            <p:cNvPr id="17" name="object 17"/>
            <p:cNvPicPr/>
            <p:nvPr/>
          </p:nvPicPr>
          <p:blipFill>
            <a:blip r:embed="rId16" cstate="print"/>
            <a:stretch>
              <a:fillRect/>
            </a:stretch>
          </p:blipFill>
          <p:spPr>
            <a:xfrm>
              <a:off x="9150096" y="1594103"/>
              <a:ext cx="2578607" cy="1405127"/>
            </a:xfrm>
            <a:prstGeom prst="rect">
              <a:avLst/>
            </a:prstGeom>
          </p:spPr>
        </p:pic>
      </p:grpSp>
      <p:sp>
        <p:nvSpPr>
          <p:cNvPr id="18" name="object 18"/>
          <p:cNvSpPr txBox="1"/>
          <p:nvPr/>
        </p:nvSpPr>
        <p:spPr>
          <a:xfrm>
            <a:off x="1251991" y="1330451"/>
            <a:ext cx="3619739" cy="154305"/>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956" b="1" kern="0" spc="-6" dirty="0">
                <a:solidFill>
                  <a:srgbClr val="FFFFFF"/>
                </a:solidFill>
                <a:latin typeface="Segoe UI Semibold"/>
                <a:cs typeface="Segoe UI Semibold"/>
              </a:rPr>
              <a:t>Pretraining</a:t>
            </a:r>
            <a:r>
              <a:rPr sz="956" b="1" kern="0" dirty="0">
                <a:solidFill>
                  <a:srgbClr val="FFFFFF"/>
                </a:solidFill>
                <a:latin typeface="Segoe UI Semibold"/>
                <a:cs typeface="Segoe UI Semibold"/>
              </a:rPr>
              <a:t>	</a:t>
            </a:r>
            <a:r>
              <a:rPr sz="956" b="1" kern="0" spc="-26" dirty="0">
                <a:solidFill>
                  <a:srgbClr val="FFFFFF"/>
                </a:solidFill>
                <a:latin typeface="Segoe UI Semibold"/>
                <a:cs typeface="Segoe UI Semibold"/>
              </a:rPr>
              <a:t>Supervised</a:t>
            </a:r>
            <a:r>
              <a:rPr sz="956" b="1" kern="0" spc="-42" dirty="0">
                <a:solidFill>
                  <a:srgbClr val="FFFFFF"/>
                </a:solidFill>
                <a:latin typeface="Segoe UI Semibold"/>
                <a:cs typeface="Segoe UI Semibold"/>
              </a:rPr>
              <a:t> </a:t>
            </a:r>
            <a:r>
              <a:rPr sz="956" b="1" kern="0" spc="-6" dirty="0">
                <a:solidFill>
                  <a:srgbClr val="FFFFFF"/>
                </a:solidFill>
                <a:latin typeface="Segoe UI Semibold"/>
                <a:cs typeface="Segoe UI Semibold"/>
              </a:rPr>
              <a:t>Finetuning</a:t>
            </a:r>
            <a:r>
              <a:rPr sz="956" b="1" kern="0" dirty="0">
                <a:solidFill>
                  <a:srgbClr val="FFFFFF"/>
                </a:solidFill>
                <a:latin typeface="Segoe UI Semibold"/>
                <a:cs typeface="Segoe UI Semibold"/>
              </a:rPr>
              <a:t>	</a:t>
            </a:r>
            <a:r>
              <a:rPr sz="956" b="1" kern="0" spc="-34" dirty="0">
                <a:solidFill>
                  <a:srgbClr val="FFFFFF"/>
                </a:solidFill>
                <a:latin typeface="Segoe UI Semibold"/>
                <a:cs typeface="Segoe UI Semibold"/>
              </a:rPr>
              <a:t>Reward</a:t>
            </a:r>
            <a:r>
              <a:rPr sz="956" b="1" kern="0" spc="-37" dirty="0">
                <a:solidFill>
                  <a:srgbClr val="FFFFFF"/>
                </a:solidFill>
                <a:latin typeface="Segoe UI Semibold"/>
                <a:cs typeface="Segoe UI Semibold"/>
              </a:rPr>
              <a:t> </a:t>
            </a:r>
            <a:r>
              <a:rPr sz="956" b="1" kern="0" spc="-23" dirty="0">
                <a:solidFill>
                  <a:srgbClr val="FFFFFF"/>
                </a:solidFill>
                <a:latin typeface="Segoe UI Semibold"/>
                <a:cs typeface="Segoe UI Semibold"/>
              </a:rPr>
              <a:t>Modeling</a:t>
            </a:r>
            <a:endParaRPr sz="956" kern="0">
              <a:solidFill>
                <a:sysClr val="windowText" lastClr="000000"/>
              </a:solidFill>
              <a:latin typeface="Segoe UI Semibold"/>
              <a:cs typeface="Segoe UI Semibold"/>
            </a:endParaRPr>
          </a:p>
        </p:txBody>
      </p:sp>
      <p:sp>
        <p:nvSpPr>
          <p:cNvPr id="19" name="object 19"/>
          <p:cNvSpPr txBox="1"/>
          <p:nvPr/>
        </p:nvSpPr>
        <p:spPr>
          <a:xfrm>
            <a:off x="5218545" y="1330451"/>
            <a:ext cx="1254800" cy="154305"/>
          </a:xfrm>
          <a:prstGeom prst="rect">
            <a:avLst/>
          </a:prstGeom>
        </p:spPr>
        <p:txBody>
          <a:bodyPr vert="horz" wrap="square" lIns="0" tIns="7144" rIns="0" bIns="0" rtlCol="0">
            <a:spAutoFit/>
          </a:bodyPr>
          <a:lstStyle/>
          <a:p>
            <a:pPr marL="7144" defTabSz="514350">
              <a:spcBef>
                <a:spcPts val="56"/>
              </a:spcBef>
            </a:pPr>
            <a:r>
              <a:rPr sz="956" b="1" kern="0" spc="-34" dirty="0">
                <a:solidFill>
                  <a:srgbClr val="FFFFFF"/>
                </a:solidFill>
                <a:latin typeface="Segoe UI Semibold"/>
                <a:cs typeface="Segoe UI Semibold"/>
              </a:rPr>
              <a:t>Reinforcement</a:t>
            </a:r>
            <a:r>
              <a:rPr sz="956" b="1" kern="0" spc="-23" dirty="0">
                <a:solidFill>
                  <a:srgbClr val="FFFFFF"/>
                </a:solidFill>
                <a:latin typeface="Segoe UI Semibold"/>
                <a:cs typeface="Segoe UI Semibold"/>
              </a:rPr>
              <a:t> </a:t>
            </a:r>
            <a:r>
              <a:rPr sz="956" b="1" kern="0" spc="-26" dirty="0">
                <a:solidFill>
                  <a:srgbClr val="FFFFFF"/>
                </a:solidFill>
                <a:latin typeface="Segoe UI Semibold"/>
                <a:cs typeface="Segoe UI Semibold"/>
              </a:rPr>
              <a:t>Learning</a:t>
            </a:r>
            <a:endParaRPr sz="956" kern="0">
              <a:solidFill>
                <a:sysClr val="windowText" lastClr="000000"/>
              </a:solidFill>
              <a:latin typeface="Segoe UI Semibold"/>
              <a:cs typeface="Segoe UI Semibold"/>
            </a:endParaRPr>
          </a:p>
        </p:txBody>
      </p:sp>
      <p:sp>
        <p:nvSpPr>
          <p:cNvPr id="20" name="object 20"/>
          <p:cNvSpPr txBox="1"/>
          <p:nvPr/>
        </p:nvSpPr>
        <p:spPr>
          <a:xfrm>
            <a:off x="2408497" y="3037807"/>
            <a:ext cx="202169" cy="198291"/>
          </a:xfrm>
          <a:prstGeom prst="rect">
            <a:avLst/>
          </a:prstGeom>
        </p:spPr>
        <p:txBody>
          <a:bodyPr vert="horz" wrap="square" lIns="0" tIns="18573" rIns="0" bIns="0" rtlCol="0">
            <a:spAutoFit/>
          </a:bodyPr>
          <a:lstStyle/>
          <a:p>
            <a:pPr marL="7144" marR="2858" defTabSz="514350">
              <a:lnSpc>
                <a:spcPts val="731"/>
              </a:lnSpc>
              <a:spcBef>
                <a:spcPts val="146"/>
              </a:spcBef>
            </a:pPr>
            <a:r>
              <a:rPr sz="675" b="1" kern="0" spc="-11" dirty="0">
                <a:solidFill>
                  <a:srgbClr val="FFE399"/>
                </a:solidFill>
                <a:latin typeface="Segoe UI Semibold"/>
                <a:cs typeface="Segoe UI Semibold"/>
              </a:rPr>
              <a:t>init from</a:t>
            </a:r>
            <a:endParaRPr sz="675" kern="0">
              <a:solidFill>
                <a:sysClr val="windowText" lastClr="000000"/>
              </a:solidFill>
              <a:latin typeface="Segoe UI Semibold"/>
              <a:cs typeface="Segoe UI Semibold"/>
            </a:endParaRPr>
          </a:p>
        </p:txBody>
      </p:sp>
      <p:sp>
        <p:nvSpPr>
          <p:cNvPr id="21" name="object 21"/>
          <p:cNvSpPr txBox="1"/>
          <p:nvPr/>
        </p:nvSpPr>
        <p:spPr>
          <a:xfrm>
            <a:off x="470964" y="1330451"/>
            <a:ext cx="312539"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Stage</a:t>
            </a:r>
            <a:endParaRPr sz="956" kern="0">
              <a:solidFill>
                <a:sysClr val="windowText" lastClr="000000"/>
              </a:solidFill>
              <a:latin typeface="Segoe UI"/>
              <a:cs typeface="Segoe UI"/>
            </a:endParaRPr>
          </a:p>
        </p:txBody>
      </p:sp>
      <p:sp>
        <p:nvSpPr>
          <p:cNvPr id="22" name="object 22"/>
          <p:cNvSpPr txBox="1"/>
          <p:nvPr/>
        </p:nvSpPr>
        <p:spPr>
          <a:xfrm>
            <a:off x="363450" y="1807082"/>
            <a:ext cx="420053"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Dataset</a:t>
            </a:r>
            <a:endParaRPr sz="956" kern="0">
              <a:solidFill>
                <a:sysClr val="windowText" lastClr="000000"/>
              </a:solidFill>
              <a:latin typeface="Segoe UI"/>
              <a:cs typeface="Segoe UI"/>
            </a:endParaRPr>
          </a:p>
        </p:txBody>
      </p:sp>
      <p:sp>
        <p:nvSpPr>
          <p:cNvPr id="23" name="object 23"/>
          <p:cNvSpPr txBox="1"/>
          <p:nvPr/>
        </p:nvSpPr>
        <p:spPr>
          <a:xfrm>
            <a:off x="232184" y="2664333"/>
            <a:ext cx="551141"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Algorithm</a:t>
            </a:r>
            <a:endParaRPr sz="956" kern="0">
              <a:solidFill>
                <a:sysClr val="windowText" lastClr="000000"/>
              </a:solidFill>
              <a:latin typeface="Segoe UI"/>
              <a:cs typeface="Segoe UI"/>
            </a:endParaRPr>
          </a:p>
        </p:txBody>
      </p:sp>
      <p:sp>
        <p:nvSpPr>
          <p:cNvPr id="24" name="object 24"/>
          <p:cNvSpPr txBox="1"/>
          <p:nvPr/>
        </p:nvSpPr>
        <p:spPr>
          <a:xfrm>
            <a:off x="424173" y="3356992"/>
            <a:ext cx="358973" cy="632962"/>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Model</a:t>
            </a:r>
            <a:endParaRPr sz="956" kern="0">
              <a:solidFill>
                <a:sysClr val="windowText" lastClr="000000"/>
              </a:solidFill>
              <a:latin typeface="Segoe UI"/>
              <a:cs typeface="Segoe UI"/>
            </a:endParaRPr>
          </a:p>
          <a:p>
            <a:pPr defTabSz="514350"/>
            <a:endParaRPr sz="1238" kern="0">
              <a:solidFill>
                <a:sysClr val="windowText" lastClr="000000"/>
              </a:solidFill>
              <a:latin typeface="Segoe UI"/>
              <a:cs typeface="Segoe UI"/>
            </a:endParaRPr>
          </a:p>
          <a:p>
            <a:pPr marL="33933" defTabSz="514350">
              <a:spcBef>
                <a:spcPts val="1080"/>
              </a:spcBef>
            </a:pPr>
            <a:r>
              <a:rPr sz="956" kern="0" spc="-6" dirty="0">
                <a:solidFill>
                  <a:srgbClr val="FFFFFF"/>
                </a:solidFill>
                <a:latin typeface="Segoe UI"/>
                <a:cs typeface="Segoe UI"/>
              </a:rPr>
              <a:t>Notes</a:t>
            </a:r>
            <a:endParaRPr sz="956" kern="0">
              <a:solidFill>
                <a:sysClr val="windowText" lastClr="000000"/>
              </a:solidFill>
              <a:latin typeface="Segoe UI"/>
              <a:cs typeface="Segoe UI"/>
            </a:endParaRPr>
          </a:p>
        </p:txBody>
      </p:sp>
      <p:grpSp>
        <p:nvGrpSpPr>
          <p:cNvPr id="25" name="object 25"/>
          <p:cNvGrpSpPr/>
          <p:nvPr/>
        </p:nvGrpSpPr>
        <p:grpSpPr>
          <a:xfrm>
            <a:off x="3456432" y="1611631"/>
            <a:ext cx="3063955" cy="248602"/>
            <a:chOff x="6144767" y="1722120"/>
            <a:chExt cx="5447030" cy="441959"/>
          </a:xfrm>
        </p:grpSpPr>
        <p:pic>
          <p:nvPicPr>
            <p:cNvPr id="26" name="object 26"/>
            <p:cNvPicPr/>
            <p:nvPr/>
          </p:nvPicPr>
          <p:blipFill>
            <a:blip r:embed="rId17" cstate="print"/>
            <a:stretch>
              <a:fillRect/>
            </a:stretch>
          </p:blipFill>
          <p:spPr>
            <a:xfrm>
              <a:off x="6169151" y="1749552"/>
              <a:ext cx="359664" cy="414527"/>
            </a:xfrm>
            <a:prstGeom prst="rect">
              <a:avLst/>
            </a:prstGeom>
          </p:spPr>
        </p:pic>
        <p:pic>
          <p:nvPicPr>
            <p:cNvPr id="27" name="object 27"/>
            <p:cNvPicPr/>
            <p:nvPr/>
          </p:nvPicPr>
          <p:blipFill>
            <a:blip r:embed="rId18" cstate="print"/>
            <a:stretch>
              <a:fillRect/>
            </a:stretch>
          </p:blipFill>
          <p:spPr>
            <a:xfrm>
              <a:off x="6144767" y="1722120"/>
              <a:ext cx="231648" cy="289560"/>
            </a:xfrm>
            <a:prstGeom prst="rect">
              <a:avLst/>
            </a:prstGeom>
          </p:spPr>
        </p:pic>
        <p:pic>
          <p:nvPicPr>
            <p:cNvPr id="28" name="object 28"/>
            <p:cNvPicPr/>
            <p:nvPr/>
          </p:nvPicPr>
          <p:blipFill>
            <a:blip r:embed="rId19" cstate="print"/>
            <a:stretch>
              <a:fillRect/>
            </a:stretch>
          </p:blipFill>
          <p:spPr>
            <a:xfrm>
              <a:off x="8689847" y="1749552"/>
              <a:ext cx="356616" cy="414527"/>
            </a:xfrm>
            <a:prstGeom prst="rect">
              <a:avLst/>
            </a:prstGeom>
          </p:spPr>
        </p:pic>
        <p:pic>
          <p:nvPicPr>
            <p:cNvPr id="29" name="object 29"/>
            <p:cNvPicPr/>
            <p:nvPr/>
          </p:nvPicPr>
          <p:blipFill>
            <a:blip r:embed="rId20" cstate="print"/>
            <a:stretch>
              <a:fillRect/>
            </a:stretch>
          </p:blipFill>
          <p:spPr>
            <a:xfrm>
              <a:off x="8662416" y="1722120"/>
              <a:ext cx="231648" cy="289560"/>
            </a:xfrm>
            <a:prstGeom prst="rect">
              <a:avLst/>
            </a:prstGeom>
          </p:spPr>
        </p:pic>
        <p:pic>
          <p:nvPicPr>
            <p:cNvPr id="30" name="object 30"/>
            <p:cNvPicPr/>
            <p:nvPr/>
          </p:nvPicPr>
          <p:blipFill>
            <a:blip r:embed="rId21" cstate="print"/>
            <a:stretch>
              <a:fillRect/>
            </a:stretch>
          </p:blipFill>
          <p:spPr>
            <a:xfrm>
              <a:off x="11231879" y="1749552"/>
              <a:ext cx="359664" cy="414527"/>
            </a:xfrm>
            <a:prstGeom prst="rect">
              <a:avLst/>
            </a:prstGeom>
          </p:spPr>
        </p:pic>
        <p:pic>
          <p:nvPicPr>
            <p:cNvPr id="31" name="object 31"/>
            <p:cNvPicPr/>
            <p:nvPr/>
          </p:nvPicPr>
          <p:blipFill>
            <a:blip r:embed="rId22" cstate="print"/>
            <a:stretch>
              <a:fillRect/>
            </a:stretch>
          </p:blipFill>
          <p:spPr>
            <a:xfrm>
              <a:off x="11207496" y="1722120"/>
              <a:ext cx="231648" cy="289560"/>
            </a:xfrm>
            <a:prstGeom prst="rect">
              <a:avLst/>
            </a:prstGeom>
          </p:spPr>
        </p:pic>
      </p:grpSp>
      <p:sp>
        <p:nvSpPr>
          <p:cNvPr id="32" name="object 32"/>
          <p:cNvSpPr txBox="1"/>
          <p:nvPr/>
        </p:nvSpPr>
        <p:spPr>
          <a:xfrm>
            <a:off x="3821991" y="3037807"/>
            <a:ext cx="202169" cy="198291"/>
          </a:xfrm>
          <a:prstGeom prst="rect">
            <a:avLst/>
          </a:prstGeom>
        </p:spPr>
        <p:txBody>
          <a:bodyPr vert="horz" wrap="square" lIns="0" tIns="18573" rIns="0" bIns="0" rtlCol="0">
            <a:spAutoFit/>
          </a:bodyPr>
          <a:lstStyle/>
          <a:p>
            <a:pPr marL="7144" marR="2858" defTabSz="514350">
              <a:lnSpc>
                <a:spcPts val="731"/>
              </a:lnSpc>
              <a:spcBef>
                <a:spcPts val="146"/>
              </a:spcBef>
            </a:pPr>
            <a:r>
              <a:rPr sz="675" b="1" kern="0" spc="-11" dirty="0">
                <a:solidFill>
                  <a:srgbClr val="FFE399"/>
                </a:solidFill>
                <a:latin typeface="Segoe UI Semibold"/>
                <a:cs typeface="Segoe UI Semibold"/>
              </a:rPr>
              <a:t>init from</a:t>
            </a:r>
            <a:endParaRPr sz="675" kern="0">
              <a:solidFill>
                <a:sysClr val="windowText" lastClr="000000"/>
              </a:solidFill>
              <a:latin typeface="Segoe UI Semibold"/>
              <a:cs typeface="Segoe UI Semibold"/>
            </a:endParaRPr>
          </a:p>
        </p:txBody>
      </p:sp>
      <p:sp>
        <p:nvSpPr>
          <p:cNvPr id="33" name="object 33"/>
          <p:cNvSpPr txBox="1"/>
          <p:nvPr/>
        </p:nvSpPr>
        <p:spPr>
          <a:xfrm>
            <a:off x="5254508" y="3041237"/>
            <a:ext cx="494705" cy="196849"/>
          </a:xfrm>
          <a:prstGeom prst="rect">
            <a:avLst/>
          </a:prstGeom>
        </p:spPr>
        <p:txBody>
          <a:bodyPr vert="horz" wrap="square" lIns="0" tIns="17145" rIns="0" bIns="0" rtlCol="0">
            <a:spAutoFit/>
          </a:bodyPr>
          <a:lstStyle/>
          <a:p>
            <a:pPr marL="7144" marR="2858" defTabSz="514350">
              <a:lnSpc>
                <a:spcPts val="743"/>
              </a:lnSpc>
              <a:spcBef>
                <a:spcPts val="135"/>
              </a:spcBef>
            </a:pPr>
            <a:r>
              <a:rPr sz="675" b="1" kern="0" spc="-11" dirty="0">
                <a:solidFill>
                  <a:srgbClr val="FFE399"/>
                </a:solidFill>
                <a:latin typeface="Segoe UI Semibold"/>
                <a:cs typeface="Segoe UI Semibold"/>
              </a:rPr>
              <a:t>init</a:t>
            </a:r>
            <a:r>
              <a:rPr sz="675" b="1" kern="0" spc="-31" dirty="0">
                <a:solidFill>
                  <a:srgbClr val="FFE399"/>
                </a:solidFill>
                <a:latin typeface="Segoe UI Semibold"/>
                <a:cs typeface="Segoe UI Semibold"/>
              </a:rPr>
              <a:t> </a:t>
            </a:r>
            <a:r>
              <a:rPr sz="675" b="1" kern="0" spc="-11" dirty="0">
                <a:solidFill>
                  <a:srgbClr val="FFE399"/>
                </a:solidFill>
                <a:latin typeface="Segoe UI Semibold"/>
                <a:cs typeface="Segoe UI Semibold"/>
              </a:rPr>
              <a:t>from</a:t>
            </a:r>
            <a:r>
              <a:rPr sz="675" b="1" kern="0" spc="-23" dirty="0">
                <a:solidFill>
                  <a:srgbClr val="FFE399"/>
                </a:solidFill>
                <a:latin typeface="Segoe UI Semibold"/>
                <a:cs typeface="Segoe UI Semibold"/>
              </a:rPr>
              <a:t> </a:t>
            </a:r>
            <a:r>
              <a:rPr sz="675" b="1" kern="0" spc="-14" dirty="0">
                <a:solidFill>
                  <a:srgbClr val="FFE399"/>
                </a:solidFill>
                <a:latin typeface="Segoe UI Semibold"/>
                <a:cs typeface="Segoe UI Semibold"/>
              </a:rPr>
              <a:t>SFT </a:t>
            </a:r>
            <a:r>
              <a:rPr sz="675" b="1" kern="0" spc="-6" dirty="0">
                <a:solidFill>
                  <a:srgbClr val="FFE399"/>
                </a:solidFill>
                <a:latin typeface="Segoe UI Semibold"/>
                <a:cs typeface="Segoe UI Semibold"/>
              </a:rPr>
              <a:t>use</a:t>
            </a:r>
            <a:r>
              <a:rPr sz="675" b="1" kern="0" spc="-42" dirty="0">
                <a:solidFill>
                  <a:srgbClr val="FFE399"/>
                </a:solidFill>
                <a:latin typeface="Segoe UI Semibold"/>
                <a:cs typeface="Segoe UI Semibold"/>
              </a:rPr>
              <a:t> </a:t>
            </a:r>
            <a:r>
              <a:rPr sz="675" b="1" kern="0" spc="-14" dirty="0">
                <a:solidFill>
                  <a:srgbClr val="FFE399"/>
                </a:solidFill>
                <a:latin typeface="Segoe UI Semibold"/>
                <a:cs typeface="Segoe UI Semibold"/>
              </a:rPr>
              <a:t>RM</a:t>
            </a:r>
            <a:endParaRPr sz="675" kern="0">
              <a:solidFill>
                <a:sysClr val="windowText" lastClr="000000"/>
              </a:solidFill>
              <a:latin typeface="Segoe UI Semibold"/>
              <a:cs typeface="Segoe UI Semibold"/>
            </a:endParaRPr>
          </a:p>
        </p:txBody>
      </p:sp>
      <p:grpSp>
        <p:nvGrpSpPr>
          <p:cNvPr id="34" name="object 34"/>
          <p:cNvGrpSpPr/>
          <p:nvPr/>
        </p:nvGrpSpPr>
        <p:grpSpPr>
          <a:xfrm>
            <a:off x="1456577" y="2274666"/>
            <a:ext cx="4594146" cy="1053346"/>
            <a:chOff x="2589471" y="2900851"/>
            <a:chExt cx="8167370" cy="1872614"/>
          </a:xfrm>
        </p:grpSpPr>
        <p:pic>
          <p:nvPicPr>
            <p:cNvPr id="35" name="object 35"/>
            <p:cNvPicPr/>
            <p:nvPr/>
          </p:nvPicPr>
          <p:blipFill>
            <a:blip r:embed="rId23" cstate="print"/>
            <a:stretch>
              <a:fillRect/>
            </a:stretch>
          </p:blipFill>
          <p:spPr>
            <a:xfrm>
              <a:off x="2615184" y="2926079"/>
              <a:ext cx="438912" cy="438912"/>
            </a:xfrm>
            <a:prstGeom prst="rect">
              <a:avLst/>
            </a:prstGeom>
          </p:spPr>
        </p:pic>
        <p:pic>
          <p:nvPicPr>
            <p:cNvPr id="36" name="object 36"/>
            <p:cNvPicPr/>
            <p:nvPr/>
          </p:nvPicPr>
          <p:blipFill>
            <a:blip r:embed="rId24" cstate="print"/>
            <a:stretch>
              <a:fillRect/>
            </a:stretch>
          </p:blipFill>
          <p:spPr>
            <a:xfrm>
              <a:off x="2589471" y="2900851"/>
              <a:ext cx="310476" cy="310539"/>
            </a:xfrm>
            <a:prstGeom prst="rect">
              <a:avLst/>
            </a:prstGeom>
          </p:spPr>
        </p:pic>
        <p:pic>
          <p:nvPicPr>
            <p:cNvPr id="37" name="object 37"/>
            <p:cNvPicPr/>
            <p:nvPr/>
          </p:nvPicPr>
          <p:blipFill>
            <a:blip r:embed="rId25" cstate="print"/>
            <a:stretch>
              <a:fillRect/>
            </a:stretch>
          </p:blipFill>
          <p:spPr>
            <a:xfrm>
              <a:off x="5166360" y="2926079"/>
              <a:ext cx="441960" cy="438912"/>
            </a:xfrm>
            <a:prstGeom prst="rect">
              <a:avLst/>
            </a:prstGeom>
          </p:spPr>
        </p:pic>
        <p:pic>
          <p:nvPicPr>
            <p:cNvPr id="38" name="object 38"/>
            <p:cNvPicPr/>
            <p:nvPr/>
          </p:nvPicPr>
          <p:blipFill>
            <a:blip r:embed="rId26" cstate="print"/>
            <a:stretch>
              <a:fillRect/>
            </a:stretch>
          </p:blipFill>
          <p:spPr>
            <a:xfrm>
              <a:off x="5143124" y="2900851"/>
              <a:ext cx="310476" cy="310539"/>
            </a:xfrm>
            <a:prstGeom prst="rect">
              <a:avLst/>
            </a:prstGeom>
          </p:spPr>
        </p:pic>
        <p:pic>
          <p:nvPicPr>
            <p:cNvPr id="39" name="object 39"/>
            <p:cNvPicPr/>
            <p:nvPr/>
          </p:nvPicPr>
          <p:blipFill>
            <a:blip r:embed="rId27" cstate="print"/>
            <a:stretch>
              <a:fillRect/>
            </a:stretch>
          </p:blipFill>
          <p:spPr>
            <a:xfrm>
              <a:off x="7693151" y="2926079"/>
              <a:ext cx="441959" cy="438912"/>
            </a:xfrm>
            <a:prstGeom prst="rect">
              <a:avLst/>
            </a:prstGeom>
          </p:spPr>
        </p:pic>
        <p:pic>
          <p:nvPicPr>
            <p:cNvPr id="40" name="object 40"/>
            <p:cNvPicPr/>
            <p:nvPr/>
          </p:nvPicPr>
          <p:blipFill>
            <a:blip r:embed="rId28" cstate="print"/>
            <a:stretch>
              <a:fillRect/>
            </a:stretch>
          </p:blipFill>
          <p:spPr>
            <a:xfrm>
              <a:off x="7669662" y="2900851"/>
              <a:ext cx="310476" cy="310539"/>
            </a:xfrm>
            <a:prstGeom prst="rect">
              <a:avLst/>
            </a:prstGeom>
          </p:spPr>
        </p:pic>
        <p:pic>
          <p:nvPicPr>
            <p:cNvPr id="41" name="object 41"/>
            <p:cNvPicPr/>
            <p:nvPr/>
          </p:nvPicPr>
          <p:blipFill>
            <a:blip r:embed="rId29" cstate="print"/>
            <a:stretch>
              <a:fillRect/>
            </a:stretch>
          </p:blipFill>
          <p:spPr>
            <a:xfrm>
              <a:off x="10314432" y="2926079"/>
              <a:ext cx="441959" cy="438912"/>
            </a:xfrm>
            <a:prstGeom prst="rect">
              <a:avLst/>
            </a:prstGeom>
          </p:spPr>
        </p:pic>
        <p:pic>
          <p:nvPicPr>
            <p:cNvPr id="42" name="object 42"/>
            <p:cNvPicPr/>
            <p:nvPr/>
          </p:nvPicPr>
          <p:blipFill>
            <a:blip r:embed="rId30" cstate="print"/>
            <a:stretch>
              <a:fillRect/>
            </a:stretch>
          </p:blipFill>
          <p:spPr>
            <a:xfrm>
              <a:off x="10289680" y="2900851"/>
              <a:ext cx="310476" cy="310539"/>
            </a:xfrm>
            <a:prstGeom prst="rect">
              <a:avLst/>
            </a:prstGeom>
          </p:spPr>
        </p:pic>
        <p:pic>
          <p:nvPicPr>
            <p:cNvPr id="43" name="object 43"/>
            <p:cNvPicPr/>
            <p:nvPr/>
          </p:nvPicPr>
          <p:blipFill>
            <a:blip r:embed="rId31" cstate="print"/>
            <a:stretch>
              <a:fillRect/>
            </a:stretch>
          </p:blipFill>
          <p:spPr>
            <a:xfrm>
              <a:off x="2615184" y="4334255"/>
              <a:ext cx="438912" cy="438912"/>
            </a:xfrm>
            <a:prstGeom prst="rect">
              <a:avLst/>
            </a:prstGeom>
          </p:spPr>
        </p:pic>
        <p:pic>
          <p:nvPicPr>
            <p:cNvPr id="44" name="object 44"/>
            <p:cNvPicPr/>
            <p:nvPr/>
          </p:nvPicPr>
          <p:blipFill>
            <a:blip r:embed="rId32" cstate="print"/>
            <a:stretch>
              <a:fillRect/>
            </a:stretch>
          </p:blipFill>
          <p:spPr>
            <a:xfrm>
              <a:off x="2589471" y="4308545"/>
              <a:ext cx="310476" cy="310539"/>
            </a:xfrm>
            <a:prstGeom prst="rect">
              <a:avLst/>
            </a:prstGeom>
          </p:spPr>
        </p:pic>
        <p:pic>
          <p:nvPicPr>
            <p:cNvPr id="45" name="object 45"/>
            <p:cNvPicPr/>
            <p:nvPr/>
          </p:nvPicPr>
          <p:blipFill>
            <a:blip r:embed="rId33" cstate="print"/>
            <a:stretch>
              <a:fillRect/>
            </a:stretch>
          </p:blipFill>
          <p:spPr>
            <a:xfrm>
              <a:off x="5166360" y="4334255"/>
              <a:ext cx="441960" cy="438912"/>
            </a:xfrm>
            <a:prstGeom prst="rect">
              <a:avLst/>
            </a:prstGeom>
          </p:spPr>
        </p:pic>
        <p:pic>
          <p:nvPicPr>
            <p:cNvPr id="46" name="object 46"/>
            <p:cNvPicPr/>
            <p:nvPr/>
          </p:nvPicPr>
          <p:blipFill>
            <a:blip r:embed="rId34" cstate="print"/>
            <a:stretch>
              <a:fillRect/>
            </a:stretch>
          </p:blipFill>
          <p:spPr>
            <a:xfrm>
              <a:off x="5143125" y="4308545"/>
              <a:ext cx="310476" cy="310539"/>
            </a:xfrm>
            <a:prstGeom prst="rect">
              <a:avLst/>
            </a:prstGeom>
          </p:spPr>
        </p:pic>
        <p:pic>
          <p:nvPicPr>
            <p:cNvPr id="47" name="object 47"/>
            <p:cNvPicPr/>
            <p:nvPr/>
          </p:nvPicPr>
          <p:blipFill>
            <a:blip r:embed="rId35" cstate="print"/>
            <a:stretch>
              <a:fillRect/>
            </a:stretch>
          </p:blipFill>
          <p:spPr>
            <a:xfrm>
              <a:off x="7693151" y="4334255"/>
              <a:ext cx="441959" cy="438912"/>
            </a:xfrm>
            <a:prstGeom prst="rect">
              <a:avLst/>
            </a:prstGeom>
          </p:spPr>
        </p:pic>
        <p:pic>
          <p:nvPicPr>
            <p:cNvPr id="48" name="object 48"/>
            <p:cNvPicPr/>
            <p:nvPr/>
          </p:nvPicPr>
          <p:blipFill>
            <a:blip r:embed="rId36" cstate="print"/>
            <a:stretch>
              <a:fillRect/>
            </a:stretch>
          </p:blipFill>
          <p:spPr>
            <a:xfrm>
              <a:off x="7669662" y="4308545"/>
              <a:ext cx="310476" cy="310539"/>
            </a:xfrm>
            <a:prstGeom prst="rect">
              <a:avLst/>
            </a:prstGeom>
          </p:spPr>
        </p:pic>
        <p:pic>
          <p:nvPicPr>
            <p:cNvPr id="49" name="object 49"/>
            <p:cNvPicPr/>
            <p:nvPr/>
          </p:nvPicPr>
          <p:blipFill>
            <a:blip r:embed="rId37" cstate="print"/>
            <a:stretch>
              <a:fillRect/>
            </a:stretch>
          </p:blipFill>
          <p:spPr>
            <a:xfrm>
              <a:off x="10314432" y="4334255"/>
              <a:ext cx="441959" cy="438912"/>
            </a:xfrm>
            <a:prstGeom prst="rect">
              <a:avLst/>
            </a:prstGeom>
          </p:spPr>
        </p:pic>
        <p:pic>
          <p:nvPicPr>
            <p:cNvPr id="50" name="object 50"/>
            <p:cNvPicPr/>
            <p:nvPr/>
          </p:nvPicPr>
          <p:blipFill>
            <a:blip r:embed="rId38" cstate="print"/>
            <a:stretch>
              <a:fillRect/>
            </a:stretch>
          </p:blipFill>
          <p:spPr>
            <a:xfrm>
              <a:off x="10289680" y="4308545"/>
              <a:ext cx="310476" cy="310539"/>
            </a:xfrm>
            <a:prstGeom prst="rect">
              <a:avLst/>
            </a:prstGeom>
          </p:spPr>
        </p:pic>
        <p:pic>
          <p:nvPicPr>
            <p:cNvPr id="51" name="object 51"/>
            <p:cNvPicPr/>
            <p:nvPr/>
          </p:nvPicPr>
          <p:blipFill>
            <a:blip r:embed="rId39" cstate="print"/>
            <a:stretch>
              <a:fillRect/>
            </a:stretch>
          </p:blipFill>
          <p:spPr>
            <a:xfrm>
              <a:off x="6428231" y="4325111"/>
              <a:ext cx="441960" cy="441960"/>
            </a:xfrm>
            <a:prstGeom prst="rect">
              <a:avLst/>
            </a:prstGeom>
          </p:spPr>
        </p:pic>
        <p:pic>
          <p:nvPicPr>
            <p:cNvPr id="52" name="object 52"/>
            <p:cNvPicPr/>
            <p:nvPr/>
          </p:nvPicPr>
          <p:blipFill>
            <a:blip r:embed="rId40" cstate="print"/>
            <a:stretch>
              <a:fillRect/>
            </a:stretch>
          </p:blipFill>
          <p:spPr>
            <a:xfrm>
              <a:off x="6404418" y="4301959"/>
              <a:ext cx="308498" cy="308498"/>
            </a:xfrm>
            <a:prstGeom prst="rect">
              <a:avLst/>
            </a:prstGeom>
          </p:spPr>
        </p:pic>
        <p:pic>
          <p:nvPicPr>
            <p:cNvPr id="53" name="object 53"/>
            <p:cNvPicPr/>
            <p:nvPr/>
          </p:nvPicPr>
          <p:blipFill>
            <a:blip r:embed="rId41" cstate="print"/>
            <a:stretch>
              <a:fillRect/>
            </a:stretch>
          </p:blipFill>
          <p:spPr>
            <a:xfrm>
              <a:off x="8976360" y="4325111"/>
              <a:ext cx="438911" cy="441960"/>
            </a:xfrm>
            <a:prstGeom prst="rect">
              <a:avLst/>
            </a:prstGeom>
          </p:spPr>
        </p:pic>
        <p:pic>
          <p:nvPicPr>
            <p:cNvPr id="54" name="object 54"/>
            <p:cNvPicPr/>
            <p:nvPr/>
          </p:nvPicPr>
          <p:blipFill>
            <a:blip r:embed="rId42" cstate="print"/>
            <a:stretch>
              <a:fillRect/>
            </a:stretch>
          </p:blipFill>
          <p:spPr>
            <a:xfrm>
              <a:off x="8951813" y="4301958"/>
              <a:ext cx="308498" cy="308498"/>
            </a:xfrm>
            <a:prstGeom prst="rect">
              <a:avLst/>
            </a:prstGeom>
          </p:spPr>
        </p:pic>
        <p:pic>
          <p:nvPicPr>
            <p:cNvPr id="55" name="object 55"/>
            <p:cNvPicPr/>
            <p:nvPr/>
          </p:nvPicPr>
          <p:blipFill>
            <a:blip r:embed="rId43" cstate="print"/>
            <a:stretch>
              <a:fillRect/>
            </a:stretch>
          </p:blipFill>
          <p:spPr>
            <a:xfrm>
              <a:off x="3880104" y="4325111"/>
              <a:ext cx="441960" cy="441960"/>
            </a:xfrm>
            <a:prstGeom prst="rect">
              <a:avLst/>
            </a:prstGeom>
          </p:spPr>
        </p:pic>
        <p:pic>
          <p:nvPicPr>
            <p:cNvPr id="56" name="object 56"/>
            <p:cNvPicPr/>
            <p:nvPr/>
          </p:nvPicPr>
          <p:blipFill>
            <a:blip r:embed="rId44" cstate="print"/>
            <a:stretch>
              <a:fillRect/>
            </a:stretch>
          </p:blipFill>
          <p:spPr>
            <a:xfrm>
              <a:off x="3857025" y="4301960"/>
              <a:ext cx="308498" cy="308498"/>
            </a:xfrm>
            <a:prstGeom prst="rect">
              <a:avLst/>
            </a:prstGeom>
          </p:spPr>
        </p:pic>
      </p:grpSp>
      <p:sp>
        <p:nvSpPr>
          <p:cNvPr id="57" name="Rectangle 56">
            <a:extLst>
              <a:ext uri="{FF2B5EF4-FFF2-40B4-BE49-F238E27FC236}">
                <a16:creationId xmlns:a16="http://schemas.microsoft.com/office/drawing/2014/main" id="{71A3CF5B-066A-082A-30A4-AE8C0A7189DC}"/>
              </a:ext>
            </a:extLst>
          </p:cNvPr>
          <p:cNvSpPr/>
          <p:nvPr/>
        </p:nvSpPr>
        <p:spPr bwMode="auto">
          <a:xfrm>
            <a:off x="817355" y="1323966"/>
            <a:ext cx="1447125" cy="3150757"/>
          </a:xfrm>
          <a:prstGeom prst="rect">
            <a:avLst/>
          </a:prstGeom>
          <a:no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cSld>
  <p:clrMapOvr>
    <a:masterClrMapping/>
  </p:clrMapOvr>
</p:sld>
</file>

<file path=ppt/theme/theme1.xml><?xml version="1.0" encoding="utf-8"?>
<a:theme xmlns:a="http://schemas.openxmlformats.org/drawingml/2006/main" name="2_CLA Standard Powerpoint Template">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CLA">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Standard" id="{E449B996-7CFD-46CD-9145-BD7E01251CE0}" vid="{CC3E39E1-FB2B-4FC6-93C0-AA5E0E0468C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CLA-Standard Template 2023","templateDescription":"","enableDocumentContentUpdater":false,"version":"2.0"}]]></Templafy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212526523706759","enableDocumentContentUpdater":false,"version":"2.0"}]]></TemplafySlideTemplateConfiguration>
</file>

<file path=customXml/itemProps1.xml><?xml version="1.0" encoding="utf-8"?>
<ds:datastoreItem xmlns:ds="http://schemas.openxmlformats.org/officeDocument/2006/customXml" ds:itemID="{0DEB77F6-E2CD-4A81-B16C-1E68E8A38602}">
  <ds:schemaRefs/>
</ds:datastoreItem>
</file>

<file path=customXml/itemProps2.xml><?xml version="1.0" encoding="utf-8"?>
<ds:datastoreItem xmlns:ds="http://schemas.openxmlformats.org/officeDocument/2006/customXml" ds:itemID="{5941BA55-A362-4053-8AB7-CA775036D31A}">
  <ds:schemaRefs/>
</ds:datastoreItem>
</file>

<file path=customXml/itemProps3.xml><?xml version="1.0" encoding="utf-8"?>
<ds:datastoreItem xmlns:ds="http://schemas.openxmlformats.org/officeDocument/2006/customXml" ds:itemID="{9017CC29-450B-4FDA-806C-7447297A642A}">
  <ds:schemaRefs/>
</ds:datastoreItem>
</file>

<file path=customXml/itemProps4.xml><?xml version="1.0" encoding="utf-8"?>
<ds:datastoreItem xmlns:ds="http://schemas.openxmlformats.org/officeDocument/2006/customXml" ds:itemID="{88B7EFAE-1F48-4718-AEB4-87D1FD6966ED}">
  <ds:schemaRefs/>
</ds:datastoreItem>
</file>

<file path=docProps/app.xml><?xml version="1.0" encoding="utf-8"?>
<Properties xmlns="http://schemas.openxmlformats.org/officeDocument/2006/extended-properties" xmlns:vt="http://schemas.openxmlformats.org/officeDocument/2006/docPropsVTypes">
  <Template>5CFE4F97</Template>
  <TotalTime>83</TotalTime>
  <Words>324</Words>
  <Application>Microsoft Office PowerPoint</Application>
  <PresentationFormat>Custom</PresentationFormat>
  <Paragraphs>92</Paragraphs>
  <Slides>13</Slides>
  <Notes>2</Notes>
  <HiddenSlides>0</HiddenSlides>
  <MMClips>0</MMClips>
  <ScaleCrop>false</ScaleCrop>
  <HeadingPairs>
    <vt:vector size="6" baseType="variant">
      <vt:variant>
        <vt:lpstr>Fonts Used</vt:lpstr>
      </vt:variant>
      <vt:variant>
        <vt:i4>10</vt:i4>
      </vt:variant>
      <vt:variant>
        <vt:lpstr>Theme</vt:lpstr>
      </vt:variant>
      <vt:variant>
        <vt:i4>1</vt:i4>
      </vt:variant>
      <vt:variant>
        <vt:lpstr>Slide Titles</vt:lpstr>
      </vt:variant>
      <vt:variant>
        <vt:i4>13</vt:i4>
      </vt:variant>
    </vt:vector>
  </HeadingPairs>
  <TitlesOfParts>
    <vt:vector size="24" baseType="lpstr">
      <vt:lpstr>Arial</vt:lpstr>
      <vt:lpstr>Arial Narrow</vt:lpstr>
      <vt:lpstr>Calibri</vt:lpstr>
      <vt:lpstr>Cambria Math</vt:lpstr>
      <vt:lpstr>Courier New</vt:lpstr>
      <vt:lpstr>Georgia</vt:lpstr>
      <vt:lpstr>Segoe UI</vt:lpstr>
      <vt:lpstr>Segoe UI Semibold</vt:lpstr>
      <vt:lpstr>Söhne</vt:lpstr>
      <vt:lpstr>Wingdings</vt:lpstr>
      <vt:lpstr>2_CLA Standard Powerpoint Template</vt:lpstr>
      <vt:lpstr>From Scratch to Fine-Tuning: The Evolution of Deep Learning</vt:lpstr>
      <vt:lpstr>Deep Learning</vt:lpstr>
      <vt:lpstr>Deep Learning</vt:lpstr>
      <vt:lpstr>Deep Learning</vt:lpstr>
      <vt:lpstr>Deep Learning</vt:lpstr>
      <vt:lpstr>Deep Learning</vt:lpstr>
      <vt:lpstr>Optimization</vt:lpstr>
      <vt:lpstr>Latent Representations</vt:lpstr>
      <vt:lpstr>GPT Assistant training pipeline</vt:lpstr>
      <vt:lpstr>Training data (Shakespeare)</vt:lpstr>
      <vt:lpstr>Latent Representations</vt:lpstr>
      <vt:lpstr>Fine Tune for different objective</vt:lpstr>
      <vt:lpstr>GPT Assistant training pipeline</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rom Scratch to Fine-Tuning: The Evolution of Deep Learning</dc:title>
  <dc:creator>White, Alex</dc:creator>
  <cp:lastModifiedBy>White, Alex</cp:lastModifiedBy>
  <cp:revision>1</cp:revision>
  <dcterms:created xsi:type="dcterms:W3CDTF">2023-10-12T11:04:34Z</dcterms:created>
  <dcterms:modified xsi:type="dcterms:W3CDTF">2023-10-12T12:28:3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6-01T21:44:12</vt:lpwstr>
  </property>
  <property fmtid="{D5CDD505-2E9C-101B-9397-08002B2CF9AE}" pid="3" name="TemplafyTenantId">
    <vt:lpwstr>claconnect</vt:lpwstr>
  </property>
  <property fmtid="{D5CDD505-2E9C-101B-9397-08002B2CF9AE}" pid="4" name="TemplafyTemplateId">
    <vt:lpwstr>638048036054381194</vt:lpwstr>
  </property>
  <property fmtid="{D5CDD505-2E9C-101B-9397-08002B2CF9AE}" pid="5" name="TemplafyUserProfileId">
    <vt:lpwstr>638246816289704236</vt:lpwstr>
  </property>
  <property fmtid="{D5CDD505-2E9C-101B-9397-08002B2CF9AE}" pid="6" name="TemplafyLanguageCode">
    <vt:lpwstr>en-US</vt:lpwstr>
  </property>
  <property fmtid="{D5CDD505-2E9C-101B-9397-08002B2CF9AE}" pid="7" name="TemplafyFromBlank">
    <vt:bool>false</vt:bool>
  </property>
</Properties>
</file>